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externalLinks/externalLink3.xml" ContentType="application/vnd.openxmlformats-officedocument.spreadsheetml.externalLink+xml"/>
  <Override PartName="/xl/externalLinks/externalLink4.xml" ContentType="application/vnd.openxmlformats-officedocument.spreadsheetml.externalLink+xml"/>
  <Override PartName="/xl/externalLinks/externalLink5.xml" ContentType="application/vnd.openxmlformats-officedocument.spreadsheetml.externalLink+xml"/>
  <Override PartName="/xl/externalLinks/externalLink6.xml" ContentType="application/vnd.openxmlformats-officedocument.spreadsheetml.externalLink+xml"/>
  <Override PartName="/xl/externalLinks/externalLink7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4931"/>
  <workbookPr defaultThemeVersion="166925"/>
  <mc:AlternateContent xmlns:mc="http://schemas.openxmlformats.org/markup-compatibility/2006">
    <mc:Choice Requires="x15">
      <x15ac:absPath xmlns:x15ac="http://schemas.microsoft.com/office/spreadsheetml/2010/11/ac" url="C:\Users\sa71266\Desktop\"/>
    </mc:Choice>
  </mc:AlternateContent>
  <xr:revisionPtr revIDLastSave="0" documentId="8_{0575C9E4-958C-4BBE-A790-1ADDAF049905}" xr6:coauthVersionLast="47" xr6:coauthVersionMax="47" xr10:uidLastSave="{00000000-0000-0000-0000-000000000000}"/>
  <bookViews>
    <workbookView xWindow="-120" yWindow="-120" windowWidth="29040" windowHeight="15840" xr2:uid="{A996D337-5572-4A70-9768-B6EEEE272038}"/>
  </bookViews>
  <sheets>
    <sheet name="230" sheetId="1" r:id="rId1"/>
  </sheets>
  <externalReferences>
    <externalReference r:id="rId2"/>
    <externalReference r:id="rId3"/>
    <externalReference r:id="rId4"/>
    <externalReference r:id="rId5"/>
    <externalReference r:id="rId6"/>
    <externalReference r:id="rId7"/>
    <externalReference r:id="rId8"/>
  </externalReferences>
  <definedNames>
    <definedName name="f">#REF!</definedName>
    <definedName name="ff" localSheetId="0">[2]固定データ集!#REF!</definedName>
    <definedName name="ff">[2]固定データ集!#REF!</definedName>
    <definedName name="fff">#REF!</definedName>
    <definedName name="_xlnm.Print_Area" localSheetId="0">'230'!$A$1:$H$53</definedName>
    <definedName name="vf">#REF!</definedName>
    <definedName name="あ">[3]★入力台帳!$B$2:$BU$611</definedName>
    <definedName name="あい" localSheetId="0">[2]固定データ集!#REF!</definedName>
    <definedName name="あい">[2]固定データ集!#REF!</definedName>
    <definedName name="あ製造業小分類一列">#REF!</definedName>
    <definedName name="あ製造業小分類範囲">#REF!</definedName>
    <definedName name="あ製造業中分類一列">#REF!</definedName>
    <definedName name="い">[3]★入力台帳!$B$1:$BU$1</definedName>
    <definedName name="い卸小売小分類一列" localSheetId="0">[2]固定データ集!#REF!</definedName>
    <definedName name="い卸小売小分類一列">[2]固定データ集!#REF!</definedName>
    <definedName name="い卸小売小分類範囲" localSheetId="0">[2]固定データ集!#REF!</definedName>
    <definedName name="い卸小売小分類範囲">[2]固定データ集!#REF!</definedName>
    <definedName name="い卸小売中分類一列" localSheetId="0">[2]固定データ集!#REF!</definedName>
    <definedName name="い卸小売中分類一列">[2]固定データ集!#REF!</definedName>
    <definedName name="う">[3]★入力台帳!$B$1:$BU$1</definedName>
    <definedName name="えサービス小分類一列" localSheetId="0">[2]固定データ集!#REF!</definedName>
    <definedName name="えサービス小分類一列">[2]固定データ集!#REF!</definedName>
    <definedName name="えサービス小分類範囲" localSheetId="0">[2]固定データ集!#REF!</definedName>
    <definedName name="えサービス小分類範囲">[2]固定データ集!#REF!</definedName>
    <definedName name="えサービス中分類一列" localSheetId="0">[2]固定データ集!#REF!</definedName>
    <definedName name="えサービス中分類一列">[2]固定データ集!#REF!</definedName>
    <definedName name="け">[3]★入力台帳!$B$1:$BU$1</definedName>
    <definedName name="ここ">#REF!</definedName>
    <definedName name="ゴム製品製造業">#REF!</definedName>
    <definedName name="サービス業">#REF!</definedName>
    <definedName name="その他サービス業">#REF!</definedName>
    <definedName name="その他卸小売業">#REF!</definedName>
    <definedName name="その他製造業">#REF!</definedName>
    <definedName name="データ" localSheetId="0">#REF!</definedName>
    <definedName name="データ">#REF!</definedName>
    <definedName name="はは" localSheetId="0">[2]固定データ集!#REF!</definedName>
    <definedName name="はは">[2]固定データ集!#REF!</definedName>
    <definedName name="プラスチック製品製造業">#REF!</definedName>
    <definedName name="ぽ">[3]★入力台帳!$B$1:$BU$1</definedName>
    <definedName name="安全注釈大分類">[4]ﾃﾞｰﾀｼｰﾄ!$G$88:$G$92</definedName>
    <definedName name="医薬品・化粧品卸小売業">#REF!</definedName>
    <definedName name="医療業_保健衛生サービス業">#REF!</definedName>
    <definedName name="一般サービス業">#REF!</definedName>
    <definedName name="一般機械器具卸小売業">#REF!</definedName>
    <definedName name="一般機械器具製造業">#REF!</definedName>
    <definedName name="運動競技用具・遊具卸小売業">#REF!</definedName>
    <definedName name="運輸・通信業">#REF!</definedName>
    <definedName name="映画・ビデオ製作業_放送業">#REF!</definedName>
    <definedName name="卸小売業">#REF!</definedName>
    <definedName name="化学工業製品卸小売業">#REF!</definedName>
    <definedName name="化学工業製品製造業">#REF!</definedName>
    <definedName name="家具・建具・付器卸小売業">#REF!</definedName>
    <definedName name="家具・装飾品製造業">#REF!</definedName>
    <definedName name="玩具・娯楽用品・楽器卸小売業">#REF!</definedName>
    <definedName name="機械・家具等保守・修理業">#REF!</definedName>
    <definedName name="給食業">#REF!</definedName>
    <definedName name="橋梁設計・監理業">#REF!</definedName>
    <definedName name="業者データで項目・業者名なし" localSheetId="0">#REF!</definedName>
    <definedName name="業者データで項目・業者名なし">#REF!</definedName>
    <definedName name="業者データ業者名一列" localSheetId="0">#REF!</definedName>
    <definedName name="業者データ業者名一列">#REF!</definedName>
    <definedName name="業者データ項目一行" localSheetId="0">#REF!</definedName>
    <definedName name="業者データ項目一行">#REF!</definedName>
    <definedName name="業者名縦一列">[5]★全業者リスト!$C$2:$C$4212</definedName>
    <definedName name="金属製品製造業">#REF!</definedName>
    <definedName name="金物・荒物・日用品卸小売業">#REF!</definedName>
    <definedName name="契約書宛名" localSheetId="0">#REF!</definedName>
    <definedName name="契約書宛名">#REF!</definedName>
    <definedName name="計量証明業">#REF!</definedName>
    <definedName name="警備業">#REF!</definedName>
    <definedName name="件名品名番号一列" localSheetId="0">#REF!</definedName>
    <definedName name="件名品名番号一列">#REF!</definedName>
    <definedName name="建設サービス業">#REF!</definedName>
    <definedName name="建設関連サービス業">#REF!</definedName>
    <definedName name="建設関連調査サービス業">#REF!</definedName>
    <definedName name="建築材料卸小売業">#REF!</definedName>
    <definedName name="建築設計・監理業">#REF!</definedName>
    <definedName name="建物環境衛生管理業">#REF!</definedName>
    <definedName name="建物清掃業">#REF!</definedName>
    <definedName name="建物設備等保守管理業">#REF!</definedName>
    <definedName name="公園街路樹等管理業">#REF!</definedName>
    <definedName name="広告業">#REF!</definedName>
    <definedName name="鋼材・鋳鋼等製品業">#REF!</definedName>
    <definedName name="項目一行" localSheetId="0">#REF!</definedName>
    <definedName name="項目一行">#REF!</definedName>
    <definedName name="項目横一行">[5]★全業者リスト!$A$1:$I$1</definedName>
    <definedName name="再生資源">#REF!</definedName>
    <definedName name="札幌川重車両エンジニアリング㈱">#REF!</definedName>
    <definedName name="紙・紙加工品製造業">#REF!</definedName>
    <definedName name="写真業">#REF!</definedName>
    <definedName name="車両整備業">#REF!</definedName>
    <definedName name="出版･印刷業">#REF!</definedName>
    <definedName name="書籍・文房具・印判卸小売業">#REF!</definedName>
    <definedName name="除雪サービス業">#REF!</definedName>
    <definedName name="上下水道施設等維持管理業">#REF!</definedName>
    <definedName name="情報サービス_研究・調査企画サービス業">#REF!</definedName>
    <definedName name="食料品・飲料卸小売業">#REF!</definedName>
    <definedName name="食料品・飲料製造業">#REF!</definedName>
    <definedName name="精密機械器具卸小売業">#REF!</definedName>
    <definedName name="精密機械器具製造業">#REF!</definedName>
    <definedName name="製造業">#REF!</definedName>
    <definedName name="石油・石炭製品製造業">#REF!</definedName>
    <definedName name="設備設計・監理業">#REF!</definedName>
    <definedName name="専門サービス業">#REF!</definedName>
    <definedName name="洗濯業">#REF!</definedName>
    <definedName name="繊維製品卸小売業">#REF!</definedName>
    <definedName name="繊維製品製造業">#REF!</definedName>
    <definedName name="全業者データ">[5]★全業者リスト!$A$2:$I$4212</definedName>
    <definedName name="測量業">#REF!</definedName>
    <definedName name="速記･筆耕・複写業">#REF!</definedName>
    <definedName name="大分類">[4]ﾃﾞｰﾀｼｰﾄ!$G$2:$G$6</definedName>
    <definedName name="単価契約リスト範囲" localSheetId="0">#REF!</definedName>
    <definedName name="単価契約リスト範囲">#REF!</definedName>
    <definedName name="担当係">[4]ﾃﾞｰﾀｼｰﾄ!$D$71:$D$101</definedName>
    <definedName name="地質調査業">#REF!</definedName>
    <definedName name="電気機械器具卸小売業">#REF!</definedName>
    <definedName name="電気機械器具製造業">#REF!</definedName>
    <definedName name="電力供給業">#REF!</definedName>
    <definedName name="土木設計・監理業">#REF!</definedName>
    <definedName name="入力台帳で件名">[6]★入力台帳!$B$2:$CT$101</definedName>
    <definedName name="入力台帳で項目・番号なし">[7]★入力台帳!$B$2:$BQ$598</definedName>
    <definedName name="入力台帳項目一行">[7]★入力台帳!$B$1:$BQ$1</definedName>
    <definedName name="入力台帳整理番号一列">[7]★入力台帳!$A$2:$A$598</definedName>
    <definedName name="燃料卸小売業">#REF!</definedName>
    <definedName name="農耕用品卸小売業">#REF!</definedName>
    <definedName name="廃棄物処理業">#REF!</definedName>
    <definedName name="発注課">[4]ﾃﾞｰﾀｼｰﾄ!$C$71:$C$91</definedName>
    <definedName name="皮革製品卸小売業">#REF!</definedName>
    <definedName name="皮革製品製造業">#REF!</definedName>
    <definedName name="美術工芸品卸小売業">#REF!</definedName>
    <definedName name="物品賃貸業">#REF!</definedName>
    <definedName name="木材・木製品製造業">#REF!</definedName>
    <definedName name="輸送機械器具卸小売業">#REF!</definedName>
    <definedName name="輸送機械器具製造業">#REF!</definedName>
    <definedName name="予定価格書">#REF!</definedName>
    <definedName name="窯業・土石製品卸小売業">#REF!</definedName>
    <definedName name="窯業・土石製品製造業">#REF!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</xcalcf:calcFeatures>
    </ext>
  </extLst>
</workbook>
</file>

<file path=xl/sharedStrings.xml><?xml version="1.0" encoding="utf-8"?>
<sst xmlns="http://schemas.openxmlformats.org/spreadsheetml/2006/main" count="40" uniqueCount="31">
  <si>
    <t>名称№２３０</t>
  </si>
  <si>
    <t>入　　札　　書</t>
    <rPh sb="0" eb="1">
      <t>ニュウ</t>
    </rPh>
    <rPh sb="3" eb="4">
      <t>サツ</t>
    </rPh>
    <rPh sb="6" eb="7">
      <t>ショ</t>
    </rPh>
    <phoneticPr fontId="3"/>
  </si>
  <si>
    <t>入札金額</t>
    <phoneticPr fontId="3"/>
  </si>
  <si>
    <t>円也</t>
    <rPh sb="0" eb="1">
      <t>エン</t>
    </rPh>
    <rPh sb="1" eb="2">
      <t>ナリ</t>
    </rPh>
    <phoneticPr fontId="3"/>
  </si>
  <si>
    <t>※提出前に必ず内容を確認してください。</t>
    <phoneticPr fontId="3"/>
  </si>
  <si>
    <t>　　廃棄物処理（４）</t>
  </si>
  <si>
    <t>品名・業務内容等</t>
    <rPh sb="3" eb="5">
      <t>ギョウム</t>
    </rPh>
    <rPh sb="5" eb="7">
      <t>ナイヨウ</t>
    </rPh>
    <rPh sb="7" eb="8">
      <t>ナド</t>
    </rPh>
    <phoneticPr fontId="3"/>
  </si>
  <si>
    <t>形状・寸法、仕様等</t>
    <rPh sb="0" eb="2">
      <t>ケイジョウ</t>
    </rPh>
    <rPh sb="3" eb="5">
      <t>スンポウ</t>
    </rPh>
    <rPh sb="6" eb="8">
      <t>シヨウ</t>
    </rPh>
    <rPh sb="8" eb="9">
      <t>ナド</t>
    </rPh>
    <phoneticPr fontId="3"/>
  </si>
  <si>
    <t>単位</t>
    <rPh sb="0" eb="2">
      <t>タンイ</t>
    </rPh>
    <phoneticPr fontId="3"/>
  </si>
  <si>
    <t>予定数量</t>
    <rPh sb="0" eb="2">
      <t>ヨテイ</t>
    </rPh>
    <rPh sb="2" eb="4">
      <t>スウリョウ</t>
    </rPh>
    <phoneticPr fontId="3"/>
  </si>
  <si>
    <t>単価</t>
    <rPh sb="0" eb="2">
      <t>タンカ</t>
    </rPh>
    <phoneticPr fontId="3"/>
  </si>
  <si>
    <t>単価×予定数量</t>
    <rPh sb="0" eb="2">
      <t>タンカ</t>
    </rPh>
    <rPh sb="3" eb="5">
      <t>ヨテイ</t>
    </rPh>
    <rPh sb="5" eb="7">
      <t>スウリョウ</t>
    </rPh>
    <phoneticPr fontId="3"/>
  </si>
  <si>
    <t>廃油（油水系）</t>
  </si>
  <si>
    <t>収集運搬及び処分</t>
  </si>
  <si>
    <t>Ｌ</t>
  </si>
  <si>
    <t>廃油（グリス系）</t>
  </si>
  <si>
    <t>廃油（シンナー系）</t>
  </si>
  <si>
    <t>廃油（ギヤ油系）</t>
  </si>
  <si>
    <t>廃油（洗い油）</t>
  </si>
  <si>
    <t>推　定　総　金　額（上記入札金額と一致すること。）</t>
    <rPh sb="0" eb="1">
      <t>スイ</t>
    </rPh>
    <rPh sb="2" eb="3">
      <t>サダム</t>
    </rPh>
    <rPh sb="4" eb="5">
      <t>ソウ</t>
    </rPh>
    <rPh sb="6" eb="7">
      <t>カネ</t>
    </rPh>
    <rPh sb="8" eb="9">
      <t>ガク</t>
    </rPh>
    <rPh sb="10" eb="12">
      <t>ジョウキ</t>
    </rPh>
    <rPh sb="12" eb="14">
      <t>ニュウサツ</t>
    </rPh>
    <rPh sb="14" eb="16">
      <t>キンガク</t>
    </rPh>
    <rPh sb="17" eb="19">
      <t>イッチ</t>
    </rPh>
    <phoneticPr fontId="3"/>
  </si>
  <si>
    <t>　仕様書その他の書類、現場等を熟覧のうえ、札幌市交通局契約規程、札幌市交通局競争入札参加者心得及びその他関係規定等を遵守し、上記の金額で入札します。</t>
    <rPh sb="1" eb="4">
      <t>シヨウショ</t>
    </rPh>
    <rPh sb="6" eb="7">
      <t>タ</t>
    </rPh>
    <rPh sb="8" eb="10">
      <t>ショルイ</t>
    </rPh>
    <rPh sb="11" eb="13">
      <t>ゲンバ</t>
    </rPh>
    <rPh sb="13" eb="14">
      <t>トウ</t>
    </rPh>
    <rPh sb="15" eb="17">
      <t>ジュクラン</t>
    </rPh>
    <rPh sb="21" eb="24">
      <t>サッポロシ</t>
    </rPh>
    <rPh sb="24" eb="27">
      <t>コウツウキョク</t>
    </rPh>
    <rPh sb="27" eb="29">
      <t>ケイヤク</t>
    </rPh>
    <rPh sb="29" eb="31">
      <t>キテイ</t>
    </rPh>
    <rPh sb="32" eb="35">
      <t>サッポロシ</t>
    </rPh>
    <rPh sb="35" eb="38">
      <t>コウツウキョク</t>
    </rPh>
    <rPh sb="38" eb="40">
      <t>キョウソウ</t>
    </rPh>
    <rPh sb="40" eb="42">
      <t>ニュウサツ</t>
    </rPh>
    <rPh sb="42" eb="44">
      <t>サンカ</t>
    </rPh>
    <rPh sb="44" eb="45">
      <t>シャ</t>
    </rPh>
    <rPh sb="45" eb="47">
      <t>ココロエ</t>
    </rPh>
    <rPh sb="47" eb="48">
      <t>オヨ</t>
    </rPh>
    <rPh sb="51" eb="52">
      <t>タ</t>
    </rPh>
    <rPh sb="52" eb="54">
      <t>カンケイ</t>
    </rPh>
    <rPh sb="54" eb="56">
      <t>キテイ</t>
    </rPh>
    <rPh sb="56" eb="57">
      <t>トウ</t>
    </rPh>
    <rPh sb="58" eb="60">
      <t>ジュンシュ</t>
    </rPh>
    <rPh sb="62" eb="64">
      <t>ジョウキ</t>
    </rPh>
    <rPh sb="65" eb="67">
      <t>キンガク</t>
    </rPh>
    <rPh sb="68" eb="70">
      <t>ニュウサツ</t>
    </rPh>
    <phoneticPr fontId="3"/>
  </si>
  <si>
    <t>年　　月　　日</t>
    <rPh sb="0" eb="1">
      <t>ネン</t>
    </rPh>
    <rPh sb="3" eb="4">
      <t>ガツ</t>
    </rPh>
    <rPh sb="6" eb="7">
      <t>ニチ</t>
    </rPh>
    <phoneticPr fontId="3"/>
  </si>
  <si>
    <t>札幌市交通事業管理者</t>
    <rPh sb="0" eb="3">
      <t>サッポロシ</t>
    </rPh>
    <rPh sb="3" eb="5">
      <t>コウツウ</t>
    </rPh>
    <rPh sb="5" eb="7">
      <t>ジギョウ</t>
    </rPh>
    <rPh sb="7" eb="10">
      <t>カンリシャ</t>
    </rPh>
    <phoneticPr fontId="3"/>
  </si>
  <si>
    <t>　交通局長　中田　雅幸　様</t>
    <rPh sb="1" eb="3">
      <t>コウツウ</t>
    </rPh>
    <rPh sb="3" eb="5">
      <t>キョクチョウ</t>
    </rPh>
    <rPh sb="6" eb="8">
      <t>ナカタ</t>
    </rPh>
    <rPh sb="9" eb="10">
      <t>マサ</t>
    </rPh>
    <rPh sb="10" eb="11">
      <t>ユキ</t>
    </rPh>
    <rPh sb="12" eb="13">
      <t>サマ</t>
    </rPh>
    <phoneticPr fontId="3"/>
  </si>
  <si>
    <t>住　　所</t>
    <rPh sb="0" eb="1">
      <t>ジュウ</t>
    </rPh>
    <rPh sb="3" eb="4">
      <t>ショ</t>
    </rPh>
    <phoneticPr fontId="3"/>
  </si>
  <si>
    <r>
      <t xml:space="preserve">入　札　者　　 </t>
    </r>
    <r>
      <rPr>
        <sz val="10"/>
        <rFont val="ＭＳ ゴシック"/>
        <family val="3"/>
        <charset val="128"/>
      </rPr>
      <t>商号又は名称</t>
    </r>
    <rPh sb="0" eb="1">
      <t>ニュウ</t>
    </rPh>
    <rPh sb="2" eb="3">
      <t>サツ</t>
    </rPh>
    <rPh sb="4" eb="5">
      <t>シャ</t>
    </rPh>
    <phoneticPr fontId="3"/>
  </si>
  <si>
    <t>印　</t>
    <rPh sb="0" eb="1">
      <t>イン</t>
    </rPh>
    <phoneticPr fontId="3"/>
  </si>
  <si>
    <t>職・氏名</t>
    <phoneticPr fontId="3"/>
  </si>
  <si>
    <t>　　入札代理人　　　氏　　名</t>
    <rPh sb="2" eb="4">
      <t>ニュウサツ</t>
    </rPh>
    <rPh sb="4" eb="7">
      <t>ダイリニン</t>
    </rPh>
    <phoneticPr fontId="3"/>
  </si>
  <si>
    <t>備考１　代理人が入札する場合の訂正は、代理人の印鑑で行うこと（ただし、金額の訂正はできない。）。</t>
    <phoneticPr fontId="3"/>
  </si>
  <si>
    <t xml:space="preserve">    ２　代理人が入札するときは、入札者の押印を要しません。</t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2">
    <numFmt numFmtId="176" formatCode="[DBNum3]#,###"/>
    <numFmt numFmtId="177" formatCode="#,##0_);[Red]\(#,##0\)"/>
  </numFmts>
  <fonts count="16" x14ac:knownFonts="1">
    <font>
      <sz val="11"/>
      <name val="ＭＳ Ｐゴシック"/>
      <family val="3"/>
      <charset val="128"/>
    </font>
    <font>
      <sz val="11"/>
      <name val="ＭＳ Ｐゴシック"/>
      <family val="3"/>
      <charset val="128"/>
    </font>
    <font>
      <sz val="9"/>
      <name val="ＭＳ ゴシック"/>
      <family val="3"/>
      <charset val="128"/>
    </font>
    <font>
      <sz val="6"/>
      <name val="ＭＳ Ｐゴシック"/>
      <family val="3"/>
      <charset val="128"/>
    </font>
    <font>
      <sz val="12"/>
      <name val="ＭＳ ゴシック"/>
      <family val="3"/>
      <charset val="128"/>
    </font>
    <font>
      <sz val="10"/>
      <name val="ＭＳ ゴシック"/>
      <family val="3"/>
      <charset val="128"/>
    </font>
    <font>
      <b/>
      <sz val="20"/>
      <name val="ＭＳ ゴシック"/>
      <family val="3"/>
      <charset val="128"/>
    </font>
    <font>
      <sz val="24"/>
      <name val="ＭＳ ゴシック"/>
      <family val="3"/>
      <charset val="128"/>
    </font>
    <font>
      <sz val="16"/>
      <name val="ＭＳ ゴシック"/>
      <family val="3"/>
      <charset val="128"/>
    </font>
    <font>
      <sz val="22"/>
      <name val="ＭＳ ゴシック"/>
      <family val="3"/>
      <charset val="128"/>
    </font>
    <font>
      <b/>
      <sz val="12"/>
      <name val="ＭＳ ゴシック"/>
      <family val="3"/>
      <charset val="128"/>
    </font>
    <font>
      <sz val="14"/>
      <name val="ＭＳ ゴシック"/>
      <family val="3"/>
      <charset val="128"/>
    </font>
    <font>
      <sz val="11"/>
      <name val="ＭＳ ゴシック"/>
      <family val="3"/>
      <charset val="128"/>
    </font>
    <font>
      <u/>
      <sz val="12"/>
      <name val="ＭＳ ゴシック"/>
      <family val="3"/>
      <charset val="128"/>
    </font>
    <font>
      <sz val="14"/>
      <name val="ＭＳ 明朝"/>
      <family val="1"/>
      <charset val="128"/>
    </font>
    <font>
      <sz val="11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24">
    <border>
      <left/>
      <right/>
      <top/>
      <bottom/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/>
      <right style="thin">
        <color indexed="64"/>
      </right>
      <top style="hair">
        <color indexed="64"/>
      </top>
      <bottom style="hair">
        <color indexed="64"/>
      </bottom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/>
      <right style="thin">
        <color indexed="64"/>
      </right>
      <top style="hair">
        <color indexed="64"/>
      </top>
      <bottom style="thin">
        <color indexed="64"/>
      </bottom>
      <diagonal/>
    </border>
    <border>
      <left/>
      <right style="thin">
        <color indexed="64"/>
      </right>
      <top style="hair">
        <color indexed="64"/>
      </top>
      <bottom/>
      <diagonal/>
    </border>
    <border>
      <left/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/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</borders>
  <cellStyleXfs count="2">
    <xf numFmtId="0" fontId="0" fillId="0" borderId="0"/>
    <xf numFmtId="38" fontId="1" fillId="0" borderId="0" applyFont="0" applyFill="0" applyBorder="0" applyAlignment="0" applyProtection="0"/>
  </cellStyleXfs>
  <cellXfs count="70">
    <xf numFmtId="0" fontId="0" fillId="0" borderId="0" xfId="0"/>
    <xf numFmtId="0" fontId="2" fillId="0" borderId="0" xfId="0" applyFont="1" applyAlignment="1">
      <alignment horizontal="left" vertical="center" shrinkToFit="1"/>
    </xf>
    <xf numFmtId="0" fontId="2" fillId="0" borderId="0" xfId="0" applyFont="1" applyAlignment="1">
      <alignment vertical="center" shrinkToFit="1"/>
    </xf>
    <xf numFmtId="0" fontId="4" fillId="0" borderId="0" xfId="0" applyFont="1" applyAlignment="1">
      <alignment horizontal="right" vertical="center"/>
    </xf>
    <xf numFmtId="176" fontId="4" fillId="0" borderId="0" xfId="0" applyNumberFormat="1" applyFont="1" applyAlignment="1">
      <alignment horizontal="right" vertical="center"/>
    </xf>
    <xf numFmtId="0" fontId="4" fillId="0" borderId="0" xfId="0" applyFont="1" applyAlignment="1">
      <alignment vertical="center"/>
    </xf>
    <xf numFmtId="0" fontId="4" fillId="0" borderId="0" xfId="0" applyFont="1" applyAlignment="1">
      <alignment horizontal="center" vertical="center"/>
    </xf>
    <xf numFmtId="0" fontId="5" fillId="0" borderId="0" xfId="0" applyFont="1" applyAlignment="1">
      <alignment vertical="center"/>
    </xf>
    <xf numFmtId="0" fontId="6" fillId="0" borderId="0" xfId="0" applyFont="1" applyAlignment="1">
      <alignment vertical="center"/>
    </xf>
    <xf numFmtId="176" fontId="6" fillId="0" borderId="0" xfId="0" applyNumberFormat="1" applyFont="1" applyAlignment="1">
      <alignment vertical="center"/>
    </xf>
    <xf numFmtId="0" fontId="7" fillId="0" borderId="0" xfId="0" applyFont="1" applyAlignment="1">
      <alignment horizontal="center" vertical="center"/>
    </xf>
    <xf numFmtId="0" fontId="7" fillId="0" borderId="0" xfId="0" applyFont="1" applyAlignment="1">
      <alignment horizontal="center" vertical="center"/>
    </xf>
    <xf numFmtId="0" fontId="8" fillId="0" borderId="0" xfId="0" applyFont="1" applyAlignment="1">
      <alignment vertical="center"/>
    </xf>
    <xf numFmtId="0" fontId="8" fillId="0" borderId="1" xfId="0" applyFont="1" applyBorder="1" applyAlignment="1">
      <alignment horizontal="center" vertical="center"/>
    </xf>
    <xf numFmtId="38" fontId="9" fillId="0" borderId="2" xfId="1" applyFont="1" applyBorder="1" applyAlignment="1">
      <alignment vertical="center" wrapText="1"/>
    </xf>
    <xf numFmtId="0" fontId="8" fillId="0" borderId="3" xfId="0" applyFont="1" applyBorder="1" applyAlignment="1">
      <alignment horizontal="center" vertical="center"/>
    </xf>
    <xf numFmtId="0" fontId="10" fillId="0" borderId="0" xfId="0" applyFont="1" applyAlignment="1">
      <alignment vertical="center"/>
    </xf>
    <xf numFmtId="0" fontId="8" fillId="0" borderId="0" xfId="0" applyFont="1" applyAlignment="1">
      <alignment horizontal="center" vertical="center"/>
    </xf>
    <xf numFmtId="0" fontId="11" fillId="0" borderId="0" xfId="0" applyFont="1" applyAlignment="1">
      <alignment horizontal="center" vertical="center"/>
    </xf>
    <xf numFmtId="0" fontId="11" fillId="0" borderId="4" xfId="0" applyFont="1" applyBorder="1" applyAlignment="1">
      <alignment horizontal="left" vertical="center" shrinkToFit="1"/>
    </xf>
    <xf numFmtId="176" fontId="4" fillId="0" borderId="0" xfId="0" applyNumberFormat="1" applyFont="1" applyAlignment="1">
      <alignment vertical="center"/>
    </xf>
    <xf numFmtId="0" fontId="4" fillId="0" borderId="5" xfId="0" applyFont="1" applyBorder="1" applyAlignment="1">
      <alignment horizontal="center" vertical="center" shrinkToFit="1"/>
    </xf>
    <xf numFmtId="0" fontId="4" fillId="0" borderId="6" xfId="0" applyFont="1" applyBorder="1" applyAlignment="1">
      <alignment horizontal="center" vertical="center" shrinkToFit="1"/>
    </xf>
    <xf numFmtId="0" fontId="4" fillId="0" borderId="7" xfId="0" applyFont="1" applyBorder="1" applyAlignment="1">
      <alignment horizontal="center" vertical="center" shrinkToFit="1"/>
    </xf>
    <xf numFmtId="177" fontId="4" fillId="0" borderId="6" xfId="0" applyNumberFormat="1" applyFont="1" applyBorder="1" applyAlignment="1">
      <alignment horizontal="center" vertical="center" shrinkToFit="1"/>
    </xf>
    <xf numFmtId="177" fontId="4" fillId="0" borderId="8" xfId="0" applyNumberFormat="1" applyFont="1" applyBorder="1" applyAlignment="1">
      <alignment horizontal="center" vertical="center" shrinkToFit="1"/>
    </xf>
    <xf numFmtId="0" fontId="12" fillId="0" borderId="9" xfId="0" applyFont="1" applyBorder="1" applyAlignment="1">
      <alignment horizontal="center" vertical="center" shrinkToFit="1"/>
    </xf>
    <xf numFmtId="0" fontId="12" fillId="0" borderId="7" xfId="0" applyFont="1" applyBorder="1" applyAlignment="1">
      <alignment horizontal="left" vertical="center" shrinkToFit="1"/>
    </xf>
    <xf numFmtId="0" fontId="12" fillId="0" borderId="10" xfId="0" applyFont="1" applyBorder="1" applyAlignment="1">
      <alignment horizontal="center" vertical="center" shrinkToFit="1"/>
    </xf>
    <xf numFmtId="0" fontId="12" fillId="0" borderId="10" xfId="0" applyFont="1" applyBorder="1" applyAlignment="1">
      <alignment horizontal="left" vertical="center" shrinkToFit="1"/>
    </xf>
    <xf numFmtId="0" fontId="12" fillId="0" borderId="7" xfId="0" applyFont="1" applyBorder="1" applyAlignment="1">
      <alignment horizontal="center" vertical="center" shrinkToFit="1"/>
    </xf>
    <xf numFmtId="177" fontId="4" fillId="0" borderId="11" xfId="0" applyNumberFormat="1" applyFont="1" applyBorder="1" applyAlignment="1">
      <alignment horizontal="right" vertical="center" shrinkToFit="1"/>
    </xf>
    <xf numFmtId="177" fontId="4" fillId="0" borderId="12" xfId="0" applyNumberFormat="1" applyFont="1" applyBorder="1" applyAlignment="1">
      <alignment vertical="center" shrinkToFit="1"/>
    </xf>
    <xf numFmtId="177" fontId="4" fillId="0" borderId="11" xfId="1" applyNumberFormat="1" applyFont="1" applyBorder="1" applyAlignment="1">
      <alignment vertical="center" shrinkToFit="1"/>
    </xf>
    <xf numFmtId="0" fontId="12" fillId="0" borderId="13" xfId="0" applyFont="1" applyBorder="1" applyAlignment="1">
      <alignment horizontal="left" vertical="center" shrinkToFit="1"/>
    </xf>
    <xf numFmtId="0" fontId="12" fillId="0" borderId="13" xfId="0" applyFont="1" applyBorder="1" applyAlignment="1">
      <alignment horizontal="center" vertical="center" shrinkToFit="1"/>
    </xf>
    <xf numFmtId="0" fontId="12" fillId="0" borderId="11" xfId="0" applyFont="1" applyBorder="1" applyAlignment="1">
      <alignment horizontal="left" vertical="center" shrinkToFit="1"/>
    </xf>
    <xf numFmtId="0" fontId="12" fillId="0" borderId="11" xfId="0" applyFont="1" applyBorder="1" applyAlignment="1">
      <alignment horizontal="center" vertical="center" shrinkToFit="1"/>
    </xf>
    <xf numFmtId="177" fontId="4" fillId="0" borderId="11" xfId="0" applyNumberFormat="1" applyFont="1" applyBorder="1" applyAlignment="1">
      <alignment vertical="center" shrinkToFit="1"/>
    </xf>
    <xf numFmtId="0" fontId="12" fillId="0" borderId="14" xfId="0" applyFont="1" applyBorder="1" applyAlignment="1">
      <alignment horizontal="center" vertical="center" shrinkToFit="1"/>
    </xf>
    <xf numFmtId="0" fontId="12" fillId="0" borderId="14" xfId="0" applyFont="1" applyBorder="1" applyAlignment="1">
      <alignment horizontal="left" vertical="center" shrinkToFit="1"/>
    </xf>
    <xf numFmtId="0" fontId="12" fillId="0" borderId="15" xfId="0" applyFont="1" applyBorder="1" applyAlignment="1">
      <alignment horizontal="left" vertical="center" shrinkToFit="1"/>
    </xf>
    <xf numFmtId="0" fontId="12" fillId="0" borderId="15" xfId="0" applyFont="1" applyBorder="1" applyAlignment="1">
      <alignment horizontal="center" vertical="center" shrinkToFit="1"/>
    </xf>
    <xf numFmtId="177" fontId="4" fillId="0" borderId="16" xfId="0" applyNumberFormat="1" applyFont="1" applyBorder="1" applyAlignment="1">
      <alignment horizontal="right" vertical="center" shrinkToFit="1"/>
    </xf>
    <xf numFmtId="177" fontId="4" fillId="0" borderId="17" xfId="0" applyNumberFormat="1" applyFont="1" applyBorder="1" applyAlignment="1">
      <alignment vertical="center" shrinkToFit="1"/>
    </xf>
    <xf numFmtId="177" fontId="4" fillId="0" borderId="14" xfId="1" applyNumberFormat="1" applyFont="1" applyBorder="1" applyAlignment="1">
      <alignment vertical="center" shrinkToFit="1"/>
    </xf>
    <xf numFmtId="0" fontId="12" fillId="0" borderId="9" xfId="0" applyFont="1" applyBorder="1" applyAlignment="1">
      <alignment horizontal="left" vertical="center" shrinkToFit="1"/>
    </xf>
    <xf numFmtId="0" fontId="12" fillId="0" borderId="12" xfId="0" applyFont="1" applyBorder="1" applyAlignment="1">
      <alignment horizontal="left" vertical="center" shrinkToFit="1"/>
    </xf>
    <xf numFmtId="0" fontId="12" fillId="0" borderId="12" xfId="0" applyFont="1" applyBorder="1" applyAlignment="1">
      <alignment horizontal="center" vertical="center" shrinkToFit="1"/>
    </xf>
    <xf numFmtId="177" fontId="4" fillId="0" borderId="18" xfId="0" applyNumberFormat="1" applyFont="1" applyBorder="1" applyAlignment="1">
      <alignment horizontal="right" vertical="center" shrinkToFit="1"/>
    </xf>
    <xf numFmtId="177" fontId="4" fillId="0" borderId="19" xfId="0" applyNumberFormat="1" applyFont="1" applyBorder="1" applyAlignment="1">
      <alignment vertical="center" shrinkToFit="1"/>
    </xf>
    <xf numFmtId="177" fontId="4" fillId="0" borderId="18" xfId="1" applyNumberFormat="1" applyFont="1" applyBorder="1" applyAlignment="1">
      <alignment vertical="center" shrinkToFit="1"/>
    </xf>
    <xf numFmtId="177" fontId="4" fillId="0" borderId="18" xfId="0" applyNumberFormat="1" applyFont="1" applyBorder="1" applyAlignment="1">
      <alignment vertical="center" shrinkToFit="1"/>
    </xf>
    <xf numFmtId="177" fontId="4" fillId="0" borderId="16" xfId="0" applyNumberFormat="1" applyFont="1" applyBorder="1" applyAlignment="1">
      <alignment vertical="center" shrinkToFit="1"/>
    </xf>
    <xf numFmtId="0" fontId="12" fillId="0" borderId="19" xfId="0" applyFont="1" applyBorder="1" applyAlignment="1">
      <alignment horizontal="center" vertical="center" shrinkToFit="1"/>
    </xf>
    <xf numFmtId="177" fontId="4" fillId="0" borderId="20" xfId="0" applyNumberFormat="1" applyFont="1" applyBorder="1" applyAlignment="1">
      <alignment vertical="center" shrinkToFit="1"/>
    </xf>
    <xf numFmtId="0" fontId="12" fillId="0" borderId="17" xfId="0" applyFont="1" applyBorder="1" applyAlignment="1">
      <alignment horizontal="left" vertical="center" shrinkToFit="1"/>
    </xf>
    <xf numFmtId="0" fontId="12" fillId="0" borderId="16" xfId="0" applyFont="1" applyBorder="1" applyAlignment="1">
      <alignment horizontal="left" vertical="center" shrinkToFit="1"/>
    </xf>
    <xf numFmtId="177" fontId="13" fillId="0" borderId="14" xfId="1" applyNumberFormat="1" applyFont="1" applyBorder="1" applyAlignment="1">
      <alignment vertical="center" shrinkToFit="1"/>
    </xf>
    <xf numFmtId="0" fontId="12" fillId="0" borderId="21" xfId="0" applyFont="1" applyBorder="1" applyAlignment="1">
      <alignment horizontal="center" vertical="center" shrinkToFit="1"/>
    </xf>
    <xf numFmtId="0" fontId="11" fillId="0" borderId="5" xfId="0" applyFont="1" applyBorder="1" applyAlignment="1">
      <alignment horizontal="center" vertical="center" shrinkToFit="1"/>
    </xf>
    <xf numFmtId="0" fontId="11" fillId="0" borderId="22" xfId="0" applyFont="1" applyBorder="1" applyAlignment="1">
      <alignment horizontal="center" vertical="center" shrinkToFit="1"/>
    </xf>
    <xf numFmtId="177" fontId="4" fillId="0" borderId="23" xfId="1" applyNumberFormat="1" applyFont="1" applyBorder="1" applyAlignment="1">
      <alignment vertical="center" shrinkToFit="1"/>
    </xf>
    <xf numFmtId="0" fontId="11" fillId="0" borderId="0" xfId="0" applyFont="1" applyAlignment="1">
      <alignment vertical="center" wrapText="1"/>
    </xf>
    <xf numFmtId="0" fontId="14" fillId="0" borderId="0" xfId="0" applyFont="1" applyAlignment="1">
      <alignment horizontal="left" vertical="center" wrapText="1"/>
    </xf>
    <xf numFmtId="0" fontId="11" fillId="0" borderId="0" xfId="0" applyFont="1" applyAlignment="1">
      <alignment vertical="center"/>
    </xf>
    <xf numFmtId="0" fontId="11" fillId="0" borderId="0" xfId="0" applyFont="1" applyAlignment="1">
      <alignment horizontal="right" vertical="center"/>
    </xf>
    <xf numFmtId="0" fontId="11" fillId="0" borderId="0" xfId="0" applyFont="1" applyAlignment="1">
      <alignment vertical="center" shrinkToFit="1"/>
    </xf>
    <xf numFmtId="176" fontId="11" fillId="0" borderId="0" xfId="0" applyNumberFormat="1" applyFont="1" applyAlignment="1">
      <alignment vertical="center"/>
    </xf>
    <xf numFmtId="0" fontId="15" fillId="0" borderId="0" xfId="0" applyFont="1" applyAlignment="1">
      <alignment vertical="center" wrapText="1"/>
    </xf>
  </cellXfs>
  <cellStyles count="2">
    <cellStyle name="桁区切り" xfId="1" builtinId="6"/>
    <cellStyle name="標準" xfId="0" builtinId="0"/>
  </cellStyles>
  <dxfs count="6">
    <dxf>
      <font>
        <condense val="0"/>
        <extend val="0"/>
        <color indexed="9"/>
      </font>
    </dxf>
    <dxf>
      <font>
        <condense val="0"/>
        <extend val="0"/>
        <color indexed="9"/>
      </font>
    </dxf>
    <dxf>
      <font>
        <condense val="0"/>
        <extend val="0"/>
        <color indexed="9"/>
      </font>
    </dxf>
    <dxf>
      <font>
        <condense val="0"/>
        <extend val="0"/>
        <color indexed="9"/>
      </font>
    </dxf>
    <dxf>
      <font>
        <condense val="0"/>
        <extend val="0"/>
        <color indexed="9"/>
      </font>
    </dxf>
    <dxf>
      <font>
        <condense val="0"/>
        <extend val="0"/>
        <color indexed="9"/>
      </font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externalLink" Target="externalLinks/externalLink7.xml"/><Relationship Id="rId3" Type="http://schemas.openxmlformats.org/officeDocument/2006/relationships/externalLink" Target="externalLinks/externalLink2.xml"/><Relationship Id="rId7" Type="http://schemas.openxmlformats.org/officeDocument/2006/relationships/externalLink" Target="externalLinks/externalLink6.xml"/><Relationship Id="rId2" Type="http://schemas.openxmlformats.org/officeDocument/2006/relationships/externalLink" Target="externalLinks/externalLink1.xml"/><Relationship Id="rId1" Type="http://schemas.openxmlformats.org/officeDocument/2006/relationships/worksheet" Target="worksheets/sheet1.xml"/><Relationship Id="rId6" Type="http://schemas.openxmlformats.org/officeDocument/2006/relationships/externalLink" Target="externalLinks/externalLink5.xml"/><Relationship Id="rId11" Type="http://schemas.openxmlformats.org/officeDocument/2006/relationships/sharedStrings" Target="sharedStrings.xml"/><Relationship Id="rId5" Type="http://schemas.openxmlformats.org/officeDocument/2006/relationships/externalLink" Target="externalLinks/externalLink4.xml"/><Relationship Id="rId10" Type="http://schemas.openxmlformats.org/officeDocument/2006/relationships/styles" Target="styles.xml"/><Relationship Id="rId4" Type="http://schemas.openxmlformats.org/officeDocument/2006/relationships/externalLink" Target="externalLinks/externalLink3.xml"/><Relationship Id="rId9" Type="http://schemas.openxmlformats.org/officeDocument/2006/relationships/theme" Target="theme/theme1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0</xdr:col>
      <xdr:colOff>64994</xdr:colOff>
      <xdr:row>6</xdr:row>
      <xdr:rowOff>108697</xdr:rowOff>
    </xdr:from>
    <xdr:to>
      <xdr:col>1</xdr:col>
      <xdr:colOff>331694</xdr:colOff>
      <xdr:row>6</xdr:row>
      <xdr:rowOff>365872</xdr:rowOff>
    </xdr:to>
    <xdr:sp macro="" textlink="">
      <xdr:nvSpPr>
        <xdr:cNvPr id="2" name="Text Box 1">
          <a:extLst>
            <a:ext uri="{FF2B5EF4-FFF2-40B4-BE49-F238E27FC236}">
              <a16:creationId xmlns:a16="http://schemas.microsoft.com/office/drawing/2014/main" id="{D62AC8C1-E48A-4E3A-A616-6971F68239A1}"/>
            </a:ext>
          </a:extLst>
        </xdr:cNvPr>
        <xdr:cNvSpPr txBox="1">
          <a:spLocks noChangeArrowheads="1"/>
        </xdr:cNvSpPr>
      </xdr:nvSpPr>
      <xdr:spPr bwMode="auto">
        <a:xfrm>
          <a:off x="64994" y="1794622"/>
          <a:ext cx="571500" cy="25717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  <xdr:txBody>
        <a:bodyPr vertOverflow="clip" wrap="square" lIns="36576" tIns="22860" rIns="0" bIns="0" anchor="t" upright="1"/>
        <a:lstStyle/>
        <a:p>
          <a:pPr algn="l" rtl="0">
            <a:defRPr sz="1000"/>
          </a:pPr>
          <a:r>
            <a:rPr lang="ja-JP" altLang="en-US" sz="1400" b="0" i="0" u="none" strike="noStrike" baseline="0">
              <a:solidFill>
                <a:srgbClr val="000000"/>
              </a:solidFill>
              <a:latin typeface="ＭＳ ゴシック"/>
              <a:ea typeface="ＭＳ ゴシック"/>
            </a:rPr>
            <a:t>名 称</a:t>
          </a:r>
        </a:p>
      </xdr:txBody>
    </xdr:sp>
    <xdr:clientData/>
  </xdr:twoCellAnchor>
</xdr:wsDr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21010-s-104\110&#32207;&#21209;&#35506;\112&#22865;&#32004;&#20418;\&#9670;&#21336;&#20385;&#22865;&#32004;\R6\&#9314;&#19968;&#33324;&#31478;&#20105;&#20837;&#26413;\3.&#21578;&#31034;&#36215;&#26696;&#65288;&#26989;&#21209;&#22996;&#35351;&#12288;&#65298;&#38917;&#30446;&#20197;&#19978;&#65289;\&#30000;&#20013;\&#20837;&#26413;&#26360;&#65288;&#26989;&#21209;&#65298;&#38917;&#30446;&#20197;&#19978;&#65289;&#8251;&#35336;&#31639;&#24335;&#12459;&#12483;&#12488;.xlsx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21010-s-101\&#32207;&#21209;&#35506;\Documents%20and%20Settings\s940908\&#12487;&#12473;&#12463;&#12488;&#12483;&#12503;\&#22865;&#32004;&#21488;&#24115;&#22522;&#26412;&#12471;&#12473;&#12486;&#12512;\&#22865;&#32004;&#21488;&#24115;.xls" TargetMode="External"/></Relationships>
</file>

<file path=xl/externalLinks/_rels/externalLink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21010-s-104\110&#32207;&#21209;&#35506;\Users\sa80481\AppData\Local\Temp\Temp2_&#65298;&#65302;&#24180;&#24230;&#22865;&#32004;&#21488;&#24115;&#65288;&#29289;&#21697;&#12539;&#35069;&#36896;&#12539;&#26989;&#21209;&#65289;.zip\&#9679;&#9679;&#65298;&#65302;&#24180;&#24230;&#22865;&#32004;&#21488;&#24115;&#65288;&#29289;&#21697;&#12539;&#35069;&#36896;&#12539;&#26989;&#21209;&#65289;\&#22865;&#32004;&#21488;&#24115;\&#12496;&#12483;&#12463;&#12450;&#12483;&#12503;&#65288;&#26376;&#65297;&#22238;&#12367;&#12425;&#12356;&#12289;&#23450;&#26399;&#30340;&#12395;&#12392;&#12427;&#12371;&#12392;&#65289;\&#12496;&#12483;&#12463;&#12450;&#12483;&#12503;&#65288;&#26376;&#65297;&#22238;&#12367;&#12425;&#12356;&#12289;&#23450;&#26399;&#30340;&#12395;&#12392;&#12427;&#12371;&#12392;&#65289;\buckup250416.xls" TargetMode="External"/></Relationships>
</file>

<file path=xl/externalLinks/_rels/externalLink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21010-s-104\110&#32207;&#21209;&#35506;\112&#22865;&#32004;&#20418;\&#9632;&#29289;&#21697;&#12539;&#26989;&#21209;&#12539;&#35069;&#36896;&#12501;&#12457;&#12523;&#12480;\&#9679;&#9679;&#9733;&#65298;&#65303;&#24180;&#24230;&#22865;&#32004;&#21488;&#24115;&#65288;&#29289;&#21697;&#12539;&#35069;&#36896;&#65289;\H27&#22865;&#32004;&#21488;&#24115;&#65288;&#29289;&#21697;&#12289;&#35069;&#36896;&#65289;.xls" TargetMode="External"/></Relationships>
</file>

<file path=xl/externalLinks/_rels/externalLink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E:\Documents%20and%20Settings\sa40906\&#12487;&#12473;&#12463;&#12488;&#12483;&#12503;\&#9328;&#9329;&#21517;&#31807;&#12487;&#12540;&#12479;170128.xls" TargetMode="External"/></Relationships>
</file>

<file path=xl/externalLinks/_rels/externalLink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21010-s-101\&#32207;&#21209;&#35506;\&#22865;&#32004;&#25285;&#24403;\&#9328;&#35069;&#36896;&#35531;&#36000;&#22865;&#32004;&#12471;&#12473;&#12486;&#12512;\&#9328;&#35069;&#36896;&#35531;&#36000;&#22865;&#32004;&#21488;&#24115;.xls" TargetMode="External"/></Relationships>
</file>

<file path=xl/externalLinks/_rels/externalLink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21010-s-101\&#32207;&#21209;&#35506;&#65298;\&#22865;&#32004;&#25285;&#24403;\&#29289;&#21697;&#12539;&#26989;&#21209;&#12539;&#35069;&#36896;&#12501;&#12457;&#12523;&#12480;\&#36942;&#21435;&#22865;&#32004;&#21488;&#24115;&#65288;&#29289;&#21697;&#12539;&#26989;&#21209;&#12539;&#35069;&#36896;&#65289;&#38306;&#20418;\&#65297;&#65304;&#24180;&#24230;&#22865;&#32004;&#21488;&#24115;&#65288;&#29289;&#21697;&#12539;&#26989;&#21209;&#12539;&#35069;&#36896;&#65289;&#38306;&#20418;\&#9329;&#22865;&#32004;&#21488;&#24115;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204"/>
      <sheetName val="210"/>
      <sheetName val="211"/>
      <sheetName val="212"/>
      <sheetName val="214"/>
      <sheetName val="230"/>
      <sheetName val="238"/>
      <sheetName val="239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★差込印刷用"/>
      <sheetName val="★指名通知書差込印刷用"/>
      <sheetName val="★財務会計　業者入力用 "/>
      <sheetName val="業者データ"/>
      <sheetName val="業務委託　分割払い契約書別紙"/>
      <sheetName val="★入力台帳"/>
      <sheetName val="契約締結報告"/>
      <sheetName val="★整理票"/>
      <sheetName val="★予定価格書 "/>
      <sheetName val="★選考調書 "/>
      <sheetName val="★選考調書  (2)"/>
      <sheetName val="◇特殊案件選考調書"/>
      <sheetName val="見積選考調書"/>
      <sheetName val="執行・契約締結伺"/>
      <sheetName val="◆入札(見積)経過・結果調書"/>
      <sheetName val="ﾃﾞｰﾀｼｰﾄ"/>
      <sheetName val="◆契約締結伺"/>
      <sheetName val="固定データ集"/>
      <sheetName val="財務会計コード表"/>
      <sheetName val="★財務用"/>
      <sheetName val="（予）入力"/>
      <sheetName val="予（1）"/>
      <sheetName val="予 (2)"/>
      <sheetName val="予(3)"/>
      <sheetName val="予（4）"/>
      <sheetName val="予(5)"/>
      <sheetName val="予（6）"/>
      <sheetName val="予(7)"/>
      <sheetName val="予（8）最制あり"/>
      <sheetName val="予（8）単価用"/>
      <sheetName val="★選考"/>
      <sheetName val="★選考(特殊）"/>
      <sheetName val="★選考(ウィズユー系）"/>
      <sheetName val="★見積調書 "/>
      <sheetName val="★経過・結果調書"/>
      <sheetName val="★経過・結果調書 （手書）"/>
      <sheetName val="★締結報告"/>
      <sheetName val="★締結報告 (特殊)"/>
      <sheetName val="★締結報告（公示用）"/>
      <sheetName val="執行締結伺　特例政令"/>
      <sheetName val="見積照会書"/>
      <sheetName val="公開締結・発注"/>
      <sheetName val="業務委託　3分割払い契約書別紙"/>
      <sheetName val="業務委託　7分割払い契約書別紙"/>
      <sheetName val="製造請負契約書別紙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/>
      <sheetData sheetId="17"/>
      <sheetData sheetId="18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  <sheetData sheetId="44" refreshError="1"/>
    </sheetDataSet>
  </externalBook>
</externalLink>
</file>

<file path=xl/externalLinks/externalLink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★財務用"/>
      <sheetName val="検索表"/>
      <sheetName val="業者リスト"/>
      <sheetName val="★入力台帳"/>
      <sheetName val="★見積調書 "/>
      <sheetName val="★選考調書"/>
      <sheetName val="★選考調書 (ウィズ)"/>
      <sheetName val="★決定書"/>
      <sheetName val="★決定書（ＷＴＯ）"/>
      <sheetName val="執行伺（特命・指名）"/>
      <sheetName val="執行伺（一般）"/>
      <sheetName val="執行伺（一般＆WTO）"/>
      <sheetName val="PPI用"/>
      <sheetName val="サラシ①（物品）"/>
      <sheetName val="サラシ②（物品）"/>
      <sheetName val="サラシ③（物品）"/>
      <sheetName val="サラシ①（製造）"/>
      <sheetName val="サラシ②（製造）"/>
      <sheetName val="サラシ③（製造）"/>
      <sheetName val="発注書（物品）"/>
      <sheetName val="発注書（製造請負）"/>
      <sheetName val="発注書（業務委託）"/>
      <sheetName val="★経過・結果調書"/>
      <sheetName val="★締結報告"/>
      <sheetName val="★不調"/>
      <sheetName val="★締結報告（兼告示）"/>
      <sheetName val="★締結報告 (特殊)"/>
      <sheetName val="予"/>
      <sheetName val="予(代決用)"/>
      <sheetName val="予（最制あり)"/>
      <sheetName val="予 (PCB) "/>
      <sheetName val="（予）入力"/>
      <sheetName val="契約書別紙　３分割"/>
      <sheetName val="契約書別紙　車両製造"/>
      <sheetName val="集計表"/>
      <sheetName val="ﾃﾞｰﾀｼｰﾄ"/>
      <sheetName val="★指名通知書　差込印刷用"/>
      <sheetName val="★契約書　差込印刷用"/>
      <sheetName val="★告示＆説明書差込印刷用"/>
      <sheetName val="サラシ"/>
    </sheetNames>
    <sheetDataSet>
      <sheetData sheetId="0"/>
      <sheetData sheetId="1"/>
      <sheetData sheetId="2"/>
      <sheetData sheetId="3">
        <row r="1">
          <cell r="B1" t="str">
            <v>契約区分</v>
          </cell>
          <cell r="C1" t="str">
            <v>件名</v>
          </cell>
          <cell r="D1" t="str">
            <v>台帳記入日</v>
          </cell>
          <cell r="E1" t="str">
            <v>契約方法</v>
          </cell>
          <cell r="F1" t="str">
            <v>単契</v>
          </cell>
          <cell r="G1" t="str">
            <v>総価予算額</v>
          </cell>
          <cell r="H1" t="str">
            <v>単価予算額</v>
          </cell>
          <cell r="I1" t="str">
            <v>数量</v>
          </cell>
          <cell r="J1" t="str">
            <v>単位</v>
          </cell>
          <cell r="K1" t="str">
            <v>単契総予算額</v>
          </cell>
          <cell r="L1" t="str">
            <v>判断基準額</v>
          </cell>
          <cell r="M1" t="str">
            <v>特命</v>
          </cell>
          <cell r="N1" t="str">
            <v>予算費目</v>
          </cell>
          <cell r="O1" t="str">
            <v>契約期間開始日</v>
          </cell>
          <cell r="P1" t="str">
            <v>契約期間終了日</v>
          </cell>
          <cell r="Q1" t="str">
            <v>保証期間</v>
          </cell>
          <cell r="R1" t="str">
            <v>部分払回数</v>
          </cell>
          <cell r="S1" t="str">
            <v>発注課</v>
          </cell>
          <cell r="T1" t="str">
            <v>担当者</v>
          </cell>
          <cell r="U1" t="str">
            <v>内線</v>
          </cell>
          <cell r="V1" t="str">
            <v>決裁権者</v>
          </cell>
          <cell r="W1" t="str">
            <v>指名通知期間</v>
          </cell>
          <cell r="X1" t="str">
            <v>契約方法</v>
          </cell>
          <cell r="Y1" t="str">
            <v>入札(見積)期限</v>
          </cell>
          <cell r="Z1" t="str">
            <v>入札(見積)年月日</v>
          </cell>
          <cell r="AA1" t="str">
            <v>時間</v>
          </cell>
          <cell r="AB1" t="str">
            <v>場所</v>
          </cell>
          <cell r="AC1" t="str">
            <v>指名通知書記載事項</v>
          </cell>
          <cell r="AD1" t="str">
            <v>入札（見積）年月日時間</v>
          </cell>
          <cell r="AE1" t="str">
            <v>備考１：同等品</v>
          </cell>
          <cell r="AF1" t="str">
            <v>備考２：内訳書等</v>
          </cell>
          <cell r="AG1" t="str">
            <v>備考３：その他</v>
          </cell>
          <cell r="AH1" t="str">
            <v>内訳書</v>
          </cell>
          <cell r="AI1" t="str">
            <v>大分類</v>
          </cell>
          <cell r="AJ1" t="str">
            <v>中分類</v>
          </cell>
          <cell r="AK1" t="str">
            <v>小分類</v>
          </cell>
          <cell r="AL1" t="str">
            <v>大分類２</v>
          </cell>
          <cell r="AM1" t="str">
            <v>中分類２</v>
          </cell>
          <cell r="AN1" t="str">
            <v>小分類２</v>
          </cell>
          <cell r="AO1" t="str">
            <v>参加制限の有無</v>
          </cell>
          <cell r="AP1" t="str">
            <v>業者数</v>
          </cell>
          <cell r="AQ1" t="str">
            <v>業者1</v>
          </cell>
          <cell r="AR1" t="str">
            <v>業者2</v>
          </cell>
          <cell r="AS1" t="str">
            <v>業者3</v>
          </cell>
          <cell r="AT1" t="str">
            <v>業者4</v>
          </cell>
          <cell r="AU1" t="str">
            <v>業者5</v>
          </cell>
          <cell r="AV1" t="str">
            <v>業者6</v>
          </cell>
          <cell r="AW1" t="str">
            <v>業者7</v>
          </cell>
          <cell r="AX1" t="str">
            <v>業者8</v>
          </cell>
          <cell r="AY1" t="str">
            <v>業者9</v>
          </cell>
          <cell r="AZ1" t="str">
            <v>業者10</v>
          </cell>
          <cell r="BA1" t="str">
            <v>業者11</v>
          </cell>
          <cell r="BB1" t="str">
            <v>業者12</v>
          </cell>
          <cell r="BC1" t="str">
            <v>業者13</v>
          </cell>
          <cell r="BD1" t="str">
            <v>予定価格書</v>
          </cell>
          <cell r="BE1" t="str">
            <v>(抜)比較価格</v>
          </cell>
          <cell r="BF1" t="str">
            <v>(込)予定価格</v>
          </cell>
          <cell r="BG1" t="str">
            <v>予算からの引率</v>
          </cell>
          <cell r="BH1" t="str">
            <v>契約業者</v>
          </cell>
          <cell r="BI1" t="str">
            <v>(抜)落札価格</v>
          </cell>
          <cell r="BJ1" t="str">
            <v>(込)契約金額</v>
          </cell>
          <cell r="BK1" t="str">
            <v>消費税額</v>
          </cell>
          <cell r="BL1" t="str">
            <v>契約証書</v>
          </cell>
          <cell r="BM1" t="str">
            <v>分割払い</v>
          </cell>
          <cell r="BN1" t="str">
            <v>契約年月日</v>
          </cell>
          <cell r="BO1" t="str">
            <v>財務課供覧</v>
          </cell>
          <cell r="BP1" t="str">
            <v>印判</v>
          </cell>
          <cell r="BQ1" t="str">
            <v>落札率</v>
          </cell>
          <cell r="BR1" t="str">
            <v>契約用メモ</v>
          </cell>
          <cell r="BS1" t="str">
            <v>原課の積算</v>
          </cell>
          <cell r="BT1" t="str">
            <v>引率根拠</v>
          </cell>
          <cell r="BU1" t="str">
            <v>応札回数</v>
          </cell>
        </row>
        <row r="2">
          <cell r="B2" t="str">
            <v>業務委託</v>
          </cell>
          <cell r="C2" t="str">
            <v>事務用電子計算機システム保守運用業務</v>
          </cell>
          <cell r="D2">
            <v>41339</v>
          </cell>
          <cell r="E2" t="str">
            <v>特命</v>
          </cell>
          <cell r="G2">
            <v>10001250</v>
          </cell>
          <cell r="I2">
            <v>1</v>
          </cell>
          <cell r="J2" t="str">
            <v>式</v>
          </cell>
          <cell r="K2" t="str">
            <v/>
          </cell>
          <cell r="L2">
            <v>10001250</v>
          </cell>
          <cell r="M2" t="str">
            <v>特命</v>
          </cell>
          <cell r="N2" t="str">
            <v>高・営</v>
          </cell>
          <cell r="O2">
            <v>41365</v>
          </cell>
          <cell r="P2">
            <v>41729</v>
          </cell>
          <cell r="Q2" t="str">
            <v>壱</v>
          </cell>
          <cell r="R2" t="str">
            <v>無</v>
          </cell>
          <cell r="S2" t="str">
            <v>営業企画課</v>
          </cell>
          <cell r="T2" t="str">
            <v>小原　幸二</v>
          </cell>
          <cell r="U2">
            <v>2294</v>
          </cell>
          <cell r="V2" t="str">
            <v>管理者</v>
          </cell>
          <cell r="W2" t="str">
            <v>なか５日</v>
          </cell>
          <cell r="X2" t="str">
            <v>特命</v>
          </cell>
          <cell r="Y2">
            <v>41347</v>
          </cell>
          <cell r="Z2">
            <v>41365</v>
          </cell>
          <cell r="AA2">
            <v>845</v>
          </cell>
          <cell r="AB2" t="str">
            <v>交通局３階総務課</v>
          </cell>
          <cell r="AC2" t="str">
            <v>本調達については、本調達に係る予算の成立を条件とします。</v>
          </cell>
          <cell r="AD2" t="str">
            <v>平成25年4月1日(月)　12時05分</v>
          </cell>
          <cell r="AH2" t="str">
            <v/>
          </cell>
          <cell r="AP2">
            <v>1</v>
          </cell>
          <cell r="AQ2" t="str">
            <v>（株）日立製作所北海道支社</v>
          </cell>
          <cell r="BD2" t="str">
            <v>要</v>
          </cell>
          <cell r="BE2">
            <v>9477000</v>
          </cell>
          <cell r="BF2">
            <v>9950850</v>
          </cell>
          <cell r="BG2">
            <v>5.039370078740113E-3</v>
          </cell>
          <cell r="BH2" t="str">
            <v>（株）日立製作所北海道支社</v>
          </cell>
          <cell r="BI2">
            <v>9360000</v>
          </cell>
          <cell r="BJ2">
            <v>9828000</v>
          </cell>
          <cell r="BK2">
            <v>468000</v>
          </cell>
          <cell r="BL2" t="str">
            <v>契約書</v>
          </cell>
          <cell r="BM2" t="str">
            <v>分割</v>
          </cell>
          <cell r="BN2">
            <v>41365</v>
          </cell>
          <cell r="BO2" t="str">
            <v>しない</v>
          </cell>
          <cell r="BP2" t="str">
            <v>見積</v>
          </cell>
          <cell r="BQ2">
            <v>0.98765432098765427</v>
          </cell>
          <cell r="BR2" t="str">
            <v>参加停止中契約案件</v>
          </cell>
          <cell r="BS2">
            <v>41</v>
          </cell>
          <cell r="BT2">
            <v>59</v>
          </cell>
          <cell r="BU2">
            <v>2</v>
          </cell>
        </row>
        <row r="3">
          <cell r="B3" t="str">
            <v>業務委託</v>
          </cell>
          <cell r="C3" t="str">
            <v>地下鉄駅業務等</v>
          </cell>
          <cell r="D3">
            <v>41344</v>
          </cell>
          <cell r="E3" t="str">
            <v>特命</v>
          </cell>
          <cell r="G3">
            <v>3222790000</v>
          </cell>
          <cell r="I3">
            <v>1</v>
          </cell>
          <cell r="J3" t="str">
            <v>式</v>
          </cell>
          <cell r="K3" t="str">
            <v/>
          </cell>
          <cell r="L3">
            <v>3222790000</v>
          </cell>
          <cell r="M3" t="str">
            <v>特命</v>
          </cell>
          <cell r="N3" t="str">
            <v>軌・営　高・営</v>
          </cell>
          <cell r="O3">
            <v>41365</v>
          </cell>
          <cell r="P3">
            <v>41729</v>
          </cell>
          <cell r="Q3" t="str">
            <v>壱</v>
          </cell>
          <cell r="R3" t="str">
            <v>無</v>
          </cell>
          <cell r="S3" t="str">
            <v>総務課</v>
          </cell>
          <cell r="T3" t="str">
            <v>前川　昌彦</v>
          </cell>
          <cell r="U3">
            <v>2215</v>
          </cell>
          <cell r="V3" t="str">
            <v>市長</v>
          </cell>
          <cell r="W3" t="str">
            <v>なか１０日</v>
          </cell>
          <cell r="X3" t="str">
            <v>特命</v>
          </cell>
          <cell r="Y3">
            <v>41351</v>
          </cell>
          <cell r="Z3">
            <v>41361</v>
          </cell>
          <cell r="AA3">
            <v>1400</v>
          </cell>
          <cell r="AB3" t="str">
            <v>交通局３階総務課</v>
          </cell>
          <cell r="AC3" t="str">
            <v>本調達については、本調達に係る予算の成立を条件とします。</v>
          </cell>
          <cell r="AD3" t="str">
            <v>平成25年3月28日(木)　14時00分</v>
          </cell>
          <cell r="AH3" t="str">
            <v/>
          </cell>
          <cell r="AP3">
            <v>1</v>
          </cell>
          <cell r="AQ3" t="str">
            <v>一般財団法人札幌市交通事業振興公社</v>
          </cell>
          <cell r="BD3" t="str">
            <v>要</v>
          </cell>
          <cell r="BE3">
            <v>3060115838</v>
          </cell>
          <cell r="BF3">
            <v>3213121629</v>
          </cell>
          <cell r="BG3">
            <v>3.0000003102901296E-3</v>
          </cell>
          <cell r="BH3" t="str">
            <v>一般財団法人札幌市交通事業振興公社</v>
          </cell>
          <cell r="BI3">
            <v>3059000000</v>
          </cell>
          <cell r="BJ3">
            <v>3211950000</v>
          </cell>
          <cell r="BK3">
            <v>152950000</v>
          </cell>
          <cell r="BL3" t="str">
            <v>契約書</v>
          </cell>
          <cell r="BM3" t="str">
            <v>分割</v>
          </cell>
          <cell r="BN3">
            <v>41365</v>
          </cell>
          <cell r="BO3" t="str">
            <v>しない</v>
          </cell>
          <cell r="BP3" t="str">
            <v>見積</v>
          </cell>
          <cell r="BQ3">
            <v>0.99963536114244</v>
          </cell>
          <cell r="BS3" t="str">
            <v/>
          </cell>
          <cell r="BT3" t="str">
            <v/>
          </cell>
          <cell r="BU3">
            <v>3</v>
          </cell>
        </row>
        <row r="4">
          <cell r="B4" t="str">
            <v>業務委託</v>
          </cell>
          <cell r="C4" t="str">
            <v>札幌市交通局職員健康診断業務</v>
          </cell>
          <cell r="D4">
            <v>41346</v>
          </cell>
          <cell r="E4" t="str">
            <v>特命</v>
          </cell>
          <cell r="F4" t="str">
            <v>単価契約</v>
          </cell>
          <cell r="G4">
            <v>10650675</v>
          </cell>
          <cell r="I4">
            <v>1</v>
          </cell>
          <cell r="J4" t="str">
            <v>式</v>
          </cell>
          <cell r="K4" t="str">
            <v/>
          </cell>
          <cell r="L4">
            <v>10650675</v>
          </cell>
          <cell r="M4" t="str">
            <v>特命</v>
          </cell>
          <cell r="N4" t="str">
            <v>軌・営　高・営</v>
          </cell>
          <cell r="O4">
            <v>41365</v>
          </cell>
          <cell r="P4">
            <v>41729</v>
          </cell>
          <cell r="Q4" t="str">
            <v>壱</v>
          </cell>
          <cell r="R4" t="str">
            <v>無</v>
          </cell>
          <cell r="S4" t="str">
            <v>総務課</v>
          </cell>
          <cell r="T4" t="str">
            <v>木村　公彦</v>
          </cell>
          <cell r="U4">
            <v>2236</v>
          </cell>
          <cell r="V4" t="str">
            <v>管理者</v>
          </cell>
          <cell r="W4" t="str">
            <v>なか５日</v>
          </cell>
          <cell r="X4" t="str">
            <v>特命</v>
          </cell>
          <cell r="Y4">
            <v>41354</v>
          </cell>
          <cell r="Z4">
            <v>41359</v>
          </cell>
          <cell r="AA4">
            <v>1400</v>
          </cell>
          <cell r="AB4" t="str">
            <v>交通局３階総務課</v>
          </cell>
          <cell r="AC4" t="str">
            <v>本調達については、本調達に係る予算の成立を条件とします。</v>
          </cell>
          <cell r="AD4" t="str">
            <v>平成25年3月26日(火)　14時00分</v>
          </cell>
          <cell r="AH4" t="str">
            <v/>
          </cell>
          <cell r="AP4">
            <v>1</v>
          </cell>
          <cell r="AQ4" t="str">
            <v>札幌市職員共済組合</v>
          </cell>
          <cell r="BD4" t="str">
            <v>要</v>
          </cell>
          <cell r="BE4" t="str">
            <v>別表のとおり</v>
          </cell>
          <cell r="BF4" t="e">
            <v>#VALUE!</v>
          </cell>
          <cell r="BG4" t="e">
            <v>#VALUE!</v>
          </cell>
          <cell r="BH4" t="str">
            <v>札幌市職員共済組合</v>
          </cell>
          <cell r="BI4" t="str">
            <v>別表のとおり</v>
          </cell>
          <cell r="BJ4" t="e">
            <v>#VALUE!</v>
          </cell>
          <cell r="BK4" t="e">
            <v>#VALUE!</v>
          </cell>
          <cell r="BL4" t="e">
            <v>#VALUE!</v>
          </cell>
          <cell r="BN4">
            <v>41365</v>
          </cell>
          <cell r="BO4" t="str">
            <v>しない</v>
          </cell>
          <cell r="BP4" t="str">
            <v>見積</v>
          </cell>
          <cell r="BQ4" t="e">
            <v>#VALUE!</v>
          </cell>
          <cell r="BS4">
            <v>24</v>
          </cell>
          <cell r="BT4">
            <v>1</v>
          </cell>
          <cell r="BU4">
            <v>1</v>
          </cell>
        </row>
        <row r="5">
          <cell r="B5" t="str">
            <v>業務委託</v>
          </cell>
          <cell r="C5" t="str">
            <v>札幌市交通局職員健康管理業務</v>
          </cell>
          <cell r="D5">
            <v>41346</v>
          </cell>
          <cell r="E5" t="str">
            <v>特命</v>
          </cell>
          <cell r="G5">
            <v>1347780</v>
          </cell>
          <cell r="I5">
            <v>1</v>
          </cell>
          <cell r="J5" t="str">
            <v>式</v>
          </cell>
          <cell r="K5" t="str">
            <v/>
          </cell>
          <cell r="L5">
            <v>1347780</v>
          </cell>
          <cell r="M5" t="str">
            <v>特命</v>
          </cell>
          <cell r="N5" t="str">
            <v>軌・営　高・営</v>
          </cell>
          <cell r="O5">
            <v>41365</v>
          </cell>
          <cell r="P5">
            <v>41729</v>
          </cell>
          <cell r="Q5" t="str">
            <v>壱</v>
          </cell>
          <cell r="R5" t="str">
            <v>無</v>
          </cell>
          <cell r="S5" t="str">
            <v>総務課</v>
          </cell>
          <cell r="T5" t="str">
            <v>木村　公彦</v>
          </cell>
          <cell r="U5">
            <v>2236</v>
          </cell>
          <cell r="V5" t="str">
            <v>部長</v>
          </cell>
          <cell r="W5" t="str">
            <v>なか１日</v>
          </cell>
          <cell r="X5" t="str">
            <v>特命</v>
          </cell>
          <cell r="Y5">
            <v>41352</v>
          </cell>
          <cell r="Z5">
            <v>41359</v>
          </cell>
          <cell r="AA5">
            <v>1500</v>
          </cell>
          <cell r="AB5" t="str">
            <v>交通局３階総務課</v>
          </cell>
          <cell r="AC5" t="str">
            <v>本調達については、本調達に係る予算の成立を条件とします。
また、入札（見積）書記載金額は、単価契約部分を除いた総価及び単価（消費税及び地方消費税相当額を含まない）を記載してください。</v>
          </cell>
          <cell r="AD5" t="str">
            <v>平成25年3月26日(火)　15時00分</v>
          </cell>
          <cell r="AH5" t="str">
            <v/>
          </cell>
          <cell r="AP5">
            <v>1</v>
          </cell>
          <cell r="AQ5" t="str">
            <v>公益財団法人　北海道結核予防会</v>
          </cell>
          <cell r="BD5" t="str">
            <v>要</v>
          </cell>
          <cell r="BE5">
            <v>864000</v>
          </cell>
          <cell r="BF5">
            <v>907200</v>
          </cell>
          <cell r="BG5">
            <v>0.32689311311935187</v>
          </cell>
          <cell r="BH5" t="str">
            <v>公益財団法人　北海道結核予防会</v>
          </cell>
          <cell r="BI5">
            <v>864000</v>
          </cell>
          <cell r="BJ5">
            <v>907200</v>
          </cell>
          <cell r="BK5">
            <v>43200</v>
          </cell>
          <cell r="BL5" t="str">
            <v>契約書</v>
          </cell>
          <cell r="BN5">
            <v>41365</v>
          </cell>
          <cell r="BO5" t="str">
            <v>しない</v>
          </cell>
          <cell r="BP5" t="str">
            <v>見積</v>
          </cell>
          <cell r="BQ5">
            <v>1</v>
          </cell>
          <cell r="BS5">
            <v>24</v>
          </cell>
          <cell r="BT5">
            <v>1</v>
          </cell>
          <cell r="BU5">
            <v>1</v>
          </cell>
        </row>
        <row r="6">
          <cell r="B6" t="str">
            <v>製造請負</v>
          </cell>
          <cell r="C6" t="str">
            <v>直接感熱印刷用定期券用紙</v>
          </cell>
          <cell r="D6">
            <v>41361</v>
          </cell>
          <cell r="E6" t="str">
            <v>一般</v>
          </cell>
          <cell r="G6">
            <v>20212500</v>
          </cell>
          <cell r="I6">
            <v>1</v>
          </cell>
          <cell r="J6" t="str">
            <v>式</v>
          </cell>
          <cell r="K6" t="str">
            <v/>
          </cell>
          <cell r="L6">
            <v>20212500</v>
          </cell>
          <cell r="M6" t="str">
            <v>一般</v>
          </cell>
          <cell r="N6" t="str">
            <v>軌・営　高・営</v>
          </cell>
          <cell r="P6">
            <v>41424</v>
          </cell>
          <cell r="Q6" t="str">
            <v>壱</v>
          </cell>
          <cell r="R6" t="str">
            <v>無</v>
          </cell>
          <cell r="S6" t="str">
            <v>営業企画課</v>
          </cell>
          <cell r="T6" t="str">
            <v>小原　靖訓</v>
          </cell>
          <cell r="U6">
            <v>2296</v>
          </cell>
          <cell r="V6" t="str">
            <v>管理者</v>
          </cell>
          <cell r="W6" t="str">
            <v>なか５日</v>
          </cell>
          <cell r="X6" t="str">
            <v>一般</v>
          </cell>
          <cell r="Y6">
            <v>41369</v>
          </cell>
          <cell r="Z6">
            <v>41372</v>
          </cell>
          <cell r="AA6">
            <v>1100</v>
          </cell>
          <cell r="AB6" t="str">
            <v>交通局５階入札室</v>
          </cell>
          <cell r="AD6" t="str">
            <v>平成25年4月8日(月)　11時00分</v>
          </cell>
          <cell r="AH6" t="str">
            <v/>
          </cell>
          <cell r="AI6" t="str">
            <v>製造業</v>
          </cell>
          <cell r="AJ6" t="str">
            <v>出版･印刷業</v>
          </cell>
          <cell r="AO6" t="str">
            <v>参加制限あり</v>
          </cell>
          <cell r="AP6" t="str">
            <v>告示</v>
          </cell>
          <cell r="AQ6" t="str">
            <v>日本通信紙（株）札幌支店</v>
          </cell>
          <cell r="BD6" t="str">
            <v>要</v>
          </cell>
          <cell r="BE6">
            <v>19140000</v>
          </cell>
          <cell r="BF6">
            <v>20097000</v>
          </cell>
          <cell r="BG6">
            <v>5.7142857142856718E-3</v>
          </cell>
          <cell r="BH6" t="str">
            <v>日本通信紙（株）札幌支店</v>
          </cell>
          <cell r="BI6">
            <v>18975000</v>
          </cell>
          <cell r="BJ6">
            <v>19923750</v>
          </cell>
          <cell r="BK6">
            <v>948750</v>
          </cell>
          <cell r="BL6" t="str">
            <v>契約書</v>
          </cell>
          <cell r="BO6" t="str">
            <v>しない</v>
          </cell>
          <cell r="BP6" t="str">
            <v>一般</v>
          </cell>
          <cell r="BQ6">
            <v>0.99137931034482762</v>
          </cell>
          <cell r="BS6">
            <v>2</v>
          </cell>
          <cell r="BT6">
            <v>98</v>
          </cell>
          <cell r="BU6">
            <v>1</v>
          </cell>
        </row>
        <row r="7">
          <cell r="B7" t="str">
            <v>業務委託</v>
          </cell>
          <cell r="C7" t="str">
            <v>交通局本局庁舎出入口案内警備業務（上期）</v>
          </cell>
          <cell r="D7">
            <v>41361</v>
          </cell>
          <cell r="G7">
            <v>458850</v>
          </cell>
          <cell r="I7">
            <v>1</v>
          </cell>
          <cell r="J7" t="str">
            <v>式</v>
          </cell>
          <cell r="K7" t="str">
            <v/>
          </cell>
          <cell r="L7">
            <v>458850</v>
          </cell>
          <cell r="M7" t="str">
            <v>見積</v>
          </cell>
          <cell r="N7" t="str">
            <v>高・営</v>
          </cell>
          <cell r="O7">
            <v>41379</v>
          </cell>
          <cell r="P7">
            <v>41466</v>
          </cell>
          <cell r="Q7" t="str">
            <v>壱</v>
          </cell>
          <cell r="R7" t="str">
            <v>無</v>
          </cell>
          <cell r="S7" t="str">
            <v>総務課</v>
          </cell>
          <cell r="T7" t="str">
            <v>山下　知学</v>
          </cell>
          <cell r="U7">
            <v>2217</v>
          </cell>
          <cell r="V7" t="str">
            <v>部長</v>
          </cell>
          <cell r="W7" t="str">
            <v>なか１日</v>
          </cell>
          <cell r="X7" t="str">
            <v>見積</v>
          </cell>
          <cell r="Y7">
            <v>41367</v>
          </cell>
          <cell r="Z7">
            <v>41373</v>
          </cell>
          <cell r="AA7">
            <v>1100</v>
          </cell>
          <cell r="AB7" t="str">
            <v>交通局５階入札室</v>
          </cell>
          <cell r="AD7" t="str">
            <v>平成25年4月9日(火)　11時00分</v>
          </cell>
          <cell r="AH7" t="str">
            <v/>
          </cell>
          <cell r="AP7">
            <v>3</v>
          </cell>
          <cell r="AQ7" t="str">
            <v>（株）ジーエム北都</v>
          </cell>
          <cell r="AR7" t="str">
            <v>北陽警備保障（株）</v>
          </cell>
          <cell r="AS7" t="str">
            <v>セーフティガード警備（株）</v>
          </cell>
          <cell r="BD7" t="str">
            <v>省略可</v>
          </cell>
          <cell r="BF7">
            <v>458850</v>
          </cell>
          <cell r="BG7">
            <v>1</v>
          </cell>
          <cell r="BH7" t="str">
            <v>セーフティガード警備（株）</v>
          </cell>
          <cell r="BI7">
            <v>259500</v>
          </cell>
          <cell r="BJ7">
            <v>272475</v>
          </cell>
          <cell r="BK7">
            <v>12975</v>
          </cell>
          <cell r="BL7" t="str">
            <v>請書・発注書</v>
          </cell>
          <cell r="BN7">
            <v>41373</v>
          </cell>
          <cell r="BO7" t="str">
            <v>しない</v>
          </cell>
          <cell r="BP7" t="str">
            <v>見積</v>
          </cell>
          <cell r="BQ7">
            <v>0.59382151029748287</v>
          </cell>
          <cell r="BS7" t="str">
            <v>省略可</v>
          </cell>
          <cell r="BT7" t="str">
            <v>省略可</v>
          </cell>
          <cell r="BU7">
            <v>1</v>
          </cell>
        </row>
        <row r="8">
          <cell r="B8" t="str">
            <v>物品購入</v>
          </cell>
          <cell r="C8" t="str">
            <v>磁気乗車券用横切りロール紙</v>
          </cell>
          <cell r="D8">
            <v>41367</v>
          </cell>
          <cell r="E8" t="str">
            <v>一般</v>
          </cell>
          <cell r="G8">
            <v>24806250</v>
          </cell>
          <cell r="I8">
            <v>1</v>
          </cell>
          <cell r="J8" t="str">
            <v>式</v>
          </cell>
          <cell r="K8" t="str">
            <v/>
          </cell>
          <cell r="L8">
            <v>24806250</v>
          </cell>
          <cell r="M8" t="str">
            <v>一般</v>
          </cell>
          <cell r="N8" t="str">
            <v>高・営</v>
          </cell>
          <cell r="P8">
            <v>41453</v>
          </cell>
          <cell r="Q8" t="str">
            <v>壱</v>
          </cell>
          <cell r="R8" t="str">
            <v>無</v>
          </cell>
          <cell r="S8" t="str">
            <v>業務課</v>
          </cell>
          <cell r="T8" t="str">
            <v>冨田　学</v>
          </cell>
          <cell r="U8">
            <v>2415</v>
          </cell>
          <cell r="V8" t="str">
            <v>管理者</v>
          </cell>
          <cell r="W8" t="str">
            <v>なか５日</v>
          </cell>
          <cell r="X8" t="str">
            <v>一般</v>
          </cell>
          <cell r="Y8">
            <v>41376</v>
          </cell>
          <cell r="Z8">
            <v>41379</v>
          </cell>
          <cell r="AA8">
            <v>1100</v>
          </cell>
          <cell r="AB8" t="str">
            <v>交通局５階入札室</v>
          </cell>
          <cell r="AD8" t="str">
            <v>平成25年4月15日(月)　11時00分</v>
          </cell>
          <cell r="AH8" t="str">
            <v/>
          </cell>
          <cell r="AI8" t="str">
            <v>製造業</v>
          </cell>
          <cell r="AJ8" t="str">
            <v>出版･印刷業</v>
          </cell>
          <cell r="AL8" t="str">
            <v>卸小売業</v>
          </cell>
          <cell r="AM8" t="str">
            <v>書籍・文房具・印判卸小売業</v>
          </cell>
          <cell r="AO8" t="str">
            <v>参加制限あり</v>
          </cell>
          <cell r="AP8" t="str">
            <v>告示</v>
          </cell>
          <cell r="AQ8" t="str">
            <v>日本通信紙（株）札幌支店</v>
          </cell>
          <cell r="BD8" t="str">
            <v>要</v>
          </cell>
          <cell r="BE8">
            <v>23388000</v>
          </cell>
          <cell r="BF8">
            <v>24557400</v>
          </cell>
          <cell r="BG8">
            <v>1.0031746031746058E-2</v>
          </cell>
          <cell r="BH8" t="str">
            <v>日本通信紙（株）札幌支店</v>
          </cell>
          <cell r="BI8">
            <v>23175000</v>
          </cell>
          <cell r="BJ8">
            <v>24333750</v>
          </cell>
          <cell r="BK8">
            <v>1158750</v>
          </cell>
          <cell r="BL8" t="str">
            <v>契約書</v>
          </cell>
          <cell r="BO8" t="str">
            <v>しない</v>
          </cell>
          <cell r="BP8" t="str">
            <v>一般</v>
          </cell>
          <cell r="BQ8">
            <v>0.99089276552077987</v>
          </cell>
          <cell r="BS8">
            <v>1</v>
          </cell>
          <cell r="BT8">
            <v>5</v>
          </cell>
          <cell r="BU8">
            <v>1</v>
          </cell>
        </row>
        <row r="9">
          <cell r="B9" t="str">
            <v>製造請負</v>
          </cell>
          <cell r="C9" t="str">
            <v>どサンこパス</v>
          </cell>
          <cell r="D9">
            <v>41366</v>
          </cell>
          <cell r="G9">
            <v>301350</v>
          </cell>
          <cell r="I9">
            <v>1</v>
          </cell>
          <cell r="J9" t="str">
            <v>式</v>
          </cell>
          <cell r="K9" t="str">
            <v/>
          </cell>
          <cell r="L9">
            <v>301350</v>
          </cell>
          <cell r="M9" t="str">
            <v>公開</v>
          </cell>
          <cell r="N9" t="str">
            <v>軌・営</v>
          </cell>
          <cell r="P9">
            <v>41453</v>
          </cell>
          <cell r="Q9" t="str">
            <v>壱</v>
          </cell>
          <cell r="R9" t="str">
            <v>無</v>
          </cell>
          <cell r="S9" t="str">
            <v>営業企画課</v>
          </cell>
          <cell r="T9" t="str">
            <v>今　奈穂子</v>
          </cell>
          <cell r="U9">
            <v>2295</v>
          </cell>
          <cell r="V9" t="str">
            <v>課長</v>
          </cell>
          <cell r="W9" t="str">
            <v>なか１日</v>
          </cell>
          <cell r="X9" t="str">
            <v>公開</v>
          </cell>
          <cell r="Y9">
            <v>41375</v>
          </cell>
          <cell r="Z9">
            <v>41375</v>
          </cell>
          <cell r="AA9">
            <v>1615</v>
          </cell>
          <cell r="AB9" t="str">
            <v>交通局３階総務課</v>
          </cell>
          <cell r="AD9" t="str">
            <v>平成25年4月11日(木)　16時15分</v>
          </cell>
          <cell r="AH9" t="str">
            <v/>
          </cell>
          <cell r="AI9" t="str">
            <v>製造業</v>
          </cell>
          <cell r="AJ9" t="str">
            <v>出版･印刷業</v>
          </cell>
          <cell r="AK9" t="str">
            <v>印刷</v>
          </cell>
          <cell r="AO9" t="str">
            <v>参加制限あり</v>
          </cell>
          <cell r="AP9">
            <v>3</v>
          </cell>
          <cell r="AQ9" t="str">
            <v>（株）企画クラブ</v>
          </cell>
          <cell r="AR9" t="str">
            <v>小南印刷（株）</v>
          </cell>
          <cell r="AS9" t="str">
            <v>福井商会（株）</v>
          </cell>
          <cell r="BD9" t="str">
            <v>省略可</v>
          </cell>
          <cell r="BF9">
            <v>301350</v>
          </cell>
          <cell r="BG9">
            <v>1</v>
          </cell>
          <cell r="BH9" t="str">
            <v>（株）企画クラブ</v>
          </cell>
          <cell r="BI9">
            <v>189600</v>
          </cell>
          <cell r="BJ9">
            <v>199080</v>
          </cell>
          <cell r="BK9">
            <v>9480</v>
          </cell>
          <cell r="BL9" t="str">
            <v>発注書</v>
          </cell>
          <cell r="BN9">
            <v>41379</v>
          </cell>
          <cell r="BO9" t="str">
            <v>しない</v>
          </cell>
          <cell r="BP9" t="str">
            <v>見積(公開)</v>
          </cell>
          <cell r="BQ9">
            <v>0.6606271777003484</v>
          </cell>
          <cell r="BS9" t="str">
            <v>省略可</v>
          </cell>
          <cell r="BT9" t="str">
            <v>省略可</v>
          </cell>
          <cell r="BU9">
            <v>1</v>
          </cell>
        </row>
        <row r="10">
          <cell r="B10" t="str">
            <v>製造請負</v>
          </cell>
          <cell r="C10" t="str">
            <v>券売機用「共通ウィズユーカード」平成２５年度第１回目発注分</v>
          </cell>
          <cell r="D10">
            <v>41366</v>
          </cell>
          <cell r="E10" t="str">
            <v>指名</v>
          </cell>
          <cell r="G10">
            <v>93502500</v>
          </cell>
          <cell r="I10">
            <v>1</v>
          </cell>
          <cell r="J10" t="str">
            <v>式</v>
          </cell>
          <cell r="K10" t="str">
            <v/>
          </cell>
          <cell r="L10">
            <v>93502500</v>
          </cell>
          <cell r="M10" t="str">
            <v>指名</v>
          </cell>
          <cell r="N10" t="str">
            <v>高・営</v>
          </cell>
          <cell r="P10">
            <v>41473</v>
          </cell>
          <cell r="Q10" t="str">
            <v>壱</v>
          </cell>
          <cell r="R10" t="str">
            <v>無</v>
          </cell>
          <cell r="S10" t="str">
            <v>営業企画課</v>
          </cell>
          <cell r="T10" t="str">
            <v>今　奈穂子</v>
          </cell>
          <cell r="U10">
            <v>2295</v>
          </cell>
          <cell r="V10" t="str">
            <v>管理者</v>
          </cell>
          <cell r="W10" t="str">
            <v>なか１０日</v>
          </cell>
          <cell r="X10" t="str">
            <v>指名</v>
          </cell>
          <cell r="Y10">
            <v>41375</v>
          </cell>
          <cell r="Z10">
            <v>41380</v>
          </cell>
          <cell r="AA10">
            <v>1100</v>
          </cell>
          <cell r="AB10" t="str">
            <v>交通局５階入札室</v>
          </cell>
          <cell r="AD10" t="str">
            <v>平成25年4月16日(火)　11時00分</v>
          </cell>
          <cell r="AH10" t="str">
            <v/>
          </cell>
          <cell r="AI10" t="str">
            <v>製造業</v>
          </cell>
          <cell r="AJ10" t="str">
            <v>出版･印刷業</v>
          </cell>
          <cell r="AK10" t="str">
            <v>印刷</v>
          </cell>
          <cell r="AO10" t="str">
            <v>－</v>
          </cell>
          <cell r="AP10">
            <v>10</v>
          </cell>
          <cell r="AQ10" t="str">
            <v>（株）トッパンＴＤＫレーベル</v>
          </cell>
          <cell r="AR10" t="str">
            <v>共同印刷（株）</v>
          </cell>
          <cell r="AS10" t="str">
            <v>日本通信紙（株）札幌支店</v>
          </cell>
          <cell r="BD10" t="str">
            <v>要</v>
          </cell>
          <cell r="BE10">
            <v>88604000</v>
          </cell>
          <cell r="BF10">
            <v>93034200</v>
          </cell>
          <cell r="BG10">
            <v>5.008422234699661E-3</v>
          </cell>
          <cell r="BJ10">
            <v>0</v>
          </cell>
          <cell r="BK10">
            <v>0</v>
          </cell>
          <cell r="BL10" t="str">
            <v/>
          </cell>
          <cell r="BO10" t="str">
            <v>しない</v>
          </cell>
          <cell r="BP10" t="str">
            <v>指名</v>
          </cell>
          <cell r="BQ10" t="str">
            <v/>
          </cell>
          <cell r="BS10">
            <v>26</v>
          </cell>
          <cell r="BT10">
            <v>59</v>
          </cell>
        </row>
        <row r="11">
          <cell r="B11" t="str">
            <v>製造請負</v>
          </cell>
          <cell r="C11" t="str">
            <v>手売用「共通ウィズユーカード」等（平成２５年度前期分）</v>
          </cell>
          <cell r="D11">
            <v>41366</v>
          </cell>
          <cell r="E11" t="str">
            <v>指名</v>
          </cell>
          <cell r="G11">
            <v>42784350</v>
          </cell>
          <cell r="I11">
            <v>1</v>
          </cell>
          <cell r="J11" t="str">
            <v>式</v>
          </cell>
          <cell r="K11" t="str">
            <v/>
          </cell>
          <cell r="L11">
            <v>42784350</v>
          </cell>
          <cell r="M11" t="str">
            <v>指名</v>
          </cell>
          <cell r="N11" t="str">
            <v>高・営</v>
          </cell>
          <cell r="P11">
            <v>41473</v>
          </cell>
          <cell r="Q11" t="str">
            <v>壱</v>
          </cell>
          <cell r="R11" t="str">
            <v>無</v>
          </cell>
          <cell r="S11" t="str">
            <v>営業企画課</v>
          </cell>
          <cell r="T11" t="str">
            <v>今　奈穂子</v>
          </cell>
          <cell r="U11">
            <v>2295</v>
          </cell>
          <cell r="V11" t="str">
            <v>管理者</v>
          </cell>
          <cell r="W11" t="str">
            <v>なか５日</v>
          </cell>
          <cell r="X11" t="str">
            <v>指名</v>
          </cell>
          <cell r="Y11">
            <v>41374</v>
          </cell>
          <cell r="Z11">
            <v>41380</v>
          </cell>
          <cell r="AA11">
            <v>1110</v>
          </cell>
          <cell r="AB11" t="str">
            <v>交通局５階入札室</v>
          </cell>
          <cell r="AD11" t="str">
            <v>平成25年4月16日(火)　11時10分</v>
          </cell>
          <cell r="AH11" t="str">
            <v/>
          </cell>
          <cell r="AI11" t="str">
            <v>製造業</v>
          </cell>
          <cell r="AJ11" t="str">
            <v>出版･印刷業</v>
          </cell>
          <cell r="AK11" t="str">
            <v>印刷</v>
          </cell>
          <cell r="AO11" t="str">
            <v>－</v>
          </cell>
          <cell r="AP11">
            <v>10</v>
          </cell>
          <cell r="AQ11" t="str">
            <v>（株）トッパンＴＤＫレーベル</v>
          </cell>
          <cell r="AR11" t="str">
            <v>共同印刷（株）</v>
          </cell>
          <cell r="AS11" t="str">
            <v>日本通信紙（株）札幌支店</v>
          </cell>
          <cell r="BD11" t="str">
            <v>要</v>
          </cell>
          <cell r="BE11">
            <v>40543000</v>
          </cell>
          <cell r="BF11">
            <v>42570150</v>
          </cell>
          <cell r="BG11">
            <v>5.0065035462732999E-3</v>
          </cell>
          <cell r="BJ11">
            <v>0</v>
          </cell>
          <cell r="BK11">
            <v>0</v>
          </cell>
          <cell r="BL11" t="str">
            <v/>
          </cell>
          <cell r="BO11" t="str">
            <v>しない</v>
          </cell>
          <cell r="BP11" t="str">
            <v>指名</v>
          </cell>
          <cell r="BQ11" t="str">
            <v/>
          </cell>
          <cell r="BS11">
            <v>25</v>
          </cell>
          <cell r="BT11">
            <v>59</v>
          </cell>
        </row>
        <row r="12">
          <cell r="B12" t="str">
            <v>業務委託</v>
          </cell>
          <cell r="C12" t="str">
            <v>５１０３編成ＳＩＶ装置部品交換業務</v>
          </cell>
          <cell r="D12">
            <v>41369</v>
          </cell>
          <cell r="E12" t="str">
            <v>特命</v>
          </cell>
          <cell r="G12">
            <v>312900</v>
          </cell>
          <cell r="I12">
            <v>1</v>
          </cell>
          <cell r="J12" t="str">
            <v>式</v>
          </cell>
          <cell r="K12" t="str">
            <v/>
          </cell>
          <cell r="L12">
            <v>312900</v>
          </cell>
          <cell r="M12" t="str">
            <v>特命</v>
          </cell>
          <cell r="N12" t="str">
            <v>高・建改</v>
          </cell>
          <cell r="P12">
            <v>41444</v>
          </cell>
          <cell r="Q12" t="str">
            <v>壱</v>
          </cell>
          <cell r="R12" t="str">
            <v>無</v>
          </cell>
          <cell r="S12" t="str">
            <v>車両課(真駒内)</v>
          </cell>
          <cell r="T12" t="str">
            <v>小関　克美</v>
          </cell>
          <cell r="U12">
            <v>8304</v>
          </cell>
          <cell r="V12" t="str">
            <v>部長</v>
          </cell>
          <cell r="W12" t="str">
            <v>なか１日</v>
          </cell>
          <cell r="X12" t="str">
            <v>特命</v>
          </cell>
          <cell r="Y12">
            <v>41375</v>
          </cell>
          <cell r="Z12">
            <v>41380</v>
          </cell>
          <cell r="AA12">
            <v>1400</v>
          </cell>
          <cell r="AB12" t="str">
            <v>交通局３階総務課</v>
          </cell>
          <cell r="AD12" t="str">
            <v>平成25年4月16日(火)　14時00分</v>
          </cell>
          <cell r="AH12" t="str">
            <v/>
          </cell>
          <cell r="AP12">
            <v>1</v>
          </cell>
          <cell r="AQ12" t="str">
            <v>三菱電機（株）北海道支社</v>
          </cell>
          <cell r="BD12" t="str">
            <v>省略可</v>
          </cell>
          <cell r="BF12">
            <v>312900</v>
          </cell>
          <cell r="BG12">
            <v>1</v>
          </cell>
          <cell r="BH12" t="str">
            <v>三菱電機（株）北海道支社</v>
          </cell>
          <cell r="BJ12">
            <v>0</v>
          </cell>
          <cell r="BK12">
            <v>0</v>
          </cell>
          <cell r="BL12" t="str">
            <v/>
          </cell>
          <cell r="BO12" t="str">
            <v>する</v>
          </cell>
          <cell r="BP12" t="str">
            <v>見積</v>
          </cell>
          <cell r="BQ12" t="str">
            <v/>
          </cell>
          <cell r="BS12" t="str">
            <v>省略可</v>
          </cell>
          <cell r="BT12" t="str">
            <v>省略可</v>
          </cell>
        </row>
        <row r="13">
          <cell r="B13" t="str">
            <v>業務委託</v>
          </cell>
          <cell r="C13" t="str">
            <v>５１０５編成制御装置部品交換業務</v>
          </cell>
          <cell r="D13">
            <v>41369</v>
          </cell>
          <cell r="E13" t="str">
            <v>特命</v>
          </cell>
          <cell r="G13">
            <v>1036350</v>
          </cell>
          <cell r="I13">
            <v>1</v>
          </cell>
          <cell r="J13" t="str">
            <v>式</v>
          </cell>
          <cell r="K13" t="str">
            <v/>
          </cell>
          <cell r="L13">
            <v>1036350</v>
          </cell>
          <cell r="M13" t="str">
            <v>特命</v>
          </cell>
          <cell r="N13" t="str">
            <v>高・建改</v>
          </cell>
          <cell r="P13">
            <v>41527</v>
          </cell>
          <cell r="Q13" t="str">
            <v>壱</v>
          </cell>
          <cell r="R13" t="str">
            <v>無</v>
          </cell>
          <cell r="S13" t="str">
            <v>車両課(真駒内)</v>
          </cell>
          <cell r="T13" t="str">
            <v>小関　克美</v>
          </cell>
          <cell r="U13">
            <v>8304</v>
          </cell>
          <cell r="V13" t="str">
            <v>部長</v>
          </cell>
          <cell r="W13" t="str">
            <v>なか１日</v>
          </cell>
          <cell r="X13" t="str">
            <v>特命</v>
          </cell>
          <cell r="Y13">
            <v>41375</v>
          </cell>
          <cell r="Z13">
            <v>41380</v>
          </cell>
          <cell r="AA13">
            <v>1415</v>
          </cell>
          <cell r="AB13" t="str">
            <v>交通局３階総務課</v>
          </cell>
          <cell r="AD13" t="str">
            <v>平成25年4月16日(火)　14時15分</v>
          </cell>
          <cell r="AH13" t="str">
            <v/>
          </cell>
          <cell r="AP13">
            <v>1</v>
          </cell>
          <cell r="AQ13" t="str">
            <v>東芝トランスポートエンジニアリング（株）北海道営業所</v>
          </cell>
          <cell r="BD13" t="str">
            <v>要</v>
          </cell>
          <cell r="BE13">
            <v>977000</v>
          </cell>
          <cell r="BF13">
            <v>1025850</v>
          </cell>
          <cell r="BG13">
            <v>1.0131712259371817E-2</v>
          </cell>
          <cell r="BH13" t="str">
            <v>東芝トランスポートエンジニアリング（株）北海道営業所</v>
          </cell>
          <cell r="BJ13">
            <v>0</v>
          </cell>
          <cell r="BK13">
            <v>0</v>
          </cell>
          <cell r="BL13" t="str">
            <v/>
          </cell>
          <cell r="BO13" t="str">
            <v>する</v>
          </cell>
          <cell r="BP13" t="str">
            <v>見積</v>
          </cell>
          <cell r="BQ13" t="str">
            <v/>
          </cell>
          <cell r="BS13">
            <v>5</v>
          </cell>
          <cell r="BT13">
            <v>5</v>
          </cell>
        </row>
        <row r="14">
          <cell r="B14" t="str">
            <v>業務委託</v>
          </cell>
          <cell r="C14" t="str">
            <v>５１０３編成ＶＶＶＦ装置部品交換業務</v>
          </cell>
          <cell r="D14">
            <v>41369</v>
          </cell>
          <cell r="E14" t="str">
            <v>特命</v>
          </cell>
          <cell r="G14">
            <v>730800</v>
          </cell>
          <cell r="I14">
            <v>1</v>
          </cell>
          <cell r="J14" t="str">
            <v>式</v>
          </cell>
          <cell r="K14" t="str">
            <v/>
          </cell>
          <cell r="L14">
            <v>730800</v>
          </cell>
          <cell r="M14" t="str">
            <v>特命</v>
          </cell>
          <cell r="N14" t="str">
            <v>高・建改</v>
          </cell>
          <cell r="P14">
            <v>41444</v>
          </cell>
          <cell r="Q14" t="str">
            <v>壱</v>
          </cell>
          <cell r="R14" t="str">
            <v>無</v>
          </cell>
          <cell r="S14" t="str">
            <v>車両課(真駒内)</v>
          </cell>
          <cell r="T14" t="str">
            <v>小関　克美</v>
          </cell>
          <cell r="U14">
            <v>8304</v>
          </cell>
          <cell r="V14" t="str">
            <v>部長</v>
          </cell>
          <cell r="W14" t="str">
            <v>なか１日</v>
          </cell>
          <cell r="X14" t="str">
            <v>特命</v>
          </cell>
          <cell r="Y14">
            <v>41375</v>
          </cell>
          <cell r="Z14">
            <v>41380</v>
          </cell>
          <cell r="AA14">
            <v>1430</v>
          </cell>
          <cell r="AB14" t="str">
            <v>交通局３階総務課</v>
          </cell>
          <cell r="AD14" t="str">
            <v>平成25年4月16日(火)　14時30分</v>
          </cell>
          <cell r="AH14" t="str">
            <v/>
          </cell>
          <cell r="AP14">
            <v>1</v>
          </cell>
          <cell r="AQ14" t="str">
            <v>（株）日立製作所北海道支社</v>
          </cell>
          <cell r="BD14" t="str">
            <v>省略可</v>
          </cell>
          <cell r="BF14">
            <v>730800</v>
          </cell>
          <cell r="BG14">
            <v>1</v>
          </cell>
          <cell r="BH14" t="str">
            <v>（株）日立製作所北海道支社</v>
          </cell>
          <cell r="BJ14">
            <v>0</v>
          </cell>
          <cell r="BK14">
            <v>0</v>
          </cell>
          <cell r="BL14" t="str">
            <v/>
          </cell>
          <cell r="BO14" t="str">
            <v>する</v>
          </cell>
          <cell r="BP14" t="str">
            <v>見積</v>
          </cell>
          <cell r="BQ14" t="str">
            <v/>
          </cell>
          <cell r="BS14" t="str">
            <v>省略可</v>
          </cell>
          <cell r="BT14" t="str">
            <v>省略可</v>
          </cell>
        </row>
        <row r="15">
          <cell r="B15" t="str">
            <v>製造請負</v>
          </cell>
          <cell r="C15" t="str">
            <v>案内軌条式鉄道車両（９０００形）車体・艤装製造</v>
          </cell>
          <cell r="D15">
            <v>41369</v>
          </cell>
          <cell r="E15" t="str">
            <v>一般</v>
          </cell>
          <cell r="G15">
            <v>13794438000</v>
          </cell>
          <cell r="I15">
            <v>1</v>
          </cell>
          <cell r="J15" t="str">
            <v>式</v>
          </cell>
          <cell r="K15" t="str">
            <v/>
          </cell>
          <cell r="L15">
            <v>13794438000</v>
          </cell>
          <cell r="M15" t="str">
            <v>一般</v>
          </cell>
          <cell r="N15" t="str">
            <v>高・建改</v>
          </cell>
          <cell r="P15">
            <v>42613</v>
          </cell>
          <cell r="Q15" t="str">
            <v>仕様書のとおり</v>
          </cell>
          <cell r="R15" t="str">
            <v>無</v>
          </cell>
          <cell r="S15" t="str">
            <v>車両課</v>
          </cell>
          <cell r="T15" t="str">
            <v>高木　亮</v>
          </cell>
          <cell r="U15">
            <v>2583</v>
          </cell>
          <cell r="V15" t="str">
            <v>市長</v>
          </cell>
          <cell r="W15" t="str">
            <v>なか１０日</v>
          </cell>
          <cell r="X15" t="str">
            <v>一般</v>
          </cell>
          <cell r="Y15">
            <v>41411</v>
          </cell>
          <cell r="Z15">
            <v>41414</v>
          </cell>
          <cell r="AA15">
            <v>1100</v>
          </cell>
          <cell r="AB15" t="str">
            <v>交通局５階入札室</v>
          </cell>
          <cell r="AD15" t="str">
            <v>平成25年5月20日(月)　11時00分</v>
          </cell>
          <cell r="AH15" t="str">
            <v/>
          </cell>
          <cell r="AI15" t="str">
            <v>製造業</v>
          </cell>
          <cell r="AJ15" t="str">
            <v>輸送機械器具製造業</v>
          </cell>
          <cell r="AO15" t="str">
            <v>参加制限あり</v>
          </cell>
          <cell r="AP15" t="str">
            <v>告示</v>
          </cell>
          <cell r="BD15" t="str">
            <v>要</v>
          </cell>
          <cell r="BF15">
            <v>0</v>
          </cell>
          <cell r="BG15">
            <v>1</v>
          </cell>
          <cell r="BJ15">
            <v>0</v>
          </cell>
          <cell r="BK15">
            <v>0</v>
          </cell>
          <cell r="BL15" t="str">
            <v/>
          </cell>
          <cell r="BO15" t="str">
            <v>する</v>
          </cell>
          <cell r="BP15" t="str">
            <v>一般</v>
          </cell>
          <cell r="BQ15" t="str">
            <v/>
          </cell>
          <cell r="BS15" t="str">
            <v/>
          </cell>
          <cell r="BT15" t="str">
            <v/>
          </cell>
        </row>
        <row r="16">
          <cell r="B16" t="str">
            <v>業務委託</v>
          </cell>
          <cell r="C16" t="str">
            <v>東西線親時計装置オーバーホール</v>
          </cell>
          <cell r="D16">
            <v>41372</v>
          </cell>
          <cell r="E16" t="str">
            <v>特命</v>
          </cell>
          <cell r="G16">
            <v>122850</v>
          </cell>
          <cell r="I16">
            <v>1</v>
          </cell>
          <cell r="J16" t="str">
            <v>式</v>
          </cell>
          <cell r="K16" t="str">
            <v/>
          </cell>
          <cell r="L16">
            <v>122850</v>
          </cell>
          <cell r="M16" t="str">
            <v>特命</v>
          </cell>
          <cell r="N16" t="str">
            <v>高・営</v>
          </cell>
          <cell r="P16">
            <v>41455</v>
          </cell>
          <cell r="Q16" t="str">
            <v>壱</v>
          </cell>
          <cell r="R16" t="str">
            <v>無</v>
          </cell>
          <cell r="S16" t="str">
            <v>電気課</v>
          </cell>
          <cell r="T16" t="str">
            <v>山場　康道</v>
          </cell>
          <cell r="U16">
            <v>2646</v>
          </cell>
          <cell r="V16" t="str">
            <v>課長</v>
          </cell>
          <cell r="W16" t="str">
            <v>なか１日</v>
          </cell>
          <cell r="X16" t="str">
            <v>特命</v>
          </cell>
          <cell r="Y16">
            <v>41375</v>
          </cell>
          <cell r="Z16">
            <v>41382</v>
          </cell>
          <cell r="AA16">
            <v>1400</v>
          </cell>
          <cell r="AB16" t="str">
            <v>交通局３階総務課</v>
          </cell>
          <cell r="AD16" t="str">
            <v>平成25年4月18日(木)　14時00分</v>
          </cell>
          <cell r="AH16" t="str">
            <v/>
          </cell>
          <cell r="AP16">
            <v>1</v>
          </cell>
          <cell r="AQ16" t="str">
            <v>セイコータイムシステム（株）札幌営業所</v>
          </cell>
          <cell r="BD16" t="str">
            <v>省略可</v>
          </cell>
          <cell r="BF16">
            <v>122850</v>
          </cell>
          <cell r="BG16">
            <v>1</v>
          </cell>
          <cell r="BH16" t="str">
            <v>セイコータイムシステム（株）札幌営業所</v>
          </cell>
          <cell r="BJ16">
            <v>0</v>
          </cell>
          <cell r="BK16">
            <v>0</v>
          </cell>
          <cell r="BL16" t="str">
            <v/>
          </cell>
          <cell r="BO16" t="str">
            <v>しない</v>
          </cell>
          <cell r="BP16" t="str">
            <v>見積</v>
          </cell>
          <cell r="BQ16" t="str">
            <v/>
          </cell>
          <cell r="BS16" t="str">
            <v>省略可</v>
          </cell>
          <cell r="BT16" t="str">
            <v>省略可</v>
          </cell>
        </row>
        <row r="17">
          <cell r="B17" t="str">
            <v>業務委託</v>
          </cell>
          <cell r="C17" t="str">
            <v>地下鉄車両故障対応（１）</v>
          </cell>
          <cell r="D17">
            <v>41372</v>
          </cell>
          <cell r="E17" t="str">
            <v>特命</v>
          </cell>
          <cell r="F17" t="str">
            <v>単価契約</v>
          </cell>
          <cell r="G17">
            <v>345870</v>
          </cell>
          <cell r="H17">
            <v>5490</v>
          </cell>
          <cell r="I17">
            <v>60</v>
          </cell>
          <cell r="J17" t="str">
            <v>時間</v>
          </cell>
          <cell r="K17" t="str">
            <v/>
          </cell>
          <cell r="L17">
            <v>345870</v>
          </cell>
          <cell r="M17" t="str">
            <v>特命</v>
          </cell>
          <cell r="N17" t="str">
            <v>高・営</v>
          </cell>
          <cell r="P17">
            <v>41729</v>
          </cell>
          <cell r="Q17" t="str">
            <v>壱</v>
          </cell>
          <cell r="R17" t="str">
            <v>無</v>
          </cell>
          <cell r="S17" t="str">
            <v>車両課(真駒内)</v>
          </cell>
          <cell r="T17" t="str">
            <v>小関　克美</v>
          </cell>
          <cell r="U17">
            <v>8304</v>
          </cell>
          <cell r="V17" t="str">
            <v>部長</v>
          </cell>
          <cell r="W17" t="str">
            <v>なか１日</v>
          </cell>
          <cell r="X17" t="str">
            <v>特命</v>
          </cell>
          <cell r="Y17">
            <v>41376</v>
          </cell>
          <cell r="Z17">
            <v>41380</v>
          </cell>
          <cell r="AA17">
            <v>1435</v>
          </cell>
          <cell r="AB17" t="str">
            <v>交通局３階総務課</v>
          </cell>
          <cell r="AC17" t="str">
            <v>入札（見積）書記載金額には、一人あたりの時間単価（消費税及び地方消費税相当額を含まない）を記載してください。</v>
          </cell>
          <cell r="AD17" t="str">
            <v>平成25年4月16日(火)　14時35分</v>
          </cell>
          <cell r="AH17" t="str">
            <v/>
          </cell>
          <cell r="AP17">
            <v>1</v>
          </cell>
          <cell r="AQ17" t="str">
            <v>（株）日立製作所北海道支社</v>
          </cell>
          <cell r="BD17" t="str">
            <v>省略可</v>
          </cell>
          <cell r="BF17">
            <v>5490</v>
          </cell>
          <cell r="BG17">
            <v>1</v>
          </cell>
          <cell r="BH17" t="str">
            <v>（株）日立製作所北海道支社</v>
          </cell>
          <cell r="BJ17">
            <v>0</v>
          </cell>
          <cell r="BK17">
            <v>0</v>
          </cell>
          <cell r="BL17" t="str">
            <v/>
          </cell>
          <cell r="BO17" t="str">
            <v>しない</v>
          </cell>
          <cell r="BP17" t="str">
            <v>見積</v>
          </cell>
          <cell r="BQ17" t="str">
            <v/>
          </cell>
          <cell r="BS17" t="str">
            <v>省略可</v>
          </cell>
          <cell r="BT17" t="str">
            <v>省略可</v>
          </cell>
        </row>
        <row r="18">
          <cell r="B18" t="str">
            <v>業務委託</v>
          </cell>
          <cell r="C18" t="str">
            <v>３１０５編成制御機器取外し業務</v>
          </cell>
          <cell r="D18">
            <v>41373</v>
          </cell>
          <cell r="G18">
            <v>412650</v>
          </cell>
          <cell r="I18">
            <v>1</v>
          </cell>
          <cell r="J18" t="str">
            <v>式</v>
          </cell>
          <cell r="K18" t="str">
            <v/>
          </cell>
          <cell r="L18">
            <v>412650</v>
          </cell>
          <cell r="M18" t="str">
            <v>見積</v>
          </cell>
          <cell r="N18" t="str">
            <v>高・営</v>
          </cell>
          <cell r="P18">
            <v>41439</v>
          </cell>
          <cell r="Q18" t="str">
            <v>壱</v>
          </cell>
          <cell r="R18" t="str">
            <v>無</v>
          </cell>
          <cell r="S18" t="str">
            <v>車両課(真駒内)</v>
          </cell>
          <cell r="T18" t="str">
            <v>小関　克美</v>
          </cell>
          <cell r="U18">
            <v>8304</v>
          </cell>
          <cell r="V18" t="str">
            <v>部長</v>
          </cell>
          <cell r="W18" t="str">
            <v>なか１日</v>
          </cell>
          <cell r="X18" t="str">
            <v>見積</v>
          </cell>
          <cell r="Y18">
            <v>41379</v>
          </cell>
          <cell r="Z18">
            <v>41382</v>
          </cell>
          <cell r="AA18">
            <v>1100</v>
          </cell>
          <cell r="AB18" t="str">
            <v>交通局５階入札室</v>
          </cell>
          <cell r="AD18" t="str">
            <v>平成25年4月18日(木)　11時00分</v>
          </cell>
          <cell r="AH18" t="str">
            <v/>
          </cell>
          <cell r="AP18">
            <v>3</v>
          </cell>
          <cell r="AQ18" t="str">
            <v>札幌川重車両エンジニアリング（株）</v>
          </cell>
          <cell r="AR18" t="str">
            <v>札幌交通機械（株）</v>
          </cell>
          <cell r="AS18" t="str">
            <v>東芝トランスポートエンジニアリング（株）北海道営業所</v>
          </cell>
          <cell r="AT18" t="str">
            <v>北都電機（株）</v>
          </cell>
          <cell r="BD18" t="str">
            <v>省略可</v>
          </cell>
          <cell r="BF18">
            <v>412650</v>
          </cell>
          <cell r="BG18">
            <v>1</v>
          </cell>
          <cell r="BJ18">
            <v>0</v>
          </cell>
          <cell r="BK18">
            <v>0</v>
          </cell>
          <cell r="BL18" t="str">
            <v/>
          </cell>
          <cell r="BO18" t="str">
            <v>しない</v>
          </cell>
          <cell r="BP18" t="str">
            <v>見積</v>
          </cell>
          <cell r="BQ18" t="str">
            <v/>
          </cell>
          <cell r="BR18" t="str">
            <v>東芝トランス辞退</v>
          </cell>
          <cell r="BS18" t="str">
            <v>省略可</v>
          </cell>
          <cell r="BT18" t="str">
            <v>省略可</v>
          </cell>
        </row>
        <row r="19">
          <cell r="B19" t="str">
            <v>業務委託</v>
          </cell>
          <cell r="C19" t="str">
            <v>３０００形車両廃車に伴う準備作業</v>
          </cell>
          <cell r="D19">
            <v>41373</v>
          </cell>
          <cell r="G19">
            <v>848400</v>
          </cell>
          <cell r="I19">
            <v>1</v>
          </cell>
          <cell r="J19" t="str">
            <v>式</v>
          </cell>
          <cell r="K19" t="str">
            <v/>
          </cell>
          <cell r="L19">
            <v>848400</v>
          </cell>
          <cell r="M19" t="str">
            <v>見積</v>
          </cell>
          <cell r="N19" t="str">
            <v>高・営</v>
          </cell>
          <cell r="P19">
            <v>41537</v>
          </cell>
          <cell r="Q19" t="str">
            <v>壱</v>
          </cell>
          <cell r="R19" t="str">
            <v>無</v>
          </cell>
          <cell r="S19" t="str">
            <v>車両課(真駒内)</v>
          </cell>
          <cell r="T19" t="str">
            <v>横山　直広</v>
          </cell>
          <cell r="U19">
            <v>8308</v>
          </cell>
          <cell r="V19" t="str">
            <v>部長</v>
          </cell>
          <cell r="W19" t="str">
            <v>なか１日</v>
          </cell>
          <cell r="X19" t="str">
            <v>見積</v>
          </cell>
          <cell r="Y19">
            <v>41379</v>
          </cell>
          <cell r="Z19">
            <v>41382</v>
          </cell>
          <cell r="AA19">
            <v>1110</v>
          </cell>
          <cell r="AB19" t="str">
            <v>交通局５階入札室</v>
          </cell>
          <cell r="AD19" t="str">
            <v>平成25年4月18日(木)　11時10分</v>
          </cell>
          <cell r="AH19" t="str">
            <v/>
          </cell>
          <cell r="AP19">
            <v>3</v>
          </cell>
          <cell r="AQ19" t="str">
            <v>札幌川重車両エンジニアリング（株）</v>
          </cell>
          <cell r="AR19" t="str">
            <v>札幌交通機械（株）</v>
          </cell>
          <cell r="AS19" t="str">
            <v>東芝トランスポートエンジニアリング（株）北海道営業所</v>
          </cell>
          <cell r="AT19" t="str">
            <v>北都電機（株）</v>
          </cell>
          <cell r="BD19" t="str">
            <v>省略可</v>
          </cell>
          <cell r="BF19">
            <v>848400</v>
          </cell>
          <cell r="BG19">
            <v>1</v>
          </cell>
          <cell r="BJ19">
            <v>0</v>
          </cell>
          <cell r="BK19">
            <v>0</v>
          </cell>
          <cell r="BL19" t="str">
            <v/>
          </cell>
          <cell r="BO19" t="str">
            <v>しない</v>
          </cell>
          <cell r="BP19" t="str">
            <v>見積</v>
          </cell>
          <cell r="BQ19" t="str">
            <v/>
          </cell>
          <cell r="BR19" t="str">
            <v>東芝トランス辞退</v>
          </cell>
          <cell r="BS19" t="str">
            <v>省略可</v>
          </cell>
          <cell r="BT19" t="str">
            <v>省略可</v>
          </cell>
        </row>
        <row r="20">
          <cell r="B20" t="str">
            <v>業務委託</v>
          </cell>
          <cell r="C20" t="str">
            <v>３０００形車両廃車に伴うアンダーシール除去作業</v>
          </cell>
          <cell r="D20">
            <v>41373</v>
          </cell>
          <cell r="E20" t="str">
            <v>指名</v>
          </cell>
          <cell r="G20">
            <v>14614950</v>
          </cell>
          <cell r="I20">
            <v>1</v>
          </cell>
          <cell r="J20" t="str">
            <v>式</v>
          </cell>
          <cell r="K20" t="str">
            <v/>
          </cell>
          <cell r="L20">
            <v>14614950</v>
          </cell>
          <cell r="M20" t="str">
            <v>指名</v>
          </cell>
          <cell r="N20" t="str">
            <v>高・営</v>
          </cell>
          <cell r="P20">
            <v>41509</v>
          </cell>
          <cell r="Q20" t="str">
            <v>壱</v>
          </cell>
          <cell r="R20" t="str">
            <v>無</v>
          </cell>
          <cell r="S20" t="str">
            <v>車両課(真駒内)</v>
          </cell>
          <cell r="T20" t="str">
            <v>横山　直広</v>
          </cell>
          <cell r="U20">
            <v>8308</v>
          </cell>
          <cell r="V20" t="str">
            <v>管理者</v>
          </cell>
          <cell r="W20" t="str">
            <v>なか５日</v>
          </cell>
          <cell r="X20" t="str">
            <v>指名</v>
          </cell>
          <cell r="Y20">
            <v>41381</v>
          </cell>
          <cell r="Z20">
            <v>41387</v>
          </cell>
          <cell r="AA20">
            <v>1100</v>
          </cell>
          <cell r="AB20" t="str">
            <v>交通局５階入札室</v>
          </cell>
          <cell r="AD20" t="str">
            <v>平成25年4月23日(火)　11時00分</v>
          </cell>
          <cell r="AH20" t="str">
            <v/>
          </cell>
          <cell r="AI20" t="str">
            <v>一般サービス業</v>
          </cell>
          <cell r="AJ20" t="str">
            <v>計量証明業</v>
          </cell>
          <cell r="AK20" t="str">
            <v>環境計量証明業</v>
          </cell>
          <cell r="AO20" t="str">
            <v>－</v>
          </cell>
          <cell r="AP20">
            <v>7</v>
          </cell>
          <cell r="AQ20" t="str">
            <v>エヌエス環境（株）札幌支店</v>
          </cell>
          <cell r="AR20" t="str">
            <v>エヌ・エス（株）</v>
          </cell>
          <cell r="AS20" t="str">
            <v>（協業）公清企業</v>
          </cell>
          <cell r="AT20" t="str">
            <v>（株）コンステック札幌支店</v>
          </cell>
          <cell r="AU20" t="str">
            <v>（株）東洋実業</v>
          </cell>
          <cell r="AV20" t="str">
            <v>日本データーサービス（株）</v>
          </cell>
          <cell r="AW20" t="str">
            <v>（株）福田水文センター</v>
          </cell>
          <cell r="BD20" t="str">
            <v>要</v>
          </cell>
          <cell r="BF20">
            <v>0</v>
          </cell>
          <cell r="BG20">
            <v>1</v>
          </cell>
          <cell r="BJ20">
            <v>0</v>
          </cell>
          <cell r="BK20">
            <v>0</v>
          </cell>
          <cell r="BL20" t="str">
            <v/>
          </cell>
          <cell r="BO20" t="str">
            <v>しない</v>
          </cell>
          <cell r="BP20" t="str">
            <v>指名</v>
          </cell>
          <cell r="BQ20" t="str">
            <v/>
          </cell>
          <cell r="BS20" t="str">
            <v/>
          </cell>
          <cell r="BT20" t="str">
            <v/>
          </cell>
        </row>
        <row r="21">
          <cell r="B21" t="str">
            <v>物品購入</v>
          </cell>
          <cell r="C21" t="str">
            <v>東豊線７０００形車両用横揺れ緩衝ゴム他</v>
          </cell>
          <cell r="D21">
            <v>41375</v>
          </cell>
          <cell r="E21" t="str">
            <v>特命</v>
          </cell>
          <cell r="G21">
            <v>7040397</v>
          </cell>
          <cell r="I21">
            <v>1</v>
          </cell>
          <cell r="J21" t="str">
            <v>式</v>
          </cell>
          <cell r="K21" t="str">
            <v/>
          </cell>
          <cell r="L21">
            <v>7040397</v>
          </cell>
          <cell r="M21" t="str">
            <v>特命</v>
          </cell>
          <cell r="N21" t="str">
            <v>高・営</v>
          </cell>
          <cell r="P21">
            <v>41635</v>
          </cell>
          <cell r="Q21" t="str">
            <v>壱</v>
          </cell>
          <cell r="R21" t="str">
            <v>無</v>
          </cell>
          <cell r="S21" t="str">
            <v>車両課(二十四軒)</v>
          </cell>
          <cell r="T21" t="str">
            <v>中宮　弘満</v>
          </cell>
          <cell r="U21">
            <v>8209</v>
          </cell>
          <cell r="V21" t="str">
            <v>部長</v>
          </cell>
          <cell r="W21" t="str">
            <v>なか５日</v>
          </cell>
          <cell r="X21" t="str">
            <v>特命</v>
          </cell>
          <cell r="Y21">
            <v>41382</v>
          </cell>
          <cell r="Z21">
            <v>41387</v>
          </cell>
          <cell r="AA21">
            <v>1400</v>
          </cell>
          <cell r="AB21" t="str">
            <v>交通局３階総務課</v>
          </cell>
          <cell r="AD21" t="str">
            <v>平成25年4月23日(火)　14時00分</v>
          </cell>
          <cell r="AH21" t="str">
            <v/>
          </cell>
          <cell r="AP21">
            <v>1</v>
          </cell>
          <cell r="AQ21" t="str">
            <v>札幌川重車両エンジニアリング（株）</v>
          </cell>
          <cell r="BD21" t="str">
            <v>要</v>
          </cell>
          <cell r="BF21">
            <v>0</v>
          </cell>
          <cell r="BG21">
            <v>1</v>
          </cell>
          <cell r="BH21" t="str">
            <v>札幌川重車両エンジニアリング（株）</v>
          </cell>
          <cell r="BJ21">
            <v>0</v>
          </cell>
          <cell r="BK21">
            <v>0</v>
          </cell>
          <cell r="BL21" t="str">
            <v/>
          </cell>
          <cell r="BO21" t="str">
            <v>しない</v>
          </cell>
          <cell r="BP21" t="str">
            <v>見積</v>
          </cell>
          <cell r="BQ21" t="str">
            <v/>
          </cell>
          <cell r="BS21" t="str">
            <v/>
          </cell>
          <cell r="BT21" t="str">
            <v/>
          </cell>
        </row>
        <row r="22">
          <cell r="B22" t="str">
            <v>物品購入</v>
          </cell>
          <cell r="C22" t="str">
            <v>東豊線７０００形車両用ゴムベローズ他</v>
          </cell>
          <cell r="D22">
            <v>41375</v>
          </cell>
          <cell r="E22" t="str">
            <v>特命</v>
          </cell>
          <cell r="G22">
            <v>5259475</v>
          </cell>
          <cell r="I22">
            <v>1</v>
          </cell>
          <cell r="J22" t="str">
            <v>式</v>
          </cell>
          <cell r="K22" t="str">
            <v/>
          </cell>
          <cell r="L22">
            <v>5259475</v>
          </cell>
          <cell r="M22" t="str">
            <v>特命</v>
          </cell>
          <cell r="N22" t="str">
            <v>高・営</v>
          </cell>
          <cell r="P22">
            <v>41537</v>
          </cell>
          <cell r="Q22" t="str">
            <v>壱</v>
          </cell>
          <cell r="R22" t="str">
            <v>無</v>
          </cell>
          <cell r="S22" t="str">
            <v>車両課(二十四軒)</v>
          </cell>
          <cell r="T22" t="str">
            <v>中宮　弘満</v>
          </cell>
          <cell r="U22">
            <v>8209</v>
          </cell>
          <cell r="V22" t="str">
            <v>部長</v>
          </cell>
          <cell r="W22" t="str">
            <v>なか５日</v>
          </cell>
          <cell r="X22" t="str">
            <v>特命</v>
          </cell>
          <cell r="Y22">
            <v>41382</v>
          </cell>
          <cell r="Z22">
            <v>41387</v>
          </cell>
          <cell r="AA22">
            <v>1405</v>
          </cell>
          <cell r="AB22" t="str">
            <v>交通局３階総務課</v>
          </cell>
          <cell r="AD22" t="str">
            <v>平成25年4月23日(火)　14時05分</v>
          </cell>
          <cell r="AH22" t="str">
            <v/>
          </cell>
          <cell r="AP22">
            <v>1</v>
          </cell>
          <cell r="AQ22" t="str">
            <v>札幌川重車両エンジニアリング（株）</v>
          </cell>
          <cell r="BD22" t="str">
            <v>要</v>
          </cell>
          <cell r="BF22">
            <v>0</v>
          </cell>
          <cell r="BG22">
            <v>1</v>
          </cell>
          <cell r="BH22" t="str">
            <v>札幌川重車両エンジニアリング（株）</v>
          </cell>
          <cell r="BJ22">
            <v>0</v>
          </cell>
          <cell r="BK22">
            <v>0</v>
          </cell>
          <cell r="BL22" t="str">
            <v/>
          </cell>
          <cell r="BO22" t="str">
            <v>しない</v>
          </cell>
          <cell r="BP22" t="str">
            <v>見積</v>
          </cell>
          <cell r="BQ22" t="str">
            <v/>
          </cell>
          <cell r="BS22" t="str">
            <v/>
          </cell>
          <cell r="BT22" t="str">
            <v/>
          </cell>
        </row>
        <row r="23">
          <cell r="B23" t="str">
            <v>物品購入</v>
          </cell>
          <cell r="C23" t="str">
            <v>ダンパーモータ</v>
          </cell>
          <cell r="D23">
            <v>41375</v>
          </cell>
          <cell r="G23">
            <v>168000</v>
          </cell>
          <cell r="I23">
            <v>1</v>
          </cell>
          <cell r="J23" t="str">
            <v>式</v>
          </cell>
          <cell r="K23" t="str">
            <v/>
          </cell>
          <cell r="L23">
            <v>168000</v>
          </cell>
          <cell r="M23" t="str">
            <v>公開</v>
          </cell>
          <cell r="N23" t="str">
            <v>高・営</v>
          </cell>
          <cell r="P23">
            <v>41453</v>
          </cell>
          <cell r="Q23" t="str">
            <v>壱</v>
          </cell>
          <cell r="R23" t="str">
            <v>無</v>
          </cell>
          <cell r="S23" t="str">
            <v>施設課</v>
          </cell>
          <cell r="T23" t="str">
            <v>松島　弘和</v>
          </cell>
          <cell r="U23">
            <v>2525</v>
          </cell>
          <cell r="V23" t="str">
            <v>課長</v>
          </cell>
          <cell r="W23" t="str">
            <v>なか１日</v>
          </cell>
          <cell r="X23" t="str">
            <v>公開</v>
          </cell>
          <cell r="Y23">
            <v>41382</v>
          </cell>
          <cell r="Z23">
            <v>41382</v>
          </cell>
          <cell r="AA23">
            <v>1615</v>
          </cell>
          <cell r="AB23" t="str">
            <v>交通局３階総務課</v>
          </cell>
          <cell r="AD23" t="str">
            <v>平成25年4月18日(木)　16時15分</v>
          </cell>
          <cell r="AE23" t="str">
            <v>同等品可（同等・規格確認書を事前に提出すること。）</v>
          </cell>
          <cell r="AH23" t="str">
            <v/>
          </cell>
          <cell r="AP23">
            <v>3</v>
          </cell>
          <cell r="BD23" t="str">
            <v>省略可</v>
          </cell>
          <cell r="BF23">
            <v>168000</v>
          </cell>
          <cell r="BG23">
            <v>1</v>
          </cell>
          <cell r="BJ23">
            <v>0</v>
          </cell>
          <cell r="BK23">
            <v>0</v>
          </cell>
          <cell r="BL23" t="str">
            <v/>
          </cell>
          <cell r="BO23" t="str">
            <v>しない</v>
          </cell>
          <cell r="BP23" t="str">
            <v>見積(公開)</v>
          </cell>
          <cell r="BQ23" t="str">
            <v/>
          </cell>
          <cell r="BS23" t="str">
            <v>省略可</v>
          </cell>
          <cell r="BT23" t="str">
            <v>省略可</v>
          </cell>
        </row>
        <row r="24">
          <cell r="B24" t="str">
            <v>業務委託</v>
          </cell>
          <cell r="C24" t="str">
            <v>消火器交換及び廃消火器運搬</v>
          </cell>
          <cell r="D24">
            <v>41379</v>
          </cell>
          <cell r="E24" t="str">
            <v>指名</v>
          </cell>
          <cell r="G24">
            <v>2717180</v>
          </cell>
          <cell r="I24">
            <v>1</v>
          </cell>
          <cell r="J24" t="str">
            <v>式</v>
          </cell>
          <cell r="K24" t="str">
            <v/>
          </cell>
          <cell r="L24">
            <v>2717180</v>
          </cell>
          <cell r="M24" t="str">
            <v>指名</v>
          </cell>
          <cell r="N24" t="str">
            <v>高・営</v>
          </cell>
          <cell r="O24" t="str">
            <v>契約書に示す着手の日</v>
          </cell>
          <cell r="P24">
            <v>41516</v>
          </cell>
          <cell r="Q24" t="str">
            <v>壱</v>
          </cell>
          <cell r="R24" t="str">
            <v>無</v>
          </cell>
          <cell r="S24" t="str">
            <v>電気課</v>
          </cell>
          <cell r="T24" t="str">
            <v>石井　岩男</v>
          </cell>
          <cell r="U24">
            <v>2627</v>
          </cell>
          <cell r="V24" t="str">
            <v>管理者</v>
          </cell>
          <cell r="W24" t="str">
            <v>なか１日</v>
          </cell>
          <cell r="X24" t="str">
            <v>指名</v>
          </cell>
          <cell r="Y24">
            <v>41386</v>
          </cell>
          <cell r="Z24">
            <v>41389</v>
          </cell>
          <cell r="AA24">
            <v>1130</v>
          </cell>
          <cell r="AB24" t="str">
            <v>交通局５階入札室</v>
          </cell>
          <cell r="AC24" t="str">
            <v>落札者決定後、落札者は契約担当者へ内訳書を提出すること。</v>
          </cell>
          <cell r="AD24" t="str">
            <v>平成25年4月25日(木)　11時30分</v>
          </cell>
          <cell r="AH24" t="str">
            <v/>
          </cell>
          <cell r="AI24" t="str">
            <v>一般サービス業</v>
          </cell>
          <cell r="AJ24" t="str">
            <v>建物設備等保守管理業</v>
          </cell>
          <cell r="AK24" t="str">
            <v>消防設備保守点検業</v>
          </cell>
          <cell r="AO24" t="str">
            <v>－</v>
          </cell>
          <cell r="AP24">
            <v>3</v>
          </cell>
          <cell r="AQ24" t="str">
            <v>アンスル（株）</v>
          </cell>
          <cell r="AR24" t="str">
            <v>北海道消防機材（株）</v>
          </cell>
          <cell r="AS24" t="str">
            <v>（株）北海道ニッタンサービスセンター</v>
          </cell>
          <cell r="AT24" t="str">
            <v>丸興商事（株）</v>
          </cell>
          <cell r="AU24" t="str">
            <v>（株）ヤマト防災サービスセンター</v>
          </cell>
          <cell r="BD24" t="str">
            <v>要</v>
          </cell>
          <cell r="BF24">
            <v>0</v>
          </cell>
          <cell r="BG24">
            <v>1</v>
          </cell>
          <cell r="BJ24">
            <v>0</v>
          </cell>
          <cell r="BK24">
            <v>0</v>
          </cell>
          <cell r="BL24" t="str">
            <v/>
          </cell>
          <cell r="BO24" t="str">
            <v>しない</v>
          </cell>
          <cell r="BP24" t="str">
            <v>指名</v>
          </cell>
          <cell r="BQ24" t="str">
            <v/>
          </cell>
          <cell r="BS24" t="str">
            <v/>
          </cell>
          <cell r="BT24" t="str">
            <v/>
          </cell>
        </row>
        <row r="25">
          <cell r="B25" t="str">
            <v>業務委託</v>
          </cell>
          <cell r="C25" t="str">
            <v>路面電車停留場施設維持管理業務</v>
          </cell>
          <cell r="D25">
            <v>41379</v>
          </cell>
          <cell r="E25" t="str">
            <v>指名</v>
          </cell>
          <cell r="G25">
            <v>1963500</v>
          </cell>
          <cell r="I25">
            <v>1</v>
          </cell>
          <cell r="J25" t="str">
            <v>式</v>
          </cell>
          <cell r="K25" t="str">
            <v/>
          </cell>
          <cell r="L25">
            <v>1963500</v>
          </cell>
          <cell r="M25" t="str">
            <v>指名</v>
          </cell>
          <cell r="N25" t="str">
            <v>軌・営</v>
          </cell>
          <cell r="O25" t="str">
            <v>契約書に示す着手の日</v>
          </cell>
          <cell r="P25">
            <v>41590</v>
          </cell>
          <cell r="Q25" t="str">
            <v>壱</v>
          </cell>
          <cell r="R25" t="str">
            <v>無</v>
          </cell>
          <cell r="S25" t="str">
            <v>施設課</v>
          </cell>
          <cell r="T25" t="str">
            <v>星野　義昭</v>
          </cell>
          <cell r="U25">
            <v>2574</v>
          </cell>
          <cell r="V25" t="str">
            <v>部長</v>
          </cell>
          <cell r="W25" t="str">
            <v>なか１日</v>
          </cell>
          <cell r="X25" t="str">
            <v>指名</v>
          </cell>
          <cell r="Y25">
            <v>41383</v>
          </cell>
          <cell r="Z25">
            <v>41389</v>
          </cell>
          <cell r="AA25">
            <v>1140</v>
          </cell>
          <cell r="AB25" t="str">
            <v>交通局５階入札室</v>
          </cell>
          <cell r="AD25" t="str">
            <v>平成25年4月25日(木)　11時40分</v>
          </cell>
          <cell r="AH25" t="str">
            <v/>
          </cell>
          <cell r="AI25" t="str">
            <v>一般サービス業</v>
          </cell>
          <cell r="AJ25" t="str">
            <v>その他サービス業</v>
          </cell>
          <cell r="AK25" t="str">
            <v>他に分類されないサービス業</v>
          </cell>
          <cell r="AO25" t="str">
            <v>－</v>
          </cell>
          <cell r="AP25">
            <v>3</v>
          </cell>
          <cell r="AQ25" t="str">
            <v>札幌建設運送（株）</v>
          </cell>
          <cell r="AR25" t="str">
            <v>道雄建設（株）</v>
          </cell>
          <cell r="AS25" t="str">
            <v>（株）ヒラケン工業</v>
          </cell>
          <cell r="BD25" t="str">
            <v>要</v>
          </cell>
          <cell r="BE25">
            <v>1841000</v>
          </cell>
          <cell r="BF25">
            <v>1933050</v>
          </cell>
          <cell r="BG25">
            <v>1.5508021390374327E-2</v>
          </cell>
          <cell r="BJ25">
            <v>0</v>
          </cell>
          <cell r="BK25">
            <v>0</v>
          </cell>
          <cell r="BL25" t="str">
            <v/>
          </cell>
          <cell r="BO25" t="str">
            <v>しない</v>
          </cell>
          <cell r="BP25" t="str">
            <v>指名</v>
          </cell>
          <cell r="BQ25" t="str">
            <v/>
          </cell>
          <cell r="BS25">
            <v>25</v>
          </cell>
          <cell r="BT25">
            <v>9</v>
          </cell>
        </row>
        <row r="26">
          <cell r="B26" t="str">
            <v>業務委託</v>
          </cell>
          <cell r="C26" t="str">
            <v>南北線５０００形車体支持装置改修</v>
          </cell>
          <cell r="D26">
            <v>41379</v>
          </cell>
          <cell r="E26" t="str">
            <v>特命</v>
          </cell>
          <cell r="G26">
            <v>374850</v>
          </cell>
          <cell r="I26">
            <v>1</v>
          </cell>
          <cell r="J26" t="str">
            <v>式</v>
          </cell>
          <cell r="K26" t="str">
            <v/>
          </cell>
          <cell r="L26">
            <v>374850</v>
          </cell>
          <cell r="M26" t="str">
            <v>特命</v>
          </cell>
          <cell r="N26" t="str">
            <v>高・営</v>
          </cell>
          <cell r="O26" t="str">
            <v>契約書に示す着手の日</v>
          </cell>
          <cell r="P26">
            <v>41726</v>
          </cell>
          <cell r="Q26" t="str">
            <v>壱</v>
          </cell>
          <cell r="R26" t="str">
            <v>無</v>
          </cell>
          <cell r="S26" t="str">
            <v>車両課(真駒内)</v>
          </cell>
          <cell r="T26" t="str">
            <v>志釜　哲喜</v>
          </cell>
          <cell r="U26">
            <v>8317</v>
          </cell>
          <cell r="V26" t="str">
            <v>部長</v>
          </cell>
          <cell r="W26" t="str">
            <v>なか１日</v>
          </cell>
          <cell r="X26" t="str">
            <v>特命</v>
          </cell>
          <cell r="Y26">
            <v>41383</v>
          </cell>
          <cell r="Z26">
            <v>41387</v>
          </cell>
          <cell r="AA26">
            <v>1415</v>
          </cell>
          <cell r="AB26" t="str">
            <v>交通局３階総務課</v>
          </cell>
          <cell r="AD26" t="str">
            <v>平成25年4月23日(火)　14時15分</v>
          </cell>
          <cell r="AH26" t="str">
            <v/>
          </cell>
          <cell r="AP26">
            <v>1</v>
          </cell>
          <cell r="AQ26" t="str">
            <v>札幌交通機械（株）</v>
          </cell>
          <cell r="BD26" t="str">
            <v>省略可</v>
          </cell>
          <cell r="BF26">
            <v>374850</v>
          </cell>
          <cell r="BG26">
            <v>1</v>
          </cell>
          <cell r="BH26" t="str">
            <v>札幌交通機械（株）</v>
          </cell>
          <cell r="BJ26">
            <v>0</v>
          </cell>
          <cell r="BK26">
            <v>0</v>
          </cell>
          <cell r="BL26" t="str">
            <v/>
          </cell>
          <cell r="BO26" t="str">
            <v>しない</v>
          </cell>
          <cell r="BP26" t="str">
            <v>見積</v>
          </cell>
          <cell r="BQ26" t="str">
            <v/>
          </cell>
          <cell r="BS26" t="str">
            <v>省略可</v>
          </cell>
          <cell r="BT26" t="str">
            <v>省略可</v>
          </cell>
        </row>
        <row r="27">
          <cell r="B27" t="str">
            <v>物品購入</v>
          </cell>
          <cell r="C27" t="str">
            <v>コンデンサ他</v>
          </cell>
          <cell r="D27">
            <v>41379</v>
          </cell>
          <cell r="G27">
            <v>391009</v>
          </cell>
          <cell r="I27">
            <v>1</v>
          </cell>
          <cell r="J27" t="str">
            <v>式</v>
          </cell>
          <cell r="K27" t="str">
            <v/>
          </cell>
          <cell r="L27">
            <v>391009</v>
          </cell>
          <cell r="M27" t="str">
            <v>公開</v>
          </cell>
          <cell r="N27" t="str">
            <v>高・営</v>
          </cell>
          <cell r="P27">
            <v>41486</v>
          </cell>
          <cell r="Q27" t="str">
            <v>壱</v>
          </cell>
          <cell r="R27" t="str">
            <v>無</v>
          </cell>
          <cell r="S27" t="str">
            <v>電気課</v>
          </cell>
          <cell r="T27" t="str">
            <v>菅野　弘幸</v>
          </cell>
          <cell r="U27">
            <v>2666</v>
          </cell>
          <cell r="V27" t="str">
            <v>課長</v>
          </cell>
          <cell r="W27" t="str">
            <v>なか１日</v>
          </cell>
          <cell r="X27" t="str">
            <v>公開</v>
          </cell>
          <cell r="Y27">
            <v>41389</v>
          </cell>
          <cell r="Z27">
            <v>41389</v>
          </cell>
          <cell r="AA27">
            <v>1615</v>
          </cell>
          <cell r="AB27" t="str">
            <v>交通局３階総務課</v>
          </cell>
          <cell r="AD27" t="str">
            <v>平成25年4月25日(木)　16時15分</v>
          </cell>
          <cell r="AF27" t="str">
            <v>内訳書を提出すること。</v>
          </cell>
          <cell r="AH27" t="str">
            <v>必要</v>
          </cell>
          <cell r="AP27">
            <v>3</v>
          </cell>
          <cell r="BD27" t="str">
            <v>省略可</v>
          </cell>
          <cell r="BF27">
            <v>391009</v>
          </cell>
          <cell r="BG27">
            <v>1</v>
          </cell>
          <cell r="BJ27">
            <v>0</v>
          </cell>
          <cell r="BK27">
            <v>0</v>
          </cell>
          <cell r="BL27" t="str">
            <v/>
          </cell>
          <cell r="BO27" t="str">
            <v>しない</v>
          </cell>
          <cell r="BP27" t="str">
            <v>見積(公開)</v>
          </cell>
          <cell r="BQ27" t="str">
            <v/>
          </cell>
          <cell r="BS27" t="str">
            <v>省略可</v>
          </cell>
          <cell r="BT27" t="str">
            <v>省略可</v>
          </cell>
        </row>
        <row r="28">
          <cell r="B28" t="str">
            <v>業務委託</v>
          </cell>
          <cell r="C28" t="str">
            <v>南北線高架下緑地管理業務</v>
          </cell>
          <cell r="D28">
            <v>41379</v>
          </cell>
          <cell r="E28" t="str">
            <v>指名</v>
          </cell>
          <cell r="F28" t="str">
            <v>単価契約</v>
          </cell>
          <cell r="G28">
            <v>2900000</v>
          </cell>
          <cell r="H28">
            <v>3750</v>
          </cell>
          <cell r="I28">
            <v>1</v>
          </cell>
          <cell r="J28" t="str">
            <v>式</v>
          </cell>
          <cell r="K28" t="str">
            <v/>
          </cell>
          <cell r="L28">
            <v>2900000</v>
          </cell>
          <cell r="M28" t="str">
            <v>指名</v>
          </cell>
          <cell r="N28" t="str">
            <v>高・営</v>
          </cell>
          <cell r="O28" t="str">
            <v>契約書に示す着手の日</v>
          </cell>
          <cell r="P28">
            <v>41608</v>
          </cell>
          <cell r="Q28" t="str">
            <v>壱</v>
          </cell>
          <cell r="R28" t="str">
            <v>無</v>
          </cell>
          <cell r="S28" t="str">
            <v>施設課</v>
          </cell>
          <cell r="T28" t="str">
            <v>木村　健太郎</v>
          </cell>
          <cell r="U28">
            <v>2579</v>
          </cell>
          <cell r="V28" t="str">
            <v>管理者</v>
          </cell>
          <cell r="W28" t="str">
            <v>なか１日</v>
          </cell>
          <cell r="X28" t="str">
            <v>指名</v>
          </cell>
          <cell r="Y28">
            <v>41386</v>
          </cell>
          <cell r="Z28">
            <v>41389</v>
          </cell>
          <cell r="AA28">
            <v>1150</v>
          </cell>
          <cell r="AB28" t="str">
            <v>交通局５階入札室</v>
          </cell>
          <cell r="AC28" t="str">
            <v>単価による入札（見積）を実施します。</v>
          </cell>
          <cell r="AD28" t="str">
            <v>平成25年4月25日(木)　11時50分</v>
          </cell>
          <cell r="AH28" t="str">
            <v/>
          </cell>
          <cell r="AI28" t="str">
            <v>一般サービス業</v>
          </cell>
          <cell r="AJ28" t="str">
            <v>公園街路樹等管理業</v>
          </cell>
          <cell r="AK28" t="str">
            <v>庭園等管理業</v>
          </cell>
          <cell r="AO28" t="str">
            <v>－</v>
          </cell>
          <cell r="AP28">
            <v>3</v>
          </cell>
          <cell r="BD28" t="str">
            <v>要</v>
          </cell>
          <cell r="BF28">
            <v>0</v>
          </cell>
          <cell r="BG28">
            <v>1</v>
          </cell>
          <cell r="BJ28">
            <v>0</v>
          </cell>
          <cell r="BK28">
            <v>0</v>
          </cell>
          <cell r="BL28" t="str">
            <v/>
          </cell>
          <cell r="BO28" t="str">
            <v>しない</v>
          </cell>
          <cell r="BP28" t="str">
            <v>指名</v>
          </cell>
          <cell r="BQ28" t="str">
            <v/>
          </cell>
          <cell r="BS28" t="str">
            <v/>
          </cell>
          <cell r="BT28" t="str">
            <v/>
          </cell>
        </row>
        <row r="29">
          <cell r="I29">
            <v>1</v>
          </cell>
          <cell r="J29" t="str">
            <v>式</v>
          </cell>
          <cell r="L29">
            <v>0</v>
          </cell>
          <cell r="M29" t="e">
            <v>#N/A</v>
          </cell>
          <cell r="V29" t="e">
            <v>#N/A</v>
          </cell>
          <cell r="W29" t="str">
            <v xml:space="preserve"> </v>
          </cell>
          <cell r="X29" t="e">
            <v>#N/A</v>
          </cell>
          <cell r="Y29" t="e">
            <v>#N/A</v>
          </cell>
          <cell r="AD29" t="e">
            <v>#VALUE!</v>
          </cell>
          <cell r="AH29" t="str">
            <v/>
          </cell>
          <cell r="AP29">
            <v>3</v>
          </cell>
          <cell r="BD29" t="e">
            <v>#N/A</v>
          </cell>
          <cell r="BF29" t="e">
            <v>#N/A</v>
          </cell>
          <cell r="BG29" t="e">
            <v>#DIV/0!</v>
          </cell>
          <cell r="BJ29">
            <v>0</v>
          </cell>
          <cell r="BK29">
            <v>0</v>
          </cell>
          <cell r="BL29" t="str">
            <v/>
          </cell>
          <cell r="BO29" t="str">
            <v/>
          </cell>
          <cell r="BP29" t="e">
            <v>#N/A</v>
          </cell>
          <cell r="BQ29" t="e">
            <v>#N/A</v>
          </cell>
          <cell r="BS29" t="e">
            <v>#N/A</v>
          </cell>
          <cell r="BT29" t="e">
            <v>#N/A</v>
          </cell>
        </row>
        <row r="30">
          <cell r="I30">
            <v>1</v>
          </cell>
          <cell r="J30" t="str">
            <v>式</v>
          </cell>
          <cell r="L30">
            <v>0</v>
          </cell>
          <cell r="M30" t="e">
            <v>#N/A</v>
          </cell>
          <cell r="V30" t="e">
            <v>#N/A</v>
          </cell>
          <cell r="W30" t="str">
            <v xml:space="preserve"> </v>
          </cell>
          <cell r="X30" t="e">
            <v>#N/A</v>
          </cell>
          <cell r="Y30" t="e">
            <v>#N/A</v>
          </cell>
          <cell r="AD30" t="e">
            <v>#VALUE!</v>
          </cell>
          <cell r="AH30" t="str">
            <v/>
          </cell>
          <cell r="AP30">
            <v>3</v>
          </cell>
          <cell r="BD30" t="e">
            <v>#N/A</v>
          </cell>
          <cell r="BF30" t="e">
            <v>#N/A</v>
          </cell>
          <cell r="BG30" t="e">
            <v>#DIV/0!</v>
          </cell>
          <cell r="BJ30">
            <v>0</v>
          </cell>
          <cell r="BK30">
            <v>0</v>
          </cell>
          <cell r="BL30" t="str">
            <v/>
          </cell>
          <cell r="BO30" t="str">
            <v/>
          </cell>
          <cell r="BP30" t="e">
            <v>#N/A</v>
          </cell>
          <cell r="BQ30" t="e">
            <v>#N/A</v>
          </cell>
          <cell r="BS30" t="e">
            <v>#N/A</v>
          </cell>
          <cell r="BT30" t="e">
            <v>#N/A</v>
          </cell>
        </row>
        <row r="31">
          <cell r="I31">
            <v>1</v>
          </cell>
          <cell r="J31" t="str">
            <v>式</v>
          </cell>
          <cell r="L31">
            <v>0</v>
          </cell>
          <cell r="M31" t="e">
            <v>#N/A</v>
          </cell>
          <cell r="V31" t="e">
            <v>#N/A</v>
          </cell>
          <cell r="W31" t="str">
            <v xml:space="preserve"> </v>
          </cell>
          <cell r="X31" t="e">
            <v>#N/A</v>
          </cell>
          <cell r="Y31" t="e">
            <v>#N/A</v>
          </cell>
          <cell r="AD31" t="e">
            <v>#VALUE!</v>
          </cell>
          <cell r="AH31" t="str">
            <v/>
          </cell>
          <cell r="AP31">
            <v>3</v>
          </cell>
          <cell r="BD31" t="e">
            <v>#N/A</v>
          </cell>
          <cell r="BF31" t="e">
            <v>#N/A</v>
          </cell>
          <cell r="BG31" t="e">
            <v>#DIV/0!</v>
          </cell>
          <cell r="BJ31">
            <v>0</v>
          </cell>
          <cell r="BK31">
            <v>0</v>
          </cell>
          <cell r="BL31" t="str">
            <v/>
          </cell>
          <cell r="BO31" t="str">
            <v/>
          </cell>
          <cell r="BP31" t="e">
            <v>#N/A</v>
          </cell>
          <cell r="BQ31" t="e">
            <v>#N/A</v>
          </cell>
          <cell r="BS31" t="e">
            <v>#N/A</v>
          </cell>
          <cell r="BT31" t="e">
            <v>#N/A</v>
          </cell>
        </row>
        <row r="32">
          <cell r="I32">
            <v>1</v>
          </cell>
          <cell r="J32" t="str">
            <v>式</v>
          </cell>
          <cell r="L32">
            <v>0</v>
          </cell>
          <cell r="M32" t="e">
            <v>#N/A</v>
          </cell>
          <cell r="V32" t="e">
            <v>#N/A</v>
          </cell>
          <cell r="W32" t="str">
            <v xml:space="preserve"> </v>
          </cell>
          <cell r="X32" t="e">
            <v>#N/A</v>
          </cell>
          <cell r="Y32" t="e">
            <v>#N/A</v>
          </cell>
          <cell r="AD32" t="e">
            <v>#VALUE!</v>
          </cell>
          <cell r="AH32" t="str">
            <v/>
          </cell>
          <cell r="AP32">
            <v>3</v>
          </cell>
          <cell r="BD32" t="e">
            <v>#N/A</v>
          </cell>
          <cell r="BF32" t="e">
            <v>#N/A</v>
          </cell>
          <cell r="BG32" t="e">
            <v>#DIV/0!</v>
          </cell>
          <cell r="BJ32">
            <v>0</v>
          </cell>
          <cell r="BK32">
            <v>0</v>
          </cell>
          <cell r="BL32" t="str">
            <v/>
          </cell>
          <cell r="BO32" t="str">
            <v/>
          </cell>
          <cell r="BP32" t="e">
            <v>#N/A</v>
          </cell>
          <cell r="BQ32" t="e">
            <v>#N/A</v>
          </cell>
          <cell r="BS32" t="e">
            <v>#N/A</v>
          </cell>
          <cell r="BT32" t="e">
            <v>#N/A</v>
          </cell>
        </row>
        <row r="33">
          <cell r="I33">
            <v>1</v>
          </cell>
          <cell r="J33" t="str">
            <v>式</v>
          </cell>
          <cell r="L33">
            <v>0</v>
          </cell>
          <cell r="M33" t="e">
            <v>#N/A</v>
          </cell>
          <cell r="V33" t="e">
            <v>#N/A</v>
          </cell>
          <cell r="W33" t="str">
            <v xml:space="preserve"> </v>
          </cell>
          <cell r="X33" t="e">
            <v>#N/A</v>
          </cell>
          <cell r="Y33" t="e">
            <v>#N/A</v>
          </cell>
          <cell r="AD33" t="e">
            <v>#VALUE!</v>
          </cell>
          <cell r="AH33" t="str">
            <v/>
          </cell>
          <cell r="AP33">
            <v>3</v>
          </cell>
          <cell r="BD33" t="e">
            <v>#N/A</v>
          </cell>
          <cell r="BF33" t="e">
            <v>#N/A</v>
          </cell>
          <cell r="BG33" t="e">
            <v>#DIV/0!</v>
          </cell>
          <cell r="BJ33">
            <v>0</v>
          </cell>
          <cell r="BK33">
            <v>0</v>
          </cell>
          <cell r="BL33" t="str">
            <v/>
          </cell>
          <cell r="BO33" t="str">
            <v/>
          </cell>
          <cell r="BP33" t="e">
            <v>#N/A</v>
          </cell>
          <cell r="BQ33" t="e">
            <v>#N/A</v>
          </cell>
          <cell r="BS33" t="e">
            <v>#N/A</v>
          </cell>
          <cell r="BT33" t="e">
            <v>#N/A</v>
          </cell>
        </row>
        <row r="34">
          <cell r="I34">
            <v>1</v>
          </cell>
          <cell r="J34" t="str">
            <v>式</v>
          </cell>
          <cell r="L34">
            <v>0</v>
          </cell>
          <cell r="M34" t="e">
            <v>#N/A</v>
          </cell>
          <cell r="V34" t="e">
            <v>#N/A</v>
          </cell>
          <cell r="W34" t="str">
            <v xml:space="preserve"> </v>
          </cell>
          <cell r="X34" t="e">
            <v>#N/A</v>
          </cell>
          <cell r="Y34" t="e">
            <v>#N/A</v>
          </cell>
          <cell r="AD34" t="e">
            <v>#VALUE!</v>
          </cell>
          <cell r="AH34" t="str">
            <v/>
          </cell>
          <cell r="AP34">
            <v>3</v>
          </cell>
          <cell r="BD34" t="e">
            <v>#N/A</v>
          </cell>
          <cell r="BF34" t="e">
            <v>#N/A</v>
          </cell>
          <cell r="BG34" t="e">
            <v>#DIV/0!</v>
          </cell>
          <cell r="BJ34">
            <v>0</v>
          </cell>
          <cell r="BK34">
            <v>0</v>
          </cell>
          <cell r="BL34" t="str">
            <v/>
          </cell>
          <cell r="BO34" t="str">
            <v/>
          </cell>
          <cell r="BP34" t="e">
            <v>#N/A</v>
          </cell>
          <cell r="BQ34" t="e">
            <v>#N/A</v>
          </cell>
          <cell r="BS34" t="e">
            <v>#N/A</v>
          </cell>
          <cell r="BT34" t="e">
            <v>#N/A</v>
          </cell>
        </row>
        <row r="35">
          <cell r="I35">
            <v>1</v>
          </cell>
          <cell r="J35" t="str">
            <v>式</v>
          </cell>
          <cell r="L35">
            <v>0</v>
          </cell>
          <cell r="M35" t="e">
            <v>#N/A</v>
          </cell>
          <cell r="V35" t="e">
            <v>#N/A</v>
          </cell>
          <cell r="W35" t="str">
            <v xml:space="preserve"> </v>
          </cell>
          <cell r="X35" t="e">
            <v>#N/A</v>
          </cell>
          <cell r="Y35" t="e">
            <v>#N/A</v>
          </cell>
          <cell r="AD35" t="e">
            <v>#VALUE!</v>
          </cell>
          <cell r="AH35" t="str">
            <v/>
          </cell>
          <cell r="AP35">
            <v>3</v>
          </cell>
          <cell r="BD35" t="e">
            <v>#N/A</v>
          </cell>
          <cell r="BF35" t="e">
            <v>#N/A</v>
          </cell>
          <cell r="BG35" t="e">
            <v>#DIV/0!</v>
          </cell>
          <cell r="BJ35">
            <v>0</v>
          </cell>
          <cell r="BK35">
            <v>0</v>
          </cell>
          <cell r="BL35" t="str">
            <v/>
          </cell>
          <cell r="BO35" t="str">
            <v/>
          </cell>
          <cell r="BP35" t="e">
            <v>#N/A</v>
          </cell>
          <cell r="BQ35" t="e">
            <v>#N/A</v>
          </cell>
          <cell r="BS35" t="e">
            <v>#N/A</v>
          </cell>
          <cell r="BT35" t="e">
            <v>#N/A</v>
          </cell>
        </row>
        <row r="36">
          <cell r="I36">
            <v>1</v>
          </cell>
          <cell r="J36" t="str">
            <v>式</v>
          </cell>
          <cell r="K36" t="str">
            <v/>
          </cell>
          <cell r="L36">
            <v>0</v>
          </cell>
          <cell r="M36" t="e">
            <v>#N/A</v>
          </cell>
          <cell r="V36" t="e">
            <v>#N/A</v>
          </cell>
          <cell r="W36" t="str">
            <v xml:space="preserve"> </v>
          </cell>
          <cell r="X36" t="e">
            <v>#N/A</v>
          </cell>
          <cell r="Y36" t="e">
            <v>#N/A</v>
          </cell>
          <cell r="AD36" t="e">
            <v>#VALUE!</v>
          </cell>
          <cell r="AH36" t="str">
            <v/>
          </cell>
          <cell r="AP36">
            <v>3</v>
          </cell>
          <cell r="BD36" t="e">
            <v>#N/A</v>
          </cell>
          <cell r="BF36" t="e">
            <v>#N/A</v>
          </cell>
          <cell r="BG36" t="e">
            <v>#DIV/0!</v>
          </cell>
          <cell r="BJ36">
            <v>0</v>
          </cell>
          <cell r="BK36">
            <v>0</v>
          </cell>
          <cell r="BL36" t="str">
            <v/>
          </cell>
          <cell r="BO36" t="str">
            <v/>
          </cell>
          <cell r="BP36" t="e">
            <v>#N/A</v>
          </cell>
          <cell r="BQ36" t="e">
            <v>#N/A</v>
          </cell>
          <cell r="BS36" t="e">
            <v>#N/A</v>
          </cell>
          <cell r="BT36" t="e">
            <v>#N/A</v>
          </cell>
        </row>
        <row r="37">
          <cell r="I37">
            <v>1</v>
          </cell>
          <cell r="J37" t="str">
            <v>式</v>
          </cell>
          <cell r="K37" t="str">
            <v/>
          </cell>
          <cell r="L37">
            <v>0</v>
          </cell>
          <cell r="M37" t="e">
            <v>#N/A</v>
          </cell>
          <cell r="V37" t="e">
            <v>#N/A</v>
          </cell>
          <cell r="W37" t="str">
            <v xml:space="preserve"> </v>
          </cell>
          <cell r="X37" t="e">
            <v>#N/A</v>
          </cell>
          <cell r="Y37" t="e">
            <v>#N/A</v>
          </cell>
          <cell r="AD37" t="e">
            <v>#VALUE!</v>
          </cell>
          <cell r="AH37" t="str">
            <v/>
          </cell>
          <cell r="AP37">
            <v>3</v>
          </cell>
          <cell r="BD37" t="e">
            <v>#N/A</v>
          </cell>
          <cell r="BF37" t="e">
            <v>#N/A</v>
          </cell>
          <cell r="BG37" t="e">
            <v>#DIV/0!</v>
          </cell>
          <cell r="BJ37">
            <v>0</v>
          </cell>
          <cell r="BK37">
            <v>0</v>
          </cell>
          <cell r="BL37" t="str">
            <v/>
          </cell>
          <cell r="BO37" t="str">
            <v/>
          </cell>
          <cell r="BP37" t="e">
            <v>#N/A</v>
          </cell>
          <cell r="BQ37" t="e">
            <v>#N/A</v>
          </cell>
          <cell r="BS37" t="e">
            <v>#N/A</v>
          </cell>
          <cell r="BT37" t="e">
            <v>#N/A</v>
          </cell>
        </row>
        <row r="38">
          <cell r="I38">
            <v>1</v>
          </cell>
          <cell r="J38" t="str">
            <v>式</v>
          </cell>
          <cell r="K38" t="str">
            <v/>
          </cell>
          <cell r="L38">
            <v>0</v>
          </cell>
          <cell r="M38" t="e">
            <v>#N/A</v>
          </cell>
          <cell r="V38" t="e">
            <v>#N/A</v>
          </cell>
          <cell r="W38" t="str">
            <v xml:space="preserve"> </v>
          </cell>
          <cell r="X38" t="e">
            <v>#N/A</v>
          </cell>
          <cell r="Y38" t="e">
            <v>#N/A</v>
          </cell>
          <cell r="AD38" t="e">
            <v>#VALUE!</v>
          </cell>
          <cell r="AH38" t="str">
            <v/>
          </cell>
          <cell r="AP38">
            <v>3</v>
          </cell>
          <cell r="BD38" t="e">
            <v>#N/A</v>
          </cell>
          <cell r="BF38" t="e">
            <v>#N/A</v>
          </cell>
          <cell r="BG38" t="e">
            <v>#DIV/0!</v>
          </cell>
          <cell r="BJ38">
            <v>0</v>
          </cell>
          <cell r="BK38">
            <v>0</v>
          </cell>
          <cell r="BL38" t="str">
            <v/>
          </cell>
          <cell r="BO38" t="str">
            <v/>
          </cell>
          <cell r="BP38" t="e">
            <v>#N/A</v>
          </cell>
          <cell r="BQ38" t="e">
            <v>#N/A</v>
          </cell>
          <cell r="BS38" t="e">
            <v>#N/A</v>
          </cell>
          <cell r="BT38" t="e">
            <v>#N/A</v>
          </cell>
        </row>
        <row r="39">
          <cell r="I39">
            <v>1</v>
          </cell>
          <cell r="J39" t="str">
            <v>式</v>
          </cell>
          <cell r="K39" t="str">
            <v/>
          </cell>
          <cell r="L39">
            <v>0</v>
          </cell>
          <cell r="M39" t="e">
            <v>#N/A</v>
          </cell>
          <cell r="V39" t="e">
            <v>#N/A</v>
          </cell>
          <cell r="W39" t="str">
            <v xml:space="preserve"> </v>
          </cell>
          <cell r="X39" t="e">
            <v>#N/A</v>
          </cell>
          <cell r="Y39" t="e">
            <v>#N/A</v>
          </cell>
          <cell r="AD39" t="e">
            <v>#VALUE!</v>
          </cell>
          <cell r="AH39" t="str">
            <v/>
          </cell>
          <cell r="AP39">
            <v>3</v>
          </cell>
          <cell r="BD39" t="e">
            <v>#N/A</v>
          </cell>
          <cell r="BF39" t="e">
            <v>#N/A</v>
          </cell>
          <cell r="BG39" t="e">
            <v>#DIV/0!</v>
          </cell>
          <cell r="BJ39">
            <v>0</v>
          </cell>
          <cell r="BK39">
            <v>0</v>
          </cell>
          <cell r="BL39" t="str">
            <v/>
          </cell>
          <cell r="BO39" t="str">
            <v/>
          </cell>
          <cell r="BP39" t="e">
            <v>#N/A</v>
          </cell>
          <cell r="BQ39" t="e">
            <v>#N/A</v>
          </cell>
          <cell r="BS39" t="e">
            <v>#N/A</v>
          </cell>
          <cell r="BT39" t="e">
            <v>#N/A</v>
          </cell>
        </row>
        <row r="40">
          <cell r="I40">
            <v>1</v>
          </cell>
          <cell r="J40" t="str">
            <v>式</v>
          </cell>
          <cell r="K40" t="str">
            <v/>
          </cell>
          <cell r="L40">
            <v>0</v>
          </cell>
          <cell r="M40" t="e">
            <v>#N/A</v>
          </cell>
          <cell r="V40" t="e">
            <v>#N/A</v>
          </cell>
          <cell r="W40" t="str">
            <v xml:space="preserve"> </v>
          </cell>
          <cell r="X40" t="e">
            <v>#N/A</v>
          </cell>
          <cell r="Y40" t="e">
            <v>#N/A</v>
          </cell>
          <cell r="AD40" t="e">
            <v>#VALUE!</v>
          </cell>
          <cell r="AH40" t="str">
            <v/>
          </cell>
          <cell r="AP40">
            <v>3</v>
          </cell>
          <cell r="BD40" t="e">
            <v>#N/A</v>
          </cell>
          <cell r="BF40" t="e">
            <v>#N/A</v>
          </cell>
          <cell r="BG40" t="e">
            <v>#DIV/0!</v>
          </cell>
          <cell r="BJ40">
            <v>0</v>
          </cell>
          <cell r="BK40">
            <v>0</v>
          </cell>
          <cell r="BL40" t="str">
            <v/>
          </cell>
          <cell r="BO40" t="str">
            <v/>
          </cell>
          <cell r="BP40" t="e">
            <v>#N/A</v>
          </cell>
          <cell r="BQ40" t="e">
            <v>#N/A</v>
          </cell>
          <cell r="BS40" t="e">
            <v>#N/A</v>
          </cell>
          <cell r="BT40" t="e">
            <v>#N/A</v>
          </cell>
        </row>
        <row r="41">
          <cell r="I41">
            <v>1</v>
          </cell>
          <cell r="J41" t="str">
            <v>式</v>
          </cell>
          <cell r="K41" t="str">
            <v/>
          </cell>
          <cell r="L41">
            <v>0</v>
          </cell>
          <cell r="M41" t="e">
            <v>#N/A</v>
          </cell>
          <cell r="V41" t="e">
            <v>#N/A</v>
          </cell>
          <cell r="W41" t="str">
            <v xml:space="preserve"> </v>
          </cell>
          <cell r="X41" t="e">
            <v>#N/A</v>
          </cell>
          <cell r="Y41" t="e">
            <v>#N/A</v>
          </cell>
          <cell r="AD41" t="e">
            <v>#VALUE!</v>
          </cell>
          <cell r="AH41" t="str">
            <v/>
          </cell>
          <cell r="AP41">
            <v>3</v>
          </cell>
          <cell r="BD41" t="e">
            <v>#N/A</v>
          </cell>
          <cell r="BF41" t="e">
            <v>#N/A</v>
          </cell>
          <cell r="BG41" t="e">
            <v>#DIV/0!</v>
          </cell>
          <cell r="BJ41">
            <v>0</v>
          </cell>
          <cell r="BK41">
            <v>0</v>
          </cell>
          <cell r="BL41" t="str">
            <v/>
          </cell>
          <cell r="BO41" t="str">
            <v/>
          </cell>
          <cell r="BP41" t="e">
            <v>#N/A</v>
          </cell>
          <cell r="BQ41" t="e">
            <v>#N/A</v>
          </cell>
          <cell r="BS41" t="e">
            <v>#N/A</v>
          </cell>
          <cell r="BT41" t="e">
            <v>#N/A</v>
          </cell>
        </row>
        <row r="42">
          <cell r="I42">
            <v>1</v>
          </cell>
          <cell r="J42" t="str">
            <v>式</v>
          </cell>
          <cell r="K42" t="str">
            <v/>
          </cell>
          <cell r="L42">
            <v>0</v>
          </cell>
          <cell r="M42" t="e">
            <v>#N/A</v>
          </cell>
          <cell r="V42" t="e">
            <v>#N/A</v>
          </cell>
          <cell r="W42" t="str">
            <v xml:space="preserve"> </v>
          </cell>
          <cell r="X42" t="e">
            <v>#N/A</v>
          </cell>
          <cell r="Y42" t="e">
            <v>#N/A</v>
          </cell>
          <cell r="AD42" t="e">
            <v>#VALUE!</v>
          </cell>
          <cell r="AH42" t="str">
            <v/>
          </cell>
          <cell r="AP42">
            <v>3</v>
          </cell>
          <cell r="BD42" t="e">
            <v>#N/A</v>
          </cell>
          <cell r="BF42" t="e">
            <v>#N/A</v>
          </cell>
          <cell r="BG42" t="e">
            <v>#DIV/0!</v>
          </cell>
          <cell r="BJ42">
            <v>0</v>
          </cell>
          <cell r="BK42">
            <v>0</v>
          </cell>
          <cell r="BL42" t="str">
            <v/>
          </cell>
          <cell r="BO42" t="str">
            <v/>
          </cell>
          <cell r="BP42" t="e">
            <v>#N/A</v>
          </cell>
          <cell r="BQ42" t="e">
            <v>#N/A</v>
          </cell>
          <cell r="BS42" t="e">
            <v>#N/A</v>
          </cell>
          <cell r="BT42" t="e">
            <v>#N/A</v>
          </cell>
        </row>
        <row r="43">
          <cell r="I43">
            <v>1</v>
          </cell>
          <cell r="J43" t="str">
            <v>式</v>
          </cell>
          <cell r="K43" t="str">
            <v/>
          </cell>
          <cell r="L43">
            <v>0</v>
          </cell>
          <cell r="M43" t="e">
            <v>#N/A</v>
          </cell>
          <cell r="V43" t="e">
            <v>#N/A</v>
          </cell>
          <cell r="W43" t="str">
            <v xml:space="preserve"> </v>
          </cell>
          <cell r="X43" t="e">
            <v>#N/A</v>
          </cell>
          <cell r="Y43" t="e">
            <v>#N/A</v>
          </cell>
          <cell r="AD43" t="e">
            <v>#VALUE!</v>
          </cell>
          <cell r="AH43" t="str">
            <v/>
          </cell>
          <cell r="AP43">
            <v>3</v>
          </cell>
          <cell r="BD43" t="e">
            <v>#N/A</v>
          </cell>
          <cell r="BF43" t="e">
            <v>#N/A</v>
          </cell>
          <cell r="BG43" t="e">
            <v>#DIV/0!</v>
          </cell>
          <cell r="BJ43">
            <v>0</v>
          </cell>
          <cell r="BK43">
            <v>0</v>
          </cell>
          <cell r="BL43" t="str">
            <v/>
          </cell>
          <cell r="BO43" t="str">
            <v/>
          </cell>
          <cell r="BP43" t="e">
            <v>#N/A</v>
          </cell>
          <cell r="BQ43" t="e">
            <v>#N/A</v>
          </cell>
          <cell r="BS43" t="e">
            <v>#N/A</v>
          </cell>
          <cell r="BT43" t="e">
            <v>#N/A</v>
          </cell>
        </row>
        <row r="44">
          <cell r="I44">
            <v>1</v>
          </cell>
          <cell r="J44" t="str">
            <v>式</v>
          </cell>
          <cell r="K44" t="str">
            <v/>
          </cell>
          <cell r="L44">
            <v>0</v>
          </cell>
          <cell r="M44" t="e">
            <v>#N/A</v>
          </cell>
          <cell r="V44" t="e">
            <v>#N/A</v>
          </cell>
          <cell r="W44" t="str">
            <v xml:space="preserve"> </v>
          </cell>
          <cell r="X44" t="e">
            <v>#N/A</v>
          </cell>
          <cell r="Y44" t="e">
            <v>#N/A</v>
          </cell>
          <cell r="AD44" t="e">
            <v>#VALUE!</v>
          </cell>
          <cell r="AH44" t="str">
            <v/>
          </cell>
          <cell r="AP44">
            <v>3</v>
          </cell>
          <cell r="BD44" t="e">
            <v>#N/A</v>
          </cell>
          <cell r="BF44" t="e">
            <v>#N/A</v>
          </cell>
          <cell r="BG44" t="e">
            <v>#DIV/0!</v>
          </cell>
          <cell r="BJ44">
            <v>0</v>
          </cell>
          <cell r="BK44">
            <v>0</v>
          </cell>
          <cell r="BL44" t="str">
            <v/>
          </cell>
          <cell r="BO44" t="str">
            <v/>
          </cell>
          <cell r="BP44" t="e">
            <v>#N/A</v>
          </cell>
          <cell r="BQ44" t="e">
            <v>#N/A</v>
          </cell>
          <cell r="BS44" t="e">
            <v>#N/A</v>
          </cell>
          <cell r="BT44" t="e">
            <v>#N/A</v>
          </cell>
        </row>
        <row r="45">
          <cell r="I45">
            <v>1</v>
          </cell>
          <cell r="J45" t="str">
            <v>式</v>
          </cell>
          <cell r="K45" t="str">
            <v/>
          </cell>
          <cell r="L45">
            <v>0</v>
          </cell>
          <cell r="M45" t="e">
            <v>#N/A</v>
          </cell>
          <cell r="V45" t="e">
            <v>#N/A</v>
          </cell>
          <cell r="W45" t="str">
            <v xml:space="preserve"> </v>
          </cell>
          <cell r="X45" t="e">
            <v>#N/A</v>
          </cell>
          <cell r="Y45" t="e">
            <v>#N/A</v>
          </cell>
          <cell r="AD45" t="e">
            <v>#VALUE!</v>
          </cell>
          <cell r="AH45" t="str">
            <v/>
          </cell>
          <cell r="AP45">
            <v>3</v>
          </cell>
          <cell r="BD45" t="e">
            <v>#N/A</v>
          </cell>
          <cell r="BF45" t="e">
            <v>#N/A</v>
          </cell>
          <cell r="BG45" t="e">
            <v>#DIV/0!</v>
          </cell>
          <cell r="BJ45">
            <v>0</v>
          </cell>
          <cell r="BK45">
            <v>0</v>
          </cell>
          <cell r="BL45" t="str">
            <v/>
          </cell>
          <cell r="BO45" t="str">
            <v/>
          </cell>
          <cell r="BP45" t="e">
            <v>#N/A</v>
          </cell>
          <cell r="BQ45" t="e">
            <v>#N/A</v>
          </cell>
          <cell r="BS45" t="e">
            <v>#N/A</v>
          </cell>
          <cell r="BT45" t="e">
            <v>#N/A</v>
          </cell>
        </row>
        <row r="46">
          <cell r="I46">
            <v>1</v>
          </cell>
          <cell r="J46" t="str">
            <v>式</v>
          </cell>
          <cell r="K46" t="str">
            <v/>
          </cell>
          <cell r="L46">
            <v>0</v>
          </cell>
          <cell r="M46" t="e">
            <v>#N/A</v>
          </cell>
          <cell r="V46" t="e">
            <v>#N/A</v>
          </cell>
          <cell r="W46" t="str">
            <v xml:space="preserve"> </v>
          </cell>
          <cell r="X46" t="e">
            <v>#N/A</v>
          </cell>
          <cell r="Y46" t="e">
            <v>#N/A</v>
          </cell>
          <cell r="AD46" t="e">
            <v>#VALUE!</v>
          </cell>
          <cell r="AH46" t="str">
            <v/>
          </cell>
          <cell r="AP46">
            <v>3</v>
          </cell>
          <cell r="BD46" t="e">
            <v>#N/A</v>
          </cell>
          <cell r="BF46" t="e">
            <v>#N/A</v>
          </cell>
          <cell r="BG46" t="e">
            <v>#DIV/0!</v>
          </cell>
          <cell r="BJ46">
            <v>0</v>
          </cell>
          <cell r="BK46">
            <v>0</v>
          </cell>
          <cell r="BL46" t="str">
            <v/>
          </cell>
          <cell r="BO46" t="str">
            <v/>
          </cell>
          <cell r="BP46" t="e">
            <v>#N/A</v>
          </cell>
          <cell r="BQ46" t="e">
            <v>#N/A</v>
          </cell>
          <cell r="BS46" t="e">
            <v>#N/A</v>
          </cell>
          <cell r="BT46" t="e">
            <v>#N/A</v>
          </cell>
        </row>
        <row r="47">
          <cell r="I47">
            <v>1</v>
          </cell>
          <cell r="J47" t="str">
            <v>式</v>
          </cell>
          <cell r="K47" t="str">
            <v/>
          </cell>
          <cell r="L47">
            <v>0</v>
          </cell>
          <cell r="M47" t="e">
            <v>#N/A</v>
          </cell>
          <cell r="V47" t="e">
            <v>#N/A</v>
          </cell>
          <cell r="W47" t="str">
            <v xml:space="preserve"> </v>
          </cell>
          <cell r="X47" t="e">
            <v>#N/A</v>
          </cell>
          <cell r="Y47" t="e">
            <v>#N/A</v>
          </cell>
          <cell r="AD47" t="e">
            <v>#VALUE!</v>
          </cell>
          <cell r="AH47" t="str">
            <v/>
          </cell>
          <cell r="AP47">
            <v>3</v>
          </cell>
          <cell r="BD47" t="e">
            <v>#N/A</v>
          </cell>
          <cell r="BF47" t="e">
            <v>#N/A</v>
          </cell>
          <cell r="BG47" t="e">
            <v>#DIV/0!</v>
          </cell>
          <cell r="BJ47">
            <v>0</v>
          </cell>
          <cell r="BK47">
            <v>0</v>
          </cell>
          <cell r="BL47" t="str">
            <v/>
          </cell>
          <cell r="BO47" t="str">
            <v/>
          </cell>
          <cell r="BP47" t="e">
            <v>#N/A</v>
          </cell>
          <cell r="BQ47" t="e">
            <v>#N/A</v>
          </cell>
          <cell r="BS47" t="e">
            <v>#N/A</v>
          </cell>
          <cell r="BT47" t="e">
            <v>#N/A</v>
          </cell>
        </row>
        <row r="48">
          <cell r="I48">
            <v>1</v>
          </cell>
          <cell r="J48" t="str">
            <v>式</v>
          </cell>
          <cell r="K48" t="str">
            <v/>
          </cell>
          <cell r="L48">
            <v>0</v>
          </cell>
          <cell r="M48" t="e">
            <v>#N/A</v>
          </cell>
          <cell r="V48" t="e">
            <v>#N/A</v>
          </cell>
          <cell r="W48" t="str">
            <v xml:space="preserve"> </v>
          </cell>
          <cell r="X48" t="e">
            <v>#N/A</v>
          </cell>
          <cell r="Y48" t="e">
            <v>#N/A</v>
          </cell>
          <cell r="AD48" t="e">
            <v>#VALUE!</v>
          </cell>
          <cell r="AH48" t="str">
            <v/>
          </cell>
          <cell r="AP48">
            <v>3</v>
          </cell>
          <cell r="BD48" t="e">
            <v>#N/A</v>
          </cell>
          <cell r="BF48" t="e">
            <v>#N/A</v>
          </cell>
          <cell r="BG48" t="e">
            <v>#DIV/0!</v>
          </cell>
          <cell r="BJ48">
            <v>0</v>
          </cell>
          <cell r="BK48">
            <v>0</v>
          </cell>
          <cell r="BL48" t="str">
            <v/>
          </cell>
          <cell r="BO48" t="str">
            <v/>
          </cell>
          <cell r="BP48" t="e">
            <v>#N/A</v>
          </cell>
          <cell r="BQ48" t="e">
            <v>#N/A</v>
          </cell>
          <cell r="BS48" t="e">
            <v>#N/A</v>
          </cell>
          <cell r="BT48" t="e">
            <v>#N/A</v>
          </cell>
        </row>
        <row r="49">
          <cell r="I49">
            <v>1</v>
          </cell>
          <cell r="J49" t="str">
            <v>式</v>
          </cell>
          <cell r="K49" t="str">
            <v/>
          </cell>
          <cell r="L49">
            <v>0</v>
          </cell>
          <cell r="M49" t="e">
            <v>#N/A</v>
          </cell>
          <cell r="V49" t="e">
            <v>#N/A</v>
          </cell>
          <cell r="W49" t="str">
            <v xml:space="preserve"> </v>
          </cell>
          <cell r="X49" t="e">
            <v>#N/A</v>
          </cell>
          <cell r="Y49" t="e">
            <v>#N/A</v>
          </cell>
          <cell r="AD49" t="e">
            <v>#VALUE!</v>
          </cell>
          <cell r="AH49" t="str">
            <v/>
          </cell>
          <cell r="AP49">
            <v>3</v>
          </cell>
          <cell r="BD49" t="e">
            <v>#N/A</v>
          </cell>
          <cell r="BF49" t="e">
            <v>#N/A</v>
          </cell>
          <cell r="BG49" t="e">
            <v>#DIV/0!</v>
          </cell>
          <cell r="BJ49">
            <v>0</v>
          </cell>
          <cell r="BK49">
            <v>0</v>
          </cell>
          <cell r="BL49" t="str">
            <v/>
          </cell>
          <cell r="BO49" t="str">
            <v/>
          </cell>
          <cell r="BP49" t="e">
            <v>#N/A</v>
          </cell>
          <cell r="BQ49" t="e">
            <v>#N/A</v>
          </cell>
          <cell r="BS49" t="e">
            <v>#N/A</v>
          </cell>
          <cell r="BT49" t="e">
            <v>#N/A</v>
          </cell>
        </row>
        <row r="50">
          <cell r="I50">
            <v>1</v>
          </cell>
          <cell r="J50" t="str">
            <v>式</v>
          </cell>
          <cell r="K50" t="str">
            <v/>
          </cell>
          <cell r="L50">
            <v>0</v>
          </cell>
          <cell r="M50" t="e">
            <v>#N/A</v>
          </cell>
          <cell r="V50" t="e">
            <v>#N/A</v>
          </cell>
          <cell r="W50" t="str">
            <v xml:space="preserve"> </v>
          </cell>
          <cell r="X50" t="e">
            <v>#N/A</v>
          </cell>
          <cell r="Y50" t="e">
            <v>#N/A</v>
          </cell>
          <cell r="AD50" t="e">
            <v>#VALUE!</v>
          </cell>
          <cell r="AH50" t="str">
            <v/>
          </cell>
          <cell r="AP50">
            <v>3</v>
          </cell>
          <cell r="BD50" t="e">
            <v>#N/A</v>
          </cell>
          <cell r="BF50" t="e">
            <v>#N/A</v>
          </cell>
          <cell r="BG50" t="e">
            <v>#DIV/0!</v>
          </cell>
          <cell r="BJ50">
            <v>0</v>
          </cell>
          <cell r="BK50">
            <v>0</v>
          </cell>
          <cell r="BL50" t="str">
            <v/>
          </cell>
          <cell r="BO50" t="str">
            <v/>
          </cell>
          <cell r="BP50" t="e">
            <v>#N/A</v>
          </cell>
          <cell r="BQ50" t="e">
            <v>#N/A</v>
          </cell>
          <cell r="BS50" t="e">
            <v>#N/A</v>
          </cell>
          <cell r="BT50" t="e">
            <v>#N/A</v>
          </cell>
        </row>
        <row r="51">
          <cell r="I51">
            <v>1</v>
          </cell>
          <cell r="J51" t="str">
            <v>式</v>
          </cell>
          <cell r="K51" t="str">
            <v/>
          </cell>
          <cell r="L51">
            <v>0</v>
          </cell>
          <cell r="M51" t="e">
            <v>#N/A</v>
          </cell>
          <cell r="V51" t="e">
            <v>#N/A</v>
          </cell>
          <cell r="W51" t="str">
            <v xml:space="preserve"> </v>
          </cell>
          <cell r="X51" t="e">
            <v>#N/A</v>
          </cell>
          <cell r="Y51" t="e">
            <v>#N/A</v>
          </cell>
          <cell r="AD51" t="e">
            <v>#VALUE!</v>
          </cell>
          <cell r="AH51" t="str">
            <v/>
          </cell>
          <cell r="AP51">
            <v>3</v>
          </cell>
          <cell r="BD51" t="e">
            <v>#N/A</v>
          </cell>
          <cell r="BF51" t="e">
            <v>#N/A</v>
          </cell>
          <cell r="BG51" t="e">
            <v>#DIV/0!</v>
          </cell>
          <cell r="BJ51">
            <v>0</v>
          </cell>
          <cell r="BK51">
            <v>0</v>
          </cell>
          <cell r="BL51" t="str">
            <v/>
          </cell>
          <cell r="BO51" t="str">
            <v/>
          </cell>
          <cell r="BP51" t="e">
            <v>#N/A</v>
          </cell>
          <cell r="BQ51" t="e">
            <v>#N/A</v>
          </cell>
          <cell r="BS51" t="e">
            <v>#N/A</v>
          </cell>
          <cell r="BT51" t="e">
            <v>#N/A</v>
          </cell>
        </row>
        <row r="52">
          <cell r="I52">
            <v>1</v>
          </cell>
          <cell r="J52" t="str">
            <v>式</v>
          </cell>
          <cell r="K52" t="str">
            <v/>
          </cell>
          <cell r="L52">
            <v>0</v>
          </cell>
          <cell r="M52" t="e">
            <v>#N/A</v>
          </cell>
          <cell r="V52" t="e">
            <v>#N/A</v>
          </cell>
          <cell r="W52" t="str">
            <v xml:space="preserve"> </v>
          </cell>
          <cell r="X52" t="e">
            <v>#N/A</v>
          </cell>
          <cell r="Y52" t="e">
            <v>#N/A</v>
          </cell>
          <cell r="AD52" t="e">
            <v>#VALUE!</v>
          </cell>
          <cell r="AH52" t="str">
            <v/>
          </cell>
          <cell r="AP52">
            <v>3</v>
          </cell>
          <cell r="BD52" t="e">
            <v>#N/A</v>
          </cell>
          <cell r="BF52" t="e">
            <v>#N/A</v>
          </cell>
          <cell r="BG52" t="e">
            <v>#DIV/0!</v>
          </cell>
          <cell r="BJ52">
            <v>0</v>
          </cell>
          <cell r="BK52">
            <v>0</v>
          </cell>
          <cell r="BL52" t="str">
            <v/>
          </cell>
          <cell r="BO52" t="str">
            <v/>
          </cell>
          <cell r="BP52" t="e">
            <v>#N/A</v>
          </cell>
          <cell r="BQ52" t="e">
            <v>#N/A</v>
          </cell>
          <cell r="BS52" t="e">
            <v>#N/A</v>
          </cell>
          <cell r="BT52" t="e">
            <v>#N/A</v>
          </cell>
        </row>
        <row r="53">
          <cell r="I53">
            <v>1</v>
          </cell>
          <cell r="J53" t="str">
            <v>式</v>
          </cell>
          <cell r="K53" t="str">
            <v/>
          </cell>
          <cell r="L53">
            <v>0</v>
          </cell>
          <cell r="M53" t="e">
            <v>#N/A</v>
          </cell>
          <cell r="V53" t="e">
            <v>#N/A</v>
          </cell>
          <cell r="W53" t="str">
            <v xml:space="preserve"> </v>
          </cell>
          <cell r="X53" t="e">
            <v>#N/A</v>
          </cell>
          <cell r="Y53" t="e">
            <v>#N/A</v>
          </cell>
          <cell r="AD53" t="e">
            <v>#VALUE!</v>
          </cell>
          <cell r="AH53" t="str">
            <v/>
          </cell>
          <cell r="AP53">
            <v>3</v>
          </cell>
          <cell r="BD53" t="e">
            <v>#N/A</v>
          </cell>
          <cell r="BF53" t="e">
            <v>#N/A</v>
          </cell>
          <cell r="BG53" t="e">
            <v>#DIV/0!</v>
          </cell>
          <cell r="BJ53">
            <v>0</v>
          </cell>
          <cell r="BK53">
            <v>0</v>
          </cell>
          <cell r="BL53" t="str">
            <v/>
          </cell>
          <cell r="BO53" t="str">
            <v/>
          </cell>
          <cell r="BP53" t="e">
            <v>#N/A</v>
          </cell>
          <cell r="BQ53" t="e">
            <v>#N/A</v>
          </cell>
          <cell r="BS53" t="e">
            <v>#N/A</v>
          </cell>
          <cell r="BT53" t="e">
            <v>#N/A</v>
          </cell>
        </row>
        <row r="54">
          <cell r="I54">
            <v>1</v>
          </cell>
          <cell r="J54" t="str">
            <v>式</v>
          </cell>
          <cell r="K54" t="str">
            <v/>
          </cell>
          <cell r="L54">
            <v>0</v>
          </cell>
          <cell r="M54" t="e">
            <v>#N/A</v>
          </cell>
          <cell r="V54" t="e">
            <v>#N/A</v>
          </cell>
          <cell r="W54" t="str">
            <v xml:space="preserve"> </v>
          </cell>
          <cell r="X54" t="e">
            <v>#N/A</v>
          </cell>
          <cell r="Y54" t="e">
            <v>#N/A</v>
          </cell>
          <cell r="AD54" t="e">
            <v>#VALUE!</v>
          </cell>
          <cell r="AH54" t="str">
            <v/>
          </cell>
          <cell r="AP54">
            <v>3</v>
          </cell>
          <cell r="BD54" t="e">
            <v>#N/A</v>
          </cell>
          <cell r="BF54" t="e">
            <v>#N/A</v>
          </cell>
          <cell r="BG54" t="e">
            <v>#DIV/0!</v>
          </cell>
          <cell r="BJ54">
            <v>0</v>
          </cell>
          <cell r="BK54">
            <v>0</v>
          </cell>
          <cell r="BL54" t="str">
            <v/>
          </cell>
          <cell r="BO54" t="str">
            <v/>
          </cell>
          <cell r="BP54" t="e">
            <v>#N/A</v>
          </cell>
          <cell r="BQ54" t="e">
            <v>#N/A</v>
          </cell>
          <cell r="BS54" t="e">
            <v>#N/A</v>
          </cell>
          <cell r="BT54" t="e">
            <v>#N/A</v>
          </cell>
        </row>
        <row r="55">
          <cell r="I55">
            <v>1</v>
          </cell>
          <cell r="J55" t="str">
            <v>式</v>
          </cell>
          <cell r="K55" t="str">
            <v/>
          </cell>
          <cell r="L55">
            <v>0</v>
          </cell>
          <cell r="M55" t="e">
            <v>#N/A</v>
          </cell>
          <cell r="V55" t="e">
            <v>#N/A</v>
          </cell>
          <cell r="W55" t="str">
            <v xml:space="preserve"> </v>
          </cell>
          <cell r="X55" t="e">
            <v>#N/A</v>
          </cell>
          <cell r="Y55" t="e">
            <v>#N/A</v>
          </cell>
          <cell r="AD55" t="e">
            <v>#VALUE!</v>
          </cell>
          <cell r="AH55" t="str">
            <v/>
          </cell>
          <cell r="AP55">
            <v>3</v>
          </cell>
          <cell r="BD55" t="e">
            <v>#N/A</v>
          </cell>
          <cell r="BF55" t="e">
            <v>#N/A</v>
          </cell>
          <cell r="BG55" t="e">
            <v>#DIV/0!</v>
          </cell>
          <cell r="BJ55">
            <v>0</v>
          </cell>
          <cell r="BK55">
            <v>0</v>
          </cell>
          <cell r="BL55" t="str">
            <v/>
          </cell>
          <cell r="BO55" t="str">
            <v/>
          </cell>
          <cell r="BP55" t="e">
            <v>#N/A</v>
          </cell>
          <cell r="BQ55" t="e">
            <v>#N/A</v>
          </cell>
          <cell r="BS55" t="e">
            <v>#N/A</v>
          </cell>
          <cell r="BT55" t="e">
            <v>#N/A</v>
          </cell>
        </row>
        <row r="56">
          <cell r="I56">
            <v>1</v>
          </cell>
          <cell r="J56" t="str">
            <v>式</v>
          </cell>
          <cell r="K56" t="str">
            <v/>
          </cell>
          <cell r="L56">
            <v>0</v>
          </cell>
          <cell r="M56" t="e">
            <v>#N/A</v>
          </cell>
          <cell r="V56" t="e">
            <v>#N/A</v>
          </cell>
          <cell r="W56" t="str">
            <v xml:space="preserve"> </v>
          </cell>
          <cell r="X56" t="e">
            <v>#N/A</v>
          </cell>
          <cell r="Y56" t="e">
            <v>#N/A</v>
          </cell>
          <cell r="AD56" t="e">
            <v>#VALUE!</v>
          </cell>
          <cell r="AH56" t="str">
            <v/>
          </cell>
          <cell r="AP56">
            <v>3</v>
          </cell>
          <cell r="BD56" t="e">
            <v>#N/A</v>
          </cell>
          <cell r="BF56" t="e">
            <v>#N/A</v>
          </cell>
          <cell r="BG56" t="e">
            <v>#DIV/0!</v>
          </cell>
          <cell r="BJ56">
            <v>0</v>
          </cell>
          <cell r="BK56">
            <v>0</v>
          </cell>
          <cell r="BL56" t="str">
            <v/>
          </cell>
          <cell r="BO56" t="str">
            <v/>
          </cell>
          <cell r="BP56" t="e">
            <v>#N/A</v>
          </cell>
          <cell r="BQ56" t="e">
            <v>#N/A</v>
          </cell>
          <cell r="BS56" t="e">
            <v>#N/A</v>
          </cell>
          <cell r="BT56" t="e">
            <v>#N/A</v>
          </cell>
        </row>
        <row r="57">
          <cell r="I57">
            <v>1</v>
          </cell>
          <cell r="J57" t="str">
            <v>式</v>
          </cell>
          <cell r="K57" t="str">
            <v/>
          </cell>
          <cell r="L57">
            <v>0</v>
          </cell>
          <cell r="M57" t="e">
            <v>#N/A</v>
          </cell>
          <cell r="V57" t="e">
            <v>#N/A</v>
          </cell>
          <cell r="W57" t="str">
            <v xml:space="preserve"> </v>
          </cell>
          <cell r="X57" t="e">
            <v>#N/A</v>
          </cell>
          <cell r="Y57" t="e">
            <v>#N/A</v>
          </cell>
          <cell r="AD57" t="e">
            <v>#VALUE!</v>
          </cell>
          <cell r="AH57" t="str">
            <v/>
          </cell>
          <cell r="AP57">
            <v>3</v>
          </cell>
          <cell r="BD57" t="e">
            <v>#N/A</v>
          </cell>
          <cell r="BF57" t="e">
            <v>#N/A</v>
          </cell>
          <cell r="BG57" t="e">
            <v>#DIV/0!</v>
          </cell>
          <cell r="BJ57">
            <v>0</v>
          </cell>
          <cell r="BK57">
            <v>0</v>
          </cell>
          <cell r="BL57" t="str">
            <v/>
          </cell>
          <cell r="BO57" t="str">
            <v/>
          </cell>
          <cell r="BP57" t="e">
            <v>#N/A</v>
          </cell>
          <cell r="BQ57" t="e">
            <v>#N/A</v>
          </cell>
          <cell r="BS57" t="e">
            <v>#N/A</v>
          </cell>
          <cell r="BT57" t="e">
            <v>#N/A</v>
          </cell>
        </row>
        <row r="58">
          <cell r="I58">
            <v>1</v>
          </cell>
          <cell r="J58" t="str">
            <v>式</v>
          </cell>
          <cell r="K58" t="str">
            <v/>
          </cell>
          <cell r="L58">
            <v>0</v>
          </cell>
          <cell r="M58" t="e">
            <v>#N/A</v>
          </cell>
          <cell r="V58" t="e">
            <v>#N/A</v>
          </cell>
          <cell r="W58" t="str">
            <v xml:space="preserve"> </v>
          </cell>
          <cell r="X58" t="e">
            <v>#N/A</v>
          </cell>
          <cell r="Y58" t="e">
            <v>#N/A</v>
          </cell>
          <cell r="AD58" t="e">
            <v>#VALUE!</v>
          </cell>
          <cell r="AH58" t="str">
            <v/>
          </cell>
          <cell r="AP58">
            <v>3</v>
          </cell>
          <cell r="BD58" t="e">
            <v>#N/A</v>
          </cell>
          <cell r="BF58" t="e">
            <v>#N/A</v>
          </cell>
          <cell r="BG58" t="e">
            <v>#DIV/0!</v>
          </cell>
          <cell r="BJ58">
            <v>0</v>
          </cell>
          <cell r="BK58">
            <v>0</v>
          </cell>
          <cell r="BL58" t="str">
            <v/>
          </cell>
          <cell r="BO58" t="str">
            <v/>
          </cell>
          <cell r="BP58" t="e">
            <v>#N/A</v>
          </cell>
          <cell r="BQ58" t="e">
            <v>#N/A</v>
          </cell>
          <cell r="BS58" t="e">
            <v>#N/A</v>
          </cell>
          <cell r="BT58" t="e">
            <v>#N/A</v>
          </cell>
        </row>
        <row r="59">
          <cell r="I59">
            <v>1</v>
          </cell>
          <cell r="J59" t="str">
            <v>式</v>
          </cell>
          <cell r="K59" t="str">
            <v/>
          </cell>
          <cell r="L59">
            <v>0</v>
          </cell>
          <cell r="M59" t="e">
            <v>#N/A</v>
          </cell>
          <cell r="V59" t="e">
            <v>#N/A</v>
          </cell>
          <cell r="W59" t="str">
            <v xml:space="preserve"> </v>
          </cell>
          <cell r="X59" t="e">
            <v>#N/A</v>
          </cell>
          <cell r="Y59" t="e">
            <v>#N/A</v>
          </cell>
          <cell r="AD59" t="e">
            <v>#VALUE!</v>
          </cell>
          <cell r="AH59" t="str">
            <v/>
          </cell>
          <cell r="AP59">
            <v>3</v>
          </cell>
          <cell r="BD59" t="e">
            <v>#N/A</v>
          </cell>
          <cell r="BF59" t="e">
            <v>#N/A</v>
          </cell>
          <cell r="BG59" t="e">
            <v>#DIV/0!</v>
          </cell>
          <cell r="BJ59">
            <v>0</v>
          </cell>
          <cell r="BK59">
            <v>0</v>
          </cell>
          <cell r="BL59" t="str">
            <v/>
          </cell>
          <cell r="BO59" t="str">
            <v/>
          </cell>
          <cell r="BP59" t="e">
            <v>#N/A</v>
          </cell>
          <cell r="BQ59" t="e">
            <v>#N/A</v>
          </cell>
          <cell r="BS59" t="e">
            <v>#N/A</v>
          </cell>
          <cell r="BT59" t="e">
            <v>#N/A</v>
          </cell>
        </row>
        <row r="60">
          <cell r="I60">
            <v>1</v>
          </cell>
          <cell r="J60" t="str">
            <v>式</v>
          </cell>
          <cell r="K60" t="str">
            <v/>
          </cell>
          <cell r="L60">
            <v>0</v>
          </cell>
          <cell r="M60" t="e">
            <v>#N/A</v>
          </cell>
          <cell r="V60" t="e">
            <v>#N/A</v>
          </cell>
          <cell r="W60" t="str">
            <v xml:space="preserve"> </v>
          </cell>
          <cell r="X60" t="e">
            <v>#N/A</v>
          </cell>
          <cell r="Y60" t="e">
            <v>#N/A</v>
          </cell>
          <cell r="AD60" t="e">
            <v>#VALUE!</v>
          </cell>
          <cell r="AH60" t="str">
            <v/>
          </cell>
          <cell r="AP60">
            <v>3</v>
          </cell>
          <cell r="BD60" t="e">
            <v>#N/A</v>
          </cell>
          <cell r="BF60" t="e">
            <v>#N/A</v>
          </cell>
          <cell r="BG60" t="e">
            <v>#DIV/0!</v>
          </cell>
          <cell r="BJ60">
            <v>0</v>
          </cell>
          <cell r="BK60">
            <v>0</v>
          </cell>
          <cell r="BL60" t="str">
            <v/>
          </cell>
          <cell r="BO60" t="str">
            <v/>
          </cell>
          <cell r="BP60" t="e">
            <v>#N/A</v>
          </cell>
          <cell r="BQ60" t="e">
            <v>#N/A</v>
          </cell>
          <cell r="BS60" t="e">
            <v>#N/A</v>
          </cell>
          <cell r="BT60" t="e">
            <v>#N/A</v>
          </cell>
        </row>
        <row r="61">
          <cell r="I61">
            <v>1</v>
          </cell>
          <cell r="J61" t="str">
            <v>式</v>
          </cell>
          <cell r="K61" t="str">
            <v/>
          </cell>
          <cell r="L61">
            <v>0</v>
          </cell>
          <cell r="M61" t="e">
            <v>#N/A</v>
          </cell>
          <cell r="V61" t="e">
            <v>#N/A</v>
          </cell>
          <cell r="W61" t="str">
            <v xml:space="preserve"> </v>
          </cell>
          <cell r="X61" t="e">
            <v>#N/A</v>
          </cell>
          <cell r="Y61" t="e">
            <v>#N/A</v>
          </cell>
          <cell r="AD61" t="e">
            <v>#VALUE!</v>
          </cell>
          <cell r="AH61" t="str">
            <v/>
          </cell>
          <cell r="AP61">
            <v>3</v>
          </cell>
          <cell r="BD61" t="e">
            <v>#N/A</v>
          </cell>
          <cell r="BF61" t="e">
            <v>#N/A</v>
          </cell>
          <cell r="BG61" t="e">
            <v>#DIV/0!</v>
          </cell>
          <cell r="BJ61">
            <v>0</v>
          </cell>
          <cell r="BK61">
            <v>0</v>
          </cell>
          <cell r="BL61" t="str">
            <v/>
          </cell>
          <cell r="BO61" t="str">
            <v/>
          </cell>
          <cell r="BP61" t="e">
            <v>#N/A</v>
          </cell>
          <cell r="BQ61" t="e">
            <v>#N/A</v>
          </cell>
          <cell r="BS61" t="e">
            <v>#N/A</v>
          </cell>
          <cell r="BT61" t="e">
            <v>#N/A</v>
          </cell>
        </row>
        <row r="62">
          <cell r="I62">
            <v>1</v>
          </cell>
          <cell r="J62" t="str">
            <v>式</v>
          </cell>
          <cell r="K62" t="str">
            <v/>
          </cell>
          <cell r="L62">
            <v>0</v>
          </cell>
          <cell r="M62" t="e">
            <v>#N/A</v>
          </cell>
          <cell r="V62" t="e">
            <v>#N/A</v>
          </cell>
          <cell r="W62" t="str">
            <v xml:space="preserve"> </v>
          </cell>
          <cell r="X62" t="e">
            <v>#N/A</v>
          </cell>
          <cell r="Y62" t="e">
            <v>#N/A</v>
          </cell>
          <cell r="AD62" t="e">
            <v>#VALUE!</v>
          </cell>
          <cell r="AH62" t="str">
            <v/>
          </cell>
          <cell r="AP62">
            <v>3</v>
          </cell>
          <cell r="BD62" t="e">
            <v>#N/A</v>
          </cell>
          <cell r="BF62" t="e">
            <v>#N/A</v>
          </cell>
          <cell r="BG62" t="e">
            <v>#DIV/0!</v>
          </cell>
          <cell r="BJ62">
            <v>0</v>
          </cell>
          <cell r="BK62">
            <v>0</v>
          </cell>
          <cell r="BL62" t="str">
            <v/>
          </cell>
          <cell r="BO62" t="str">
            <v/>
          </cell>
          <cell r="BP62" t="e">
            <v>#N/A</v>
          </cell>
          <cell r="BQ62" t="e">
            <v>#N/A</v>
          </cell>
          <cell r="BS62" t="e">
            <v>#N/A</v>
          </cell>
          <cell r="BT62" t="e">
            <v>#N/A</v>
          </cell>
        </row>
        <row r="63">
          <cell r="I63">
            <v>1</v>
          </cell>
          <cell r="J63" t="str">
            <v>式</v>
          </cell>
          <cell r="K63" t="str">
            <v/>
          </cell>
          <cell r="L63">
            <v>0</v>
          </cell>
          <cell r="M63" t="e">
            <v>#N/A</v>
          </cell>
          <cell r="V63" t="e">
            <v>#N/A</v>
          </cell>
          <cell r="W63" t="str">
            <v xml:space="preserve"> </v>
          </cell>
          <cell r="X63" t="e">
            <v>#N/A</v>
          </cell>
          <cell r="Y63" t="e">
            <v>#N/A</v>
          </cell>
          <cell r="AD63" t="e">
            <v>#VALUE!</v>
          </cell>
          <cell r="AH63" t="str">
            <v/>
          </cell>
          <cell r="AP63">
            <v>3</v>
          </cell>
          <cell r="BD63" t="e">
            <v>#N/A</v>
          </cell>
          <cell r="BF63" t="e">
            <v>#N/A</v>
          </cell>
          <cell r="BG63" t="e">
            <v>#DIV/0!</v>
          </cell>
          <cell r="BJ63">
            <v>0</v>
          </cell>
          <cell r="BK63">
            <v>0</v>
          </cell>
          <cell r="BL63" t="str">
            <v/>
          </cell>
          <cell r="BO63" t="str">
            <v/>
          </cell>
          <cell r="BP63" t="e">
            <v>#N/A</v>
          </cell>
          <cell r="BQ63" t="e">
            <v>#N/A</v>
          </cell>
          <cell r="BS63" t="e">
            <v>#N/A</v>
          </cell>
          <cell r="BT63" t="e">
            <v>#N/A</v>
          </cell>
        </row>
        <row r="64">
          <cell r="I64">
            <v>1</v>
          </cell>
          <cell r="J64" t="str">
            <v>式</v>
          </cell>
          <cell r="K64" t="str">
            <v/>
          </cell>
          <cell r="L64">
            <v>0</v>
          </cell>
          <cell r="M64" t="e">
            <v>#N/A</v>
          </cell>
          <cell r="V64" t="e">
            <v>#N/A</v>
          </cell>
          <cell r="W64" t="str">
            <v xml:space="preserve"> </v>
          </cell>
          <cell r="X64" t="e">
            <v>#N/A</v>
          </cell>
          <cell r="Y64" t="e">
            <v>#N/A</v>
          </cell>
          <cell r="AD64" t="e">
            <v>#VALUE!</v>
          </cell>
          <cell r="AH64" t="str">
            <v/>
          </cell>
          <cell r="AP64">
            <v>3</v>
          </cell>
          <cell r="BD64" t="e">
            <v>#N/A</v>
          </cell>
          <cell r="BF64" t="e">
            <v>#N/A</v>
          </cell>
          <cell r="BG64" t="e">
            <v>#DIV/0!</v>
          </cell>
          <cell r="BJ64">
            <v>0</v>
          </cell>
          <cell r="BK64">
            <v>0</v>
          </cell>
          <cell r="BL64" t="str">
            <v/>
          </cell>
          <cell r="BO64" t="str">
            <v/>
          </cell>
          <cell r="BP64" t="e">
            <v>#N/A</v>
          </cell>
          <cell r="BQ64" t="e">
            <v>#N/A</v>
          </cell>
          <cell r="BS64" t="e">
            <v>#N/A</v>
          </cell>
          <cell r="BT64" t="e">
            <v>#N/A</v>
          </cell>
        </row>
        <row r="65">
          <cell r="I65">
            <v>1</v>
          </cell>
          <cell r="J65" t="str">
            <v>式</v>
          </cell>
          <cell r="K65" t="str">
            <v/>
          </cell>
          <cell r="L65">
            <v>0</v>
          </cell>
          <cell r="M65" t="e">
            <v>#N/A</v>
          </cell>
          <cell r="V65" t="e">
            <v>#N/A</v>
          </cell>
          <cell r="W65" t="str">
            <v xml:space="preserve"> </v>
          </cell>
          <cell r="X65" t="e">
            <v>#N/A</v>
          </cell>
          <cell r="Y65" t="e">
            <v>#N/A</v>
          </cell>
          <cell r="AD65" t="e">
            <v>#VALUE!</v>
          </cell>
          <cell r="AH65" t="str">
            <v/>
          </cell>
          <cell r="AP65">
            <v>3</v>
          </cell>
          <cell r="BD65" t="e">
            <v>#N/A</v>
          </cell>
          <cell r="BF65" t="e">
            <v>#N/A</v>
          </cell>
          <cell r="BG65" t="e">
            <v>#DIV/0!</v>
          </cell>
          <cell r="BJ65">
            <v>0</v>
          </cell>
          <cell r="BK65">
            <v>0</v>
          </cell>
          <cell r="BL65" t="str">
            <v/>
          </cell>
          <cell r="BO65" t="str">
            <v/>
          </cell>
          <cell r="BP65" t="e">
            <v>#N/A</v>
          </cell>
          <cell r="BQ65" t="e">
            <v>#N/A</v>
          </cell>
          <cell r="BS65" t="e">
            <v>#N/A</v>
          </cell>
          <cell r="BT65" t="e">
            <v>#N/A</v>
          </cell>
        </row>
        <row r="66">
          <cell r="I66">
            <v>1</v>
          </cell>
          <cell r="J66" t="str">
            <v>式</v>
          </cell>
          <cell r="K66" t="str">
            <v/>
          </cell>
          <cell r="L66">
            <v>0</v>
          </cell>
          <cell r="M66" t="e">
            <v>#N/A</v>
          </cell>
          <cell r="V66" t="e">
            <v>#N/A</v>
          </cell>
          <cell r="W66" t="str">
            <v xml:space="preserve"> </v>
          </cell>
          <cell r="X66" t="e">
            <v>#N/A</v>
          </cell>
          <cell r="Y66" t="e">
            <v>#N/A</v>
          </cell>
          <cell r="AD66" t="e">
            <v>#VALUE!</v>
          </cell>
          <cell r="AH66" t="str">
            <v/>
          </cell>
          <cell r="AP66">
            <v>3</v>
          </cell>
          <cell r="BD66" t="e">
            <v>#N/A</v>
          </cell>
          <cell r="BF66" t="e">
            <v>#N/A</v>
          </cell>
          <cell r="BG66" t="e">
            <v>#DIV/0!</v>
          </cell>
          <cell r="BJ66">
            <v>0</v>
          </cell>
          <cell r="BK66">
            <v>0</v>
          </cell>
          <cell r="BL66" t="str">
            <v/>
          </cell>
          <cell r="BO66" t="str">
            <v/>
          </cell>
          <cell r="BP66" t="e">
            <v>#N/A</v>
          </cell>
          <cell r="BQ66" t="e">
            <v>#N/A</v>
          </cell>
          <cell r="BS66" t="e">
            <v>#N/A</v>
          </cell>
          <cell r="BT66" t="e">
            <v>#N/A</v>
          </cell>
        </row>
        <row r="67">
          <cell r="I67">
            <v>1</v>
          </cell>
          <cell r="J67" t="str">
            <v>式</v>
          </cell>
          <cell r="K67" t="str">
            <v/>
          </cell>
          <cell r="L67">
            <v>0</v>
          </cell>
          <cell r="M67" t="e">
            <v>#N/A</v>
          </cell>
          <cell r="V67" t="e">
            <v>#N/A</v>
          </cell>
          <cell r="W67" t="str">
            <v xml:space="preserve"> </v>
          </cell>
          <cell r="X67" t="e">
            <v>#N/A</v>
          </cell>
          <cell r="Y67" t="e">
            <v>#N/A</v>
          </cell>
          <cell r="AD67" t="e">
            <v>#VALUE!</v>
          </cell>
          <cell r="AH67" t="str">
            <v/>
          </cell>
          <cell r="AP67">
            <v>3</v>
          </cell>
          <cell r="BD67" t="e">
            <v>#N/A</v>
          </cell>
          <cell r="BF67" t="e">
            <v>#N/A</v>
          </cell>
          <cell r="BG67" t="e">
            <v>#DIV/0!</v>
          </cell>
          <cell r="BJ67">
            <v>0</v>
          </cell>
          <cell r="BK67">
            <v>0</v>
          </cell>
          <cell r="BL67" t="str">
            <v/>
          </cell>
          <cell r="BO67" t="str">
            <v/>
          </cell>
          <cell r="BP67" t="e">
            <v>#N/A</v>
          </cell>
          <cell r="BQ67" t="e">
            <v>#N/A</v>
          </cell>
          <cell r="BS67" t="e">
            <v>#N/A</v>
          </cell>
          <cell r="BT67" t="e">
            <v>#N/A</v>
          </cell>
        </row>
        <row r="68">
          <cell r="I68">
            <v>1</v>
          </cell>
          <cell r="J68" t="str">
            <v>式</v>
          </cell>
          <cell r="K68" t="str">
            <v/>
          </cell>
          <cell r="L68">
            <v>0</v>
          </cell>
          <cell r="M68" t="e">
            <v>#N/A</v>
          </cell>
          <cell r="V68" t="e">
            <v>#N/A</v>
          </cell>
          <cell r="W68" t="str">
            <v xml:space="preserve"> </v>
          </cell>
          <cell r="X68" t="e">
            <v>#N/A</v>
          </cell>
          <cell r="Y68" t="e">
            <v>#N/A</v>
          </cell>
          <cell r="AD68" t="e">
            <v>#VALUE!</v>
          </cell>
          <cell r="AH68" t="str">
            <v/>
          </cell>
          <cell r="AP68">
            <v>3</v>
          </cell>
          <cell r="BD68" t="e">
            <v>#N/A</v>
          </cell>
          <cell r="BF68" t="e">
            <v>#N/A</v>
          </cell>
          <cell r="BG68" t="e">
            <v>#DIV/0!</v>
          </cell>
          <cell r="BJ68">
            <v>0</v>
          </cell>
          <cell r="BK68">
            <v>0</v>
          </cell>
          <cell r="BL68" t="str">
            <v/>
          </cell>
          <cell r="BO68" t="str">
            <v/>
          </cell>
          <cell r="BP68" t="e">
            <v>#N/A</v>
          </cell>
          <cell r="BQ68" t="e">
            <v>#N/A</v>
          </cell>
          <cell r="BS68" t="e">
            <v>#N/A</v>
          </cell>
          <cell r="BT68" t="e">
            <v>#N/A</v>
          </cell>
        </row>
        <row r="69">
          <cell r="I69">
            <v>1</v>
          </cell>
          <cell r="J69" t="str">
            <v>式</v>
          </cell>
          <cell r="K69" t="str">
            <v/>
          </cell>
          <cell r="L69">
            <v>0</v>
          </cell>
          <cell r="M69" t="e">
            <v>#N/A</v>
          </cell>
          <cell r="V69" t="e">
            <v>#N/A</v>
          </cell>
          <cell r="W69" t="str">
            <v xml:space="preserve"> </v>
          </cell>
          <cell r="X69" t="e">
            <v>#N/A</v>
          </cell>
          <cell r="Y69" t="e">
            <v>#N/A</v>
          </cell>
          <cell r="AD69" t="e">
            <v>#VALUE!</v>
          </cell>
          <cell r="AH69" t="str">
            <v/>
          </cell>
          <cell r="AP69">
            <v>3</v>
          </cell>
          <cell r="BD69" t="e">
            <v>#N/A</v>
          </cell>
          <cell r="BF69" t="e">
            <v>#N/A</v>
          </cell>
          <cell r="BG69" t="e">
            <v>#DIV/0!</v>
          </cell>
          <cell r="BJ69">
            <v>0</v>
          </cell>
          <cell r="BK69">
            <v>0</v>
          </cell>
          <cell r="BL69" t="str">
            <v/>
          </cell>
          <cell r="BO69" t="str">
            <v/>
          </cell>
          <cell r="BP69" t="e">
            <v>#N/A</v>
          </cell>
          <cell r="BQ69" t="e">
            <v>#N/A</v>
          </cell>
          <cell r="BS69" t="e">
            <v>#N/A</v>
          </cell>
          <cell r="BT69" t="e">
            <v>#N/A</v>
          </cell>
        </row>
        <row r="70">
          <cell r="I70">
            <v>1</v>
          </cell>
          <cell r="J70" t="str">
            <v>式</v>
          </cell>
          <cell r="K70" t="str">
            <v/>
          </cell>
          <cell r="L70">
            <v>0</v>
          </cell>
          <cell r="M70" t="e">
            <v>#N/A</v>
          </cell>
          <cell r="V70" t="e">
            <v>#N/A</v>
          </cell>
          <cell r="W70" t="str">
            <v xml:space="preserve"> </v>
          </cell>
          <cell r="X70" t="e">
            <v>#N/A</v>
          </cell>
          <cell r="Y70" t="e">
            <v>#N/A</v>
          </cell>
          <cell r="AD70" t="e">
            <v>#VALUE!</v>
          </cell>
          <cell r="AH70" t="str">
            <v/>
          </cell>
          <cell r="AP70">
            <v>3</v>
          </cell>
          <cell r="BD70" t="e">
            <v>#N/A</v>
          </cell>
          <cell r="BF70" t="e">
            <v>#N/A</v>
          </cell>
          <cell r="BG70" t="e">
            <v>#DIV/0!</v>
          </cell>
          <cell r="BJ70">
            <v>0</v>
          </cell>
          <cell r="BK70">
            <v>0</v>
          </cell>
          <cell r="BL70" t="str">
            <v/>
          </cell>
          <cell r="BO70" t="str">
            <v/>
          </cell>
          <cell r="BP70" t="e">
            <v>#N/A</v>
          </cell>
          <cell r="BQ70" t="e">
            <v>#N/A</v>
          </cell>
          <cell r="BS70" t="e">
            <v>#N/A</v>
          </cell>
          <cell r="BT70" t="e">
            <v>#N/A</v>
          </cell>
        </row>
        <row r="71">
          <cell r="I71">
            <v>1</v>
          </cell>
          <cell r="J71" t="str">
            <v>式</v>
          </cell>
          <cell r="K71" t="str">
            <v/>
          </cell>
          <cell r="L71">
            <v>0</v>
          </cell>
          <cell r="M71" t="e">
            <v>#N/A</v>
          </cell>
          <cell r="V71" t="e">
            <v>#N/A</v>
          </cell>
          <cell r="W71" t="str">
            <v xml:space="preserve"> </v>
          </cell>
          <cell r="X71" t="e">
            <v>#N/A</v>
          </cell>
          <cell r="Y71" t="e">
            <v>#N/A</v>
          </cell>
          <cell r="AD71" t="e">
            <v>#VALUE!</v>
          </cell>
          <cell r="AH71" t="str">
            <v/>
          </cell>
          <cell r="AP71">
            <v>3</v>
          </cell>
          <cell r="BD71" t="e">
            <v>#N/A</v>
          </cell>
          <cell r="BF71" t="e">
            <v>#N/A</v>
          </cell>
          <cell r="BG71" t="e">
            <v>#DIV/0!</v>
          </cell>
          <cell r="BJ71">
            <v>0</v>
          </cell>
          <cell r="BK71">
            <v>0</v>
          </cell>
          <cell r="BL71" t="str">
            <v/>
          </cell>
          <cell r="BO71" t="str">
            <v/>
          </cell>
          <cell r="BP71" t="e">
            <v>#N/A</v>
          </cell>
          <cell r="BQ71" t="e">
            <v>#N/A</v>
          </cell>
          <cell r="BS71" t="e">
            <v>#N/A</v>
          </cell>
          <cell r="BT71" t="e">
            <v>#N/A</v>
          </cell>
        </row>
        <row r="72">
          <cell r="I72">
            <v>1</v>
          </cell>
          <cell r="J72" t="str">
            <v>式</v>
          </cell>
          <cell r="K72" t="str">
            <v/>
          </cell>
          <cell r="L72">
            <v>0</v>
          </cell>
          <cell r="M72" t="e">
            <v>#N/A</v>
          </cell>
          <cell r="V72" t="e">
            <v>#N/A</v>
          </cell>
          <cell r="W72" t="str">
            <v xml:space="preserve"> </v>
          </cell>
          <cell r="X72" t="e">
            <v>#N/A</v>
          </cell>
          <cell r="Y72" t="e">
            <v>#N/A</v>
          </cell>
          <cell r="AD72" t="e">
            <v>#VALUE!</v>
          </cell>
          <cell r="AH72" t="str">
            <v/>
          </cell>
          <cell r="AP72">
            <v>3</v>
          </cell>
          <cell r="BD72" t="e">
            <v>#N/A</v>
          </cell>
          <cell r="BF72" t="e">
            <v>#N/A</v>
          </cell>
          <cell r="BG72" t="e">
            <v>#DIV/0!</v>
          </cell>
          <cell r="BJ72">
            <v>0</v>
          </cell>
          <cell r="BK72">
            <v>0</v>
          </cell>
          <cell r="BL72" t="str">
            <v/>
          </cell>
          <cell r="BO72" t="str">
            <v/>
          </cell>
          <cell r="BP72" t="e">
            <v>#N/A</v>
          </cell>
          <cell r="BQ72" t="e">
            <v>#N/A</v>
          </cell>
          <cell r="BS72" t="e">
            <v>#N/A</v>
          </cell>
          <cell r="BT72" t="e">
            <v>#N/A</v>
          </cell>
        </row>
        <row r="73">
          <cell r="I73">
            <v>1</v>
          </cell>
          <cell r="J73" t="str">
            <v>式</v>
          </cell>
          <cell r="K73" t="str">
            <v/>
          </cell>
          <cell r="L73">
            <v>0</v>
          </cell>
          <cell r="M73" t="e">
            <v>#N/A</v>
          </cell>
          <cell r="V73" t="e">
            <v>#N/A</v>
          </cell>
          <cell r="W73" t="str">
            <v xml:space="preserve"> </v>
          </cell>
          <cell r="X73" t="e">
            <v>#N/A</v>
          </cell>
          <cell r="Y73" t="e">
            <v>#N/A</v>
          </cell>
          <cell r="AD73" t="e">
            <v>#VALUE!</v>
          </cell>
          <cell r="AH73" t="str">
            <v/>
          </cell>
          <cell r="AP73">
            <v>3</v>
          </cell>
          <cell r="BD73" t="e">
            <v>#N/A</v>
          </cell>
          <cell r="BF73" t="e">
            <v>#N/A</v>
          </cell>
          <cell r="BG73" t="e">
            <v>#DIV/0!</v>
          </cell>
          <cell r="BJ73">
            <v>0</v>
          </cell>
          <cell r="BK73">
            <v>0</v>
          </cell>
          <cell r="BL73" t="str">
            <v/>
          </cell>
          <cell r="BO73" t="str">
            <v/>
          </cell>
          <cell r="BP73" t="e">
            <v>#N/A</v>
          </cell>
          <cell r="BQ73" t="e">
            <v>#N/A</v>
          </cell>
          <cell r="BS73" t="e">
            <v>#N/A</v>
          </cell>
          <cell r="BT73" t="e">
            <v>#N/A</v>
          </cell>
        </row>
        <row r="74">
          <cell r="I74">
            <v>1</v>
          </cell>
          <cell r="J74" t="str">
            <v>式</v>
          </cell>
          <cell r="K74" t="str">
            <v/>
          </cell>
          <cell r="L74">
            <v>0</v>
          </cell>
          <cell r="M74" t="e">
            <v>#N/A</v>
          </cell>
          <cell r="V74" t="e">
            <v>#N/A</v>
          </cell>
          <cell r="W74" t="str">
            <v xml:space="preserve"> </v>
          </cell>
          <cell r="X74" t="e">
            <v>#N/A</v>
          </cell>
          <cell r="Y74" t="e">
            <v>#N/A</v>
          </cell>
          <cell r="AD74" t="e">
            <v>#VALUE!</v>
          </cell>
          <cell r="AH74" t="str">
            <v/>
          </cell>
          <cell r="AP74">
            <v>3</v>
          </cell>
          <cell r="BD74" t="e">
            <v>#N/A</v>
          </cell>
          <cell r="BF74" t="e">
            <v>#N/A</v>
          </cell>
          <cell r="BG74" t="e">
            <v>#DIV/0!</v>
          </cell>
          <cell r="BJ74">
            <v>0</v>
          </cell>
          <cell r="BK74">
            <v>0</v>
          </cell>
          <cell r="BL74" t="str">
            <v/>
          </cell>
          <cell r="BO74" t="str">
            <v/>
          </cell>
          <cell r="BP74" t="e">
            <v>#N/A</v>
          </cell>
          <cell r="BQ74" t="e">
            <v>#N/A</v>
          </cell>
          <cell r="BS74" t="e">
            <v>#N/A</v>
          </cell>
          <cell r="BT74" t="e">
            <v>#N/A</v>
          </cell>
        </row>
        <row r="75">
          <cell r="I75">
            <v>1</v>
          </cell>
          <cell r="J75" t="str">
            <v>式</v>
          </cell>
          <cell r="K75" t="str">
            <v/>
          </cell>
          <cell r="L75">
            <v>0</v>
          </cell>
          <cell r="M75" t="e">
            <v>#N/A</v>
          </cell>
          <cell r="V75" t="e">
            <v>#N/A</v>
          </cell>
          <cell r="W75" t="str">
            <v xml:space="preserve"> </v>
          </cell>
          <cell r="X75" t="e">
            <v>#N/A</v>
          </cell>
          <cell r="Y75" t="e">
            <v>#N/A</v>
          </cell>
          <cell r="AD75" t="e">
            <v>#VALUE!</v>
          </cell>
          <cell r="AH75" t="str">
            <v/>
          </cell>
          <cell r="AP75">
            <v>3</v>
          </cell>
          <cell r="BD75" t="e">
            <v>#N/A</v>
          </cell>
          <cell r="BF75" t="e">
            <v>#N/A</v>
          </cell>
          <cell r="BG75" t="e">
            <v>#DIV/0!</v>
          </cell>
          <cell r="BJ75">
            <v>0</v>
          </cell>
          <cell r="BK75">
            <v>0</v>
          </cell>
          <cell r="BL75" t="str">
            <v/>
          </cell>
          <cell r="BO75" t="str">
            <v/>
          </cell>
          <cell r="BP75" t="e">
            <v>#N/A</v>
          </cell>
          <cell r="BQ75" t="e">
            <v>#N/A</v>
          </cell>
          <cell r="BS75" t="e">
            <v>#N/A</v>
          </cell>
          <cell r="BT75" t="e">
            <v>#N/A</v>
          </cell>
        </row>
        <row r="76">
          <cell r="I76">
            <v>1</v>
          </cell>
          <cell r="J76" t="str">
            <v>式</v>
          </cell>
          <cell r="K76" t="str">
            <v/>
          </cell>
          <cell r="L76">
            <v>0</v>
          </cell>
          <cell r="M76" t="e">
            <v>#N/A</v>
          </cell>
          <cell r="V76" t="e">
            <v>#N/A</v>
          </cell>
          <cell r="W76" t="str">
            <v xml:space="preserve"> </v>
          </cell>
          <cell r="X76" t="e">
            <v>#N/A</v>
          </cell>
          <cell r="Y76" t="e">
            <v>#N/A</v>
          </cell>
          <cell r="AD76" t="e">
            <v>#VALUE!</v>
          </cell>
          <cell r="AH76" t="str">
            <v/>
          </cell>
          <cell r="AP76">
            <v>3</v>
          </cell>
          <cell r="BD76" t="e">
            <v>#N/A</v>
          </cell>
          <cell r="BF76" t="e">
            <v>#N/A</v>
          </cell>
          <cell r="BG76" t="e">
            <v>#DIV/0!</v>
          </cell>
          <cell r="BJ76">
            <v>0</v>
          </cell>
          <cell r="BK76">
            <v>0</v>
          </cell>
          <cell r="BL76" t="str">
            <v/>
          </cell>
          <cell r="BO76" t="str">
            <v/>
          </cell>
          <cell r="BP76" t="e">
            <v>#N/A</v>
          </cell>
          <cell r="BQ76" t="e">
            <v>#N/A</v>
          </cell>
          <cell r="BS76" t="e">
            <v>#N/A</v>
          </cell>
          <cell r="BT76" t="e">
            <v>#N/A</v>
          </cell>
        </row>
        <row r="77">
          <cell r="I77">
            <v>1</v>
          </cell>
          <cell r="J77" t="str">
            <v>式</v>
          </cell>
          <cell r="K77" t="str">
            <v/>
          </cell>
          <cell r="L77">
            <v>0</v>
          </cell>
          <cell r="M77" t="e">
            <v>#N/A</v>
          </cell>
          <cell r="V77" t="e">
            <v>#N/A</v>
          </cell>
          <cell r="W77" t="str">
            <v xml:space="preserve"> </v>
          </cell>
          <cell r="X77" t="e">
            <v>#N/A</v>
          </cell>
          <cell r="Y77" t="e">
            <v>#N/A</v>
          </cell>
          <cell r="AD77" t="e">
            <v>#VALUE!</v>
          </cell>
          <cell r="AH77" t="str">
            <v/>
          </cell>
          <cell r="AP77">
            <v>3</v>
          </cell>
          <cell r="BD77" t="e">
            <v>#N/A</v>
          </cell>
          <cell r="BF77" t="e">
            <v>#N/A</v>
          </cell>
          <cell r="BG77" t="e">
            <v>#DIV/0!</v>
          </cell>
          <cell r="BJ77">
            <v>0</v>
          </cell>
          <cell r="BK77">
            <v>0</v>
          </cell>
          <cell r="BL77" t="str">
            <v/>
          </cell>
          <cell r="BO77" t="str">
            <v/>
          </cell>
          <cell r="BP77" t="e">
            <v>#N/A</v>
          </cell>
          <cell r="BQ77" t="e">
            <v>#N/A</v>
          </cell>
          <cell r="BS77" t="e">
            <v>#N/A</v>
          </cell>
          <cell r="BT77" t="e">
            <v>#N/A</v>
          </cell>
        </row>
        <row r="78">
          <cell r="I78">
            <v>1</v>
          </cell>
          <cell r="J78" t="str">
            <v>式</v>
          </cell>
          <cell r="K78" t="str">
            <v/>
          </cell>
          <cell r="L78">
            <v>0</v>
          </cell>
          <cell r="M78" t="e">
            <v>#N/A</v>
          </cell>
          <cell r="V78" t="e">
            <v>#N/A</v>
          </cell>
          <cell r="W78" t="str">
            <v xml:space="preserve"> </v>
          </cell>
          <cell r="X78" t="e">
            <v>#N/A</v>
          </cell>
          <cell r="Y78" t="e">
            <v>#N/A</v>
          </cell>
          <cell r="AD78" t="e">
            <v>#VALUE!</v>
          </cell>
          <cell r="AH78" t="str">
            <v/>
          </cell>
          <cell r="AP78">
            <v>3</v>
          </cell>
          <cell r="BD78" t="e">
            <v>#N/A</v>
          </cell>
          <cell r="BF78" t="e">
            <v>#N/A</v>
          </cell>
          <cell r="BG78" t="e">
            <v>#DIV/0!</v>
          </cell>
          <cell r="BJ78">
            <v>0</v>
          </cell>
          <cell r="BK78">
            <v>0</v>
          </cell>
          <cell r="BL78" t="str">
            <v/>
          </cell>
          <cell r="BO78" t="str">
            <v/>
          </cell>
          <cell r="BP78" t="e">
            <v>#N/A</v>
          </cell>
          <cell r="BQ78" t="e">
            <v>#N/A</v>
          </cell>
          <cell r="BS78" t="e">
            <v>#N/A</v>
          </cell>
          <cell r="BT78" t="e">
            <v>#N/A</v>
          </cell>
        </row>
        <row r="79">
          <cell r="I79">
            <v>1</v>
          </cell>
          <cell r="J79" t="str">
            <v>式</v>
          </cell>
          <cell r="K79" t="str">
            <v/>
          </cell>
          <cell r="L79">
            <v>0</v>
          </cell>
          <cell r="M79" t="e">
            <v>#N/A</v>
          </cell>
          <cell r="V79" t="e">
            <v>#N/A</v>
          </cell>
          <cell r="W79" t="str">
            <v xml:space="preserve"> </v>
          </cell>
          <cell r="X79" t="e">
            <v>#N/A</v>
          </cell>
          <cell r="Y79" t="e">
            <v>#N/A</v>
          </cell>
          <cell r="AD79" t="e">
            <v>#VALUE!</v>
          </cell>
          <cell r="AH79" t="str">
            <v/>
          </cell>
          <cell r="AP79">
            <v>3</v>
          </cell>
          <cell r="BD79" t="e">
            <v>#N/A</v>
          </cell>
          <cell r="BF79" t="e">
            <v>#N/A</v>
          </cell>
          <cell r="BG79" t="e">
            <v>#DIV/0!</v>
          </cell>
          <cell r="BJ79">
            <v>0</v>
          </cell>
          <cell r="BK79">
            <v>0</v>
          </cell>
          <cell r="BL79" t="str">
            <v/>
          </cell>
          <cell r="BO79" t="str">
            <v/>
          </cell>
          <cell r="BP79" t="e">
            <v>#N/A</v>
          </cell>
          <cell r="BQ79" t="e">
            <v>#N/A</v>
          </cell>
          <cell r="BS79" t="e">
            <v>#N/A</v>
          </cell>
          <cell r="BT79" t="e">
            <v>#N/A</v>
          </cell>
        </row>
        <row r="80">
          <cell r="I80">
            <v>1</v>
          </cell>
          <cell r="J80" t="str">
            <v>式</v>
          </cell>
          <cell r="K80" t="str">
            <v/>
          </cell>
          <cell r="L80">
            <v>0</v>
          </cell>
          <cell r="M80" t="e">
            <v>#N/A</v>
          </cell>
          <cell r="V80" t="e">
            <v>#N/A</v>
          </cell>
          <cell r="W80" t="str">
            <v xml:space="preserve"> </v>
          </cell>
          <cell r="X80" t="e">
            <v>#N/A</v>
          </cell>
          <cell r="Y80" t="e">
            <v>#N/A</v>
          </cell>
          <cell r="AD80" t="e">
            <v>#VALUE!</v>
          </cell>
          <cell r="AH80" t="str">
            <v/>
          </cell>
          <cell r="AP80">
            <v>3</v>
          </cell>
          <cell r="BD80" t="e">
            <v>#N/A</v>
          </cell>
          <cell r="BF80" t="e">
            <v>#N/A</v>
          </cell>
          <cell r="BG80" t="e">
            <v>#DIV/0!</v>
          </cell>
          <cell r="BJ80">
            <v>0</v>
          </cell>
          <cell r="BK80">
            <v>0</v>
          </cell>
          <cell r="BL80" t="str">
            <v/>
          </cell>
          <cell r="BO80" t="str">
            <v/>
          </cell>
          <cell r="BP80" t="e">
            <v>#N/A</v>
          </cell>
          <cell r="BQ80" t="e">
            <v>#N/A</v>
          </cell>
          <cell r="BS80" t="e">
            <v>#N/A</v>
          </cell>
          <cell r="BT80" t="e">
            <v>#N/A</v>
          </cell>
        </row>
        <row r="81">
          <cell r="I81">
            <v>1</v>
          </cell>
          <cell r="J81" t="str">
            <v>式</v>
          </cell>
          <cell r="K81" t="str">
            <v/>
          </cell>
          <cell r="L81">
            <v>0</v>
          </cell>
          <cell r="M81" t="e">
            <v>#N/A</v>
          </cell>
          <cell r="V81" t="e">
            <v>#N/A</v>
          </cell>
          <cell r="W81" t="str">
            <v xml:space="preserve"> </v>
          </cell>
          <cell r="X81" t="e">
            <v>#N/A</v>
          </cell>
          <cell r="Y81" t="e">
            <v>#N/A</v>
          </cell>
          <cell r="AD81" t="e">
            <v>#VALUE!</v>
          </cell>
          <cell r="AH81" t="str">
            <v/>
          </cell>
          <cell r="AP81">
            <v>3</v>
          </cell>
          <cell r="BD81" t="e">
            <v>#N/A</v>
          </cell>
          <cell r="BF81" t="e">
            <v>#N/A</v>
          </cell>
          <cell r="BG81" t="e">
            <v>#DIV/0!</v>
          </cell>
          <cell r="BJ81">
            <v>0</v>
          </cell>
          <cell r="BK81">
            <v>0</v>
          </cell>
          <cell r="BL81" t="str">
            <v/>
          </cell>
          <cell r="BO81" t="str">
            <v/>
          </cell>
          <cell r="BP81" t="e">
            <v>#N/A</v>
          </cell>
          <cell r="BQ81" t="e">
            <v>#N/A</v>
          </cell>
          <cell r="BS81" t="e">
            <v>#N/A</v>
          </cell>
          <cell r="BT81" t="e">
            <v>#N/A</v>
          </cell>
        </row>
        <row r="82">
          <cell r="I82">
            <v>1</v>
          </cell>
          <cell r="J82" t="str">
            <v>式</v>
          </cell>
          <cell r="K82" t="str">
            <v/>
          </cell>
          <cell r="L82">
            <v>0</v>
          </cell>
          <cell r="M82" t="e">
            <v>#N/A</v>
          </cell>
          <cell r="V82" t="e">
            <v>#N/A</v>
          </cell>
          <cell r="W82" t="str">
            <v xml:space="preserve"> </v>
          </cell>
          <cell r="X82" t="e">
            <v>#N/A</v>
          </cell>
          <cell r="Y82" t="e">
            <v>#N/A</v>
          </cell>
          <cell r="AD82" t="e">
            <v>#VALUE!</v>
          </cell>
          <cell r="AH82" t="str">
            <v/>
          </cell>
          <cell r="AP82">
            <v>3</v>
          </cell>
          <cell r="BD82" t="e">
            <v>#N/A</v>
          </cell>
          <cell r="BF82" t="e">
            <v>#N/A</v>
          </cell>
          <cell r="BG82" t="e">
            <v>#DIV/0!</v>
          </cell>
          <cell r="BJ82">
            <v>0</v>
          </cell>
          <cell r="BK82">
            <v>0</v>
          </cell>
          <cell r="BL82" t="str">
            <v/>
          </cell>
          <cell r="BO82" t="str">
            <v/>
          </cell>
          <cell r="BP82" t="e">
            <v>#N/A</v>
          </cell>
          <cell r="BQ82" t="e">
            <v>#N/A</v>
          </cell>
          <cell r="BS82" t="e">
            <v>#N/A</v>
          </cell>
          <cell r="BT82" t="e">
            <v>#N/A</v>
          </cell>
        </row>
        <row r="83">
          <cell r="I83">
            <v>1</v>
          </cell>
          <cell r="J83" t="str">
            <v>式</v>
          </cell>
          <cell r="K83" t="str">
            <v/>
          </cell>
          <cell r="L83">
            <v>0</v>
          </cell>
          <cell r="M83" t="e">
            <v>#N/A</v>
          </cell>
          <cell r="V83" t="e">
            <v>#N/A</v>
          </cell>
          <cell r="W83" t="str">
            <v xml:space="preserve"> </v>
          </cell>
          <cell r="X83" t="e">
            <v>#N/A</v>
          </cell>
          <cell r="Y83" t="e">
            <v>#N/A</v>
          </cell>
          <cell r="AD83" t="e">
            <v>#VALUE!</v>
          </cell>
          <cell r="AH83" t="str">
            <v/>
          </cell>
          <cell r="AP83">
            <v>3</v>
          </cell>
          <cell r="BD83" t="e">
            <v>#N/A</v>
          </cell>
          <cell r="BF83" t="e">
            <v>#N/A</v>
          </cell>
          <cell r="BG83" t="e">
            <v>#DIV/0!</v>
          </cell>
          <cell r="BJ83">
            <v>0</v>
          </cell>
          <cell r="BK83">
            <v>0</v>
          </cell>
          <cell r="BL83" t="str">
            <v/>
          </cell>
          <cell r="BO83" t="str">
            <v/>
          </cell>
          <cell r="BP83" t="e">
            <v>#N/A</v>
          </cell>
          <cell r="BQ83" t="e">
            <v>#N/A</v>
          </cell>
          <cell r="BS83" t="e">
            <v>#N/A</v>
          </cell>
          <cell r="BT83" t="e">
            <v>#N/A</v>
          </cell>
        </row>
        <row r="84">
          <cell r="I84">
            <v>1</v>
          </cell>
          <cell r="J84" t="str">
            <v>式</v>
          </cell>
          <cell r="K84" t="str">
            <v/>
          </cell>
          <cell r="L84">
            <v>0</v>
          </cell>
          <cell r="M84" t="e">
            <v>#N/A</v>
          </cell>
          <cell r="V84" t="e">
            <v>#N/A</v>
          </cell>
          <cell r="W84" t="str">
            <v xml:space="preserve"> </v>
          </cell>
          <cell r="X84" t="e">
            <v>#N/A</v>
          </cell>
          <cell r="Y84" t="e">
            <v>#N/A</v>
          </cell>
          <cell r="AD84" t="e">
            <v>#VALUE!</v>
          </cell>
          <cell r="AH84" t="str">
            <v/>
          </cell>
          <cell r="AP84">
            <v>3</v>
          </cell>
          <cell r="BD84" t="e">
            <v>#N/A</v>
          </cell>
          <cell r="BF84" t="e">
            <v>#N/A</v>
          </cell>
          <cell r="BG84" t="e">
            <v>#DIV/0!</v>
          </cell>
          <cell r="BJ84">
            <v>0</v>
          </cell>
          <cell r="BK84">
            <v>0</v>
          </cell>
          <cell r="BL84" t="str">
            <v/>
          </cell>
          <cell r="BO84" t="str">
            <v/>
          </cell>
          <cell r="BP84" t="e">
            <v>#N/A</v>
          </cell>
          <cell r="BQ84" t="e">
            <v>#N/A</v>
          </cell>
          <cell r="BS84" t="e">
            <v>#N/A</v>
          </cell>
          <cell r="BT84" t="e">
            <v>#N/A</v>
          </cell>
        </row>
        <row r="85">
          <cell r="I85">
            <v>1</v>
          </cell>
          <cell r="J85" t="str">
            <v>式</v>
          </cell>
          <cell r="K85" t="str">
            <v/>
          </cell>
          <cell r="L85">
            <v>0</v>
          </cell>
          <cell r="M85" t="e">
            <v>#N/A</v>
          </cell>
          <cell r="V85" t="e">
            <v>#N/A</v>
          </cell>
          <cell r="W85" t="str">
            <v xml:space="preserve"> </v>
          </cell>
          <cell r="X85" t="e">
            <v>#N/A</v>
          </cell>
          <cell r="Y85" t="e">
            <v>#N/A</v>
          </cell>
          <cell r="AD85" t="e">
            <v>#VALUE!</v>
          </cell>
          <cell r="AH85" t="str">
            <v/>
          </cell>
          <cell r="AP85">
            <v>3</v>
          </cell>
          <cell r="BD85" t="e">
            <v>#N/A</v>
          </cell>
          <cell r="BF85" t="e">
            <v>#N/A</v>
          </cell>
          <cell r="BG85" t="e">
            <v>#DIV/0!</v>
          </cell>
          <cell r="BJ85">
            <v>0</v>
          </cell>
          <cell r="BK85">
            <v>0</v>
          </cell>
          <cell r="BL85" t="str">
            <v/>
          </cell>
          <cell r="BO85" t="str">
            <v/>
          </cell>
          <cell r="BP85" t="e">
            <v>#N/A</v>
          </cell>
          <cell r="BQ85" t="e">
            <v>#N/A</v>
          </cell>
          <cell r="BS85" t="e">
            <v>#N/A</v>
          </cell>
          <cell r="BT85" t="e">
            <v>#N/A</v>
          </cell>
        </row>
        <row r="86">
          <cell r="I86">
            <v>1</v>
          </cell>
          <cell r="J86" t="str">
            <v>式</v>
          </cell>
          <cell r="K86" t="str">
            <v/>
          </cell>
          <cell r="L86">
            <v>0</v>
          </cell>
          <cell r="M86" t="e">
            <v>#N/A</v>
          </cell>
          <cell r="V86" t="e">
            <v>#N/A</v>
          </cell>
          <cell r="W86" t="str">
            <v xml:space="preserve"> </v>
          </cell>
          <cell r="X86" t="e">
            <v>#N/A</v>
          </cell>
          <cell r="Y86" t="e">
            <v>#N/A</v>
          </cell>
          <cell r="AD86" t="e">
            <v>#VALUE!</v>
          </cell>
          <cell r="AH86" t="str">
            <v/>
          </cell>
          <cell r="AP86">
            <v>3</v>
          </cell>
          <cell r="BD86" t="e">
            <v>#N/A</v>
          </cell>
          <cell r="BF86" t="e">
            <v>#N/A</v>
          </cell>
          <cell r="BG86" t="e">
            <v>#DIV/0!</v>
          </cell>
          <cell r="BJ86">
            <v>0</v>
          </cell>
          <cell r="BK86">
            <v>0</v>
          </cell>
          <cell r="BL86" t="str">
            <v/>
          </cell>
          <cell r="BO86" t="str">
            <v/>
          </cell>
          <cell r="BP86" t="e">
            <v>#N/A</v>
          </cell>
          <cell r="BQ86" t="e">
            <v>#N/A</v>
          </cell>
          <cell r="BS86" t="e">
            <v>#N/A</v>
          </cell>
          <cell r="BT86" t="e">
            <v>#N/A</v>
          </cell>
        </row>
        <row r="87">
          <cell r="I87">
            <v>1</v>
          </cell>
          <cell r="J87" t="str">
            <v>式</v>
          </cell>
          <cell r="K87" t="str">
            <v/>
          </cell>
          <cell r="L87">
            <v>0</v>
          </cell>
          <cell r="M87" t="e">
            <v>#N/A</v>
          </cell>
          <cell r="V87" t="e">
            <v>#N/A</v>
          </cell>
          <cell r="W87" t="str">
            <v xml:space="preserve"> </v>
          </cell>
          <cell r="X87" t="e">
            <v>#N/A</v>
          </cell>
          <cell r="Y87" t="e">
            <v>#N/A</v>
          </cell>
          <cell r="AD87" t="e">
            <v>#VALUE!</v>
          </cell>
          <cell r="AH87" t="str">
            <v/>
          </cell>
          <cell r="AP87">
            <v>3</v>
          </cell>
          <cell r="BD87" t="e">
            <v>#N/A</v>
          </cell>
          <cell r="BF87" t="e">
            <v>#N/A</v>
          </cell>
          <cell r="BG87" t="e">
            <v>#DIV/0!</v>
          </cell>
          <cell r="BJ87">
            <v>0</v>
          </cell>
          <cell r="BK87">
            <v>0</v>
          </cell>
          <cell r="BL87" t="str">
            <v/>
          </cell>
          <cell r="BO87" t="str">
            <v/>
          </cell>
          <cell r="BP87" t="e">
            <v>#N/A</v>
          </cell>
          <cell r="BQ87" t="e">
            <v>#N/A</v>
          </cell>
          <cell r="BS87" t="e">
            <v>#N/A</v>
          </cell>
          <cell r="BT87" t="e">
            <v>#N/A</v>
          </cell>
        </row>
        <row r="88">
          <cell r="I88">
            <v>1</v>
          </cell>
          <cell r="J88" t="str">
            <v>式</v>
          </cell>
          <cell r="K88" t="str">
            <v/>
          </cell>
          <cell r="L88">
            <v>0</v>
          </cell>
          <cell r="M88" t="e">
            <v>#N/A</v>
          </cell>
          <cell r="V88" t="e">
            <v>#N/A</v>
          </cell>
          <cell r="W88" t="str">
            <v xml:space="preserve"> </v>
          </cell>
          <cell r="X88" t="e">
            <v>#N/A</v>
          </cell>
          <cell r="Y88" t="e">
            <v>#N/A</v>
          </cell>
          <cell r="AD88" t="e">
            <v>#VALUE!</v>
          </cell>
          <cell r="AH88" t="str">
            <v/>
          </cell>
          <cell r="AP88">
            <v>3</v>
          </cell>
          <cell r="BD88" t="e">
            <v>#N/A</v>
          </cell>
          <cell r="BF88" t="e">
            <v>#N/A</v>
          </cell>
          <cell r="BG88" t="e">
            <v>#DIV/0!</v>
          </cell>
          <cell r="BJ88">
            <v>0</v>
          </cell>
          <cell r="BK88">
            <v>0</v>
          </cell>
          <cell r="BL88" t="str">
            <v/>
          </cell>
          <cell r="BO88" t="str">
            <v/>
          </cell>
          <cell r="BP88" t="e">
            <v>#N/A</v>
          </cell>
          <cell r="BQ88" t="e">
            <v>#N/A</v>
          </cell>
          <cell r="BS88" t="e">
            <v>#N/A</v>
          </cell>
          <cell r="BT88" t="e">
            <v>#N/A</v>
          </cell>
        </row>
        <row r="89">
          <cell r="I89">
            <v>1</v>
          </cell>
          <cell r="J89" t="str">
            <v>式</v>
          </cell>
          <cell r="K89" t="str">
            <v/>
          </cell>
          <cell r="L89">
            <v>0</v>
          </cell>
          <cell r="M89" t="e">
            <v>#N/A</v>
          </cell>
          <cell r="V89" t="e">
            <v>#N/A</v>
          </cell>
          <cell r="W89" t="str">
            <v xml:space="preserve"> </v>
          </cell>
          <cell r="X89" t="e">
            <v>#N/A</v>
          </cell>
          <cell r="Y89" t="e">
            <v>#N/A</v>
          </cell>
          <cell r="AD89" t="e">
            <v>#VALUE!</v>
          </cell>
          <cell r="AH89" t="str">
            <v/>
          </cell>
          <cell r="AP89">
            <v>3</v>
          </cell>
          <cell r="BD89" t="e">
            <v>#N/A</v>
          </cell>
          <cell r="BF89" t="e">
            <v>#N/A</v>
          </cell>
          <cell r="BG89" t="e">
            <v>#DIV/0!</v>
          </cell>
          <cell r="BJ89">
            <v>0</v>
          </cell>
          <cell r="BK89">
            <v>0</v>
          </cell>
          <cell r="BL89" t="str">
            <v/>
          </cell>
          <cell r="BO89" t="str">
            <v/>
          </cell>
          <cell r="BP89" t="e">
            <v>#N/A</v>
          </cell>
          <cell r="BQ89" t="e">
            <v>#N/A</v>
          </cell>
          <cell r="BS89" t="e">
            <v>#N/A</v>
          </cell>
          <cell r="BT89" t="e">
            <v>#N/A</v>
          </cell>
        </row>
        <row r="90">
          <cell r="I90">
            <v>1</v>
          </cell>
          <cell r="J90" t="str">
            <v>式</v>
          </cell>
          <cell r="K90" t="str">
            <v/>
          </cell>
          <cell r="L90">
            <v>0</v>
          </cell>
          <cell r="M90" t="e">
            <v>#N/A</v>
          </cell>
          <cell r="V90" t="e">
            <v>#N/A</v>
          </cell>
          <cell r="W90" t="str">
            <v xml:space="preserve"> </v>
          </cell>
          <cell r="X90" t="e">
            <v>#N/A</v>
          </cell>
          <cell r="Y90" t="e">
            <v>#N/A</v>
          </cell>
          <cell r="AD90" t="e">
            <v>#VALUE!</v>
          </cell>
          <cell r="AH90" t="str">
            <v/>
          </cell>
          <cell r="AP90">
            <v>3</v>
          </cell>
          <cell r="BD90" t="e">
            <v>#N/A</v>
          </cell>
          <cell r="BF90" t="e">
            <v>#N/A</v>
          </cell>
          <cell r="BG90" t="e">
            <v>#DIV/0!</v>
          </cell>
          <cell r="BJ90">
            <v>0</v>
          </cell>
          <cell r="BK90">
            <v>0</v>
          </cell>
          <cell r="BL90" t="str">
            <v/>
          </cell>
          <cell r="BO90" t="str">
            <v/>
          </cell>
          <cell r="BP90" t="e">
            <v>#N/A</v>
          </cell>
          <cell r="BQ90" t="e">
            <v>#N/A</v>
          </cell>
          <cell r="BS90" t="e">
            <v>#N/A</v>
          </cell>
          <cell r="BT90" t="e">
            <v>#N/A</v>
          </cell>
        </row>
        <row r="91">
          <cell r="I91">
            <v>1</v>
          </cell>
          <cell r="J91" t="str">
            <v>式</v>
          </cell>
          <cell r="K91" t="str">
            <v/>
          </cell>
          <cell r="L91">
            <v>0</v>
          </cell>
          <cell r="M91" t="e">
            <v>#N/A</v>
          </cell>
          <cell r="V91" t="e">
            <v>#N/A</v>
          </cell>
          <cell r="W91" t="str">
            <v xml:space="preserve"> </v>
          </cell>
          <cell r="X91" t="e">
            <v>#N/A</v>
          </cell>
          <cell r="Y91" t="e">
            <v>#N/A</v>
          </cell>
          <cell r="AD91" t="e">
            <v>#VALUE!</v>
          </cell>
          <cell r="AH91" t="str">
            <v/>
          </cell>
          <cell r="AP91">
            <v>3</v>
          </cell>
          <cell r="BD91" t="e">
            <v>#N/A</v>
          </cell>
          <cell r="BF91" t="e">
            <v>#N/A</v>
          </cell>
          <cell r="BG91" t="e">
            <v>#DIV/0!</v>
          </cell>
          <cell r="BJ91">
            <v>0</v>
          </cell>
          <cell r="BK91">
            <v>0</v>
          </cell>
          <cell r="BL91" t="str">
            <v/>
          </cell>
          <cell r="BO91" t="str">
            <v/>
          </cell>
          <cell r="BP91" t="e">
            <v>#N/A</v>
          </cell>
          <cell r="BQ91" t="e">
            <v>#N/A</v>
          </cell>
          <cell r="BS91" t="e">
            <v>#N/A</v>
          </cell>
          <cell r="BT91" t="e">
            <v>#N/A</v>
          </cell>
        </row>
        <row r="92">
          <cell r="I92">
            <v>1</v>
          </cell>
          <cell r="J92" t="str">
            <v>式</v>
          </cell>
          <cell r="K92" t="str">
            <v/>
          </cell>
          <cell r="L92">
            <v>0</v>
          </cell>
          <cell r="M92" t="e">
            <v>#N/A</v>
          </cell>
          <cell r="V92" t="e">
            <v>#N/A</v>
          </cell>
          <cell r="W92" t="str">
            <v xml:space="preserve"> </v>
          </cell>
          <cell r="X92" t="e">
            <v>#N/A</v>
          </cell>
          <cell r="Y92" t="e">
            <v>#N/A</v>
          </cell>
          <cell r="AD92" t="e">
            <v>#VALUE!</v>
          </cell>
          <cell r="AH92" t="str">
            <v/>
          </cell>
          <cell r="AP92">
            <v>3</v>
          </cell>
          <cell r="BD92" t="e">
            <v>#N/A</v>
          </cell>
          <cell r="BF92" t="e">
            <v>#N/A</v>
          </cell>
          <cell r="BG92" t="e">
            <v>#DIV/0!</v>
          </cell>
          <cell r="BJ92">
            <v>0</v>
          </cell>
          <cell r="BK92">
            <v>0</v>
          </cell>
          <cell r="BL92" t="str">
            <v/>
          </cell>
          <cell r="BO92" t="str">
            <v/>
          </cell>
          <cell r="BP92" t="e">
            <v>#N/A</v>
          </cell>
          <cell r="BQ92" t="e">
            <v>#N/A</v>
          </cell>
          <cell r="BS92" t="e">
            <v>#N/A</v>
          </cell>
          <cell r="BT92" t="e">
            <v>#N/A</v>
          </cell>
        </row>
        <row r="93">
          <cell r="I93">
            <v>1</v>
          </cell>
          <cell r="J93" t="str">
            <v>式</v>
          </cell>
          <cell r="K93" t="str">
            <v/>
          </cell>
          <cell r="L93">
            <v>0</v>
          </cell>
          <cell r="M93" t="e">
            <v>#N/A</v>
          </cell>
          <cell r="V93" t="e">
            <v>#N/A</v>
          </cell>
          <cell r="W93" t="str">
            <v xml:space="preserve"> </v>
          </cell>
          <cell r="X93" t="e">
            <v>#N/A</v>
          </cell>
          <cell r="Y93" t="e">
            <v>#N/A</v>
          </cell>
          <cell r="AD93" t="e">
            <v>#VALUE!</v>
          </cell>
          <cell r="AH93" t="str">
            <v/>
          </cell>
          <cell r="AP93">
            <v>3</v>
          </cell>
          <cell r="BD93" t="e">
            <v>#N/A</v>
          </cell>
          <cell r="BF93" t="e">
            <v>#N/A</v>
          </cell>
          <cell r="BG93" t="e">
            <v>#DIV/0!</v>
          </cell>
          <cell r="BJ93">
            <v>0</v>
          </cell>
          <cell r="BK93">
            <v>0</v>
          </cell>
          <cell r="BL93" t="str">
            <v/>
          </cell>
          <cell r="BO93" t="str">
            <v/>
          </cell>
          <cell r="BP93" t="e">
            <v>#N/A</v>
          </cell>
          <cell r="BQ93" t="e">
            <v>#N/A</v>
          </cell>
          <cell r="BS93" t="e">
            <v>#N/A</v>
          </cell>
          <cell r="BT93" t="e">
            <v>#N/A</v>
          </cell>
        </row>
        <row r="94">
          <cell r="I94">
            <v>1</v>
          </cell>
          <cell r="J94" t="str">
            <v>式</v>
          </cell>
          <cell r="K94" t="str">
            <v/>
          </cell>
          <cell r="L94">
            <v>0</v>
          </cell>
          <cell r="M94" t="e">
            <v>#N/A</v>
          </cell>
          <cell r="V94" t="e">
            <v>#N/A</v>
          </cell>
          <cell r="W94" t="str">
            <v xml:space="preserve"> </v>
          </cell>
          <cell r="X94" t="e">
            <v>#N/A</v>
          </cell>
          <cell r="Y94" t="e">
            <v>#N/A</v>
          </cell>
          <cell r="AD94" t="e">
            <v>#VALUE!</v>
          </cell>
          <cell r="AH94" t="str">
            <v/>
          </cell>
          <cell r="AP94">
            <v>3</v>
          </cell>
          <cell r="BD94" t="e">
            <v>#N/A</v>
          </cell>
          <cell r="BF94" t="e">
            <v>#N/A</v>
          </cell>
          <cell r="BG94" t="e">
            <v>#DIV/0!</v>
          </cell>
          <cell r="BJ94">
            <v>0</v>
          </cell>
          <cell r="BK94">
            <v>0</v>
          </cell>
          <cell r="BL94" t="str">
            <v/>
          </cell>
          <cell r="BO94" t="str">
            <v/>
          </cell>
          <cell r="BP94" t="e">
            <v>#N/A</v>
          </cell>
          <cell r="BQ94" t="e">
            <v>#N/A</v>
          </cell>
          <cell r="BS94" t="e">
            <v>#N/A</v>
          </cell>
          <cell r="BT94" t="e">
            <v>#N/A</v>
          </cell>
        </row>
        <row r="95">
          <cell r="I95">
            <v>1</v>
          </cell>
          <cell r="J95" t="str">
            <v>式</v>
          </cell>
          <cell r="K95" t="str">
            <v/>
          </cell>
          <cell r="L95">
            <v>0</v>
          </cell>
          <cell r="M95" t="e">
            <v>#N/A</v>
          </cell>
          <cell r="V95" t="e">
            <v>#N/A</v>
          </cell>
          <cell r="W95" t="str">
            <v xml:space="preserve"> </v>
          </cell>
          <cell r="X95" t="e">
            <v>#N/A</v>
          </cell>
          <cell r="Y95" t="e">
            <v>#N/A</v>
          </cell>
          <cell r="AD95" t="e">
            <v>#VALUE!</v>
          </cell>
          <cell r="AH95" t="str">
            <v/>
          </cell>
          <cell r="AP95">
            <v>3</v>
          </cell>
          <cell r="BD95" t="e">
            <v>#N/A</v>
          </cell>
          <cell r="BF95" t="e">
            <v>#N/A</v>
          </cell>
          <cell r="BG95" t="e">
            <v>#DIV/0!</v>
          </cell>
          <cell r="BJ95">
            <v>0</v>
          </cell>
          <cell r="BK95">
            <v>0</v>
          </cell>
          <cell r="BL95" t="str">
            <v/>
          </cell>
          <cell r="BO95" t="str">
            <v/>
          </cell>
          <cell r="BP95" t="e">
            <v>#N/A</v>
          </cell>
          <cell r="BQ95" t="e">
            <v>#N/A</v>
          </cell>
          <cell r="BS95" t="e">
            <v>#N/A</v>
          </cell>
          <cell r="BT95" t="e">
            <v>#N/A</v>
          </cell>
        </row>
        <row r="96">
          <cell r="I96">
            <v>1</v>
          </cell>
          <cell r="J96" t="str">
            <v>式</v>
          </cell>
          <cell r="K96" t="str">
            <v/>
          </cell>
          <cell r="L96">
            <v>0</v>
          </cell>
          <cell r="M96" t="e">
            <v>#N/A</v>
          </cell>
          <cell r="V96" t="e">
            <v>#N/A</v>
          </cell>
          <cell r="W96" t="str">
            <v xml:space="preserve"> </v>
          </cell>
          <cell r="X96" t="e">
            <v>#N/A</v>
          </cell>
          <cell r="Y96" t="e">
            <v>#N/A</v>
          </cell>
          <cell r="AD96" t="e">
            <v>#VALUE!</v>
          </cell>
          <cell r="AH96" t="str">
            <v/>
          </cell>
          <cell r="AP96">
            <v>3</v>
          </cell>
          <cell r="BD96" t="e">
            <v>#N/A</v>
          </cell>
          <cell r="BF96" t="e">
            <v>#N/A</v>
          </cell>
          <cell r="BG96" t="e">
            <v>#DIV/0!</v>
          </cell>
          <cell r="BJ96">
            <v>0</v>
          </cell>
          <cell r="BK96">
            <v>0</v>
          </cell>
          <cell r="BL96" t="str">
            <v/>
          </cell>
          <cell r="BO96" t="str">
            <v/>
          </cell>
          <cell r="BP96" t="e">
            <v>#N/A</v>
          </cell>
          <cell r="BQ96" t="e">
            <v>#N/A</v>
          </cell>
          <cell r="BS96" t="e">
            <v>#N/A</v>
          </cell>
          <cell r="BT96" t="e">
            <v>#N/A</v>
          </cell>
        </row>
        <row r="97">
          <cell r="I97">
            <v>1</v>
          </cell>
          <cell r="J97" t="str">
            <v>式</v>
          </cell>
          <cell r="K97" t="str">
            <v/>
          </cell>
          <cell r="L97">
            <v>0</v>
          </cell>
          <cell r="M97" t="e">
            <v>#N/A</v>
          </cell>
          <cell r="V97" t="e">
            <v>#N/A</v>
          </cell>
          <cell r="W97" t="str">
            <v xml:space="preserve"> </v>
          </cell>
          <cell r="X97" t="e">
            <v>#N/A</v>
          </cell>
          <cell r="Y97" t="e">
            <v>#N/A</v>
          </cell>
          <cell r="AD97" t="e">
            <v>#VALUE!</v>
          </cell>
          <cell r="AH97" t="str">
            <v/>
          </cell>
          <cell r="AP97">
            <v>3</v>
          </cell>
          <cell r="BD97" t="e">
            <v>#N/A</v>
          </cell>
          <cell r="BF97" t="e">
            <v>#N/A</v>
          </cell>
          <cell r="BG97" t="e">
            <v>#DIV/0!</v>
          </cell>
          <cell r="BJ97">
            <v>0</v>
          </cell>
          <cell r="BK97">
            <v>0</v>
          </cell>
          <cell r="BL97" t="str">
            <v/>
          </cell>
          <cell r="BO97" t="str">
            <v/>
          </cell>
          <cell r="BP97" t="e">
            <v>#N/A</v>
          </cell>
          <cell r="BQ97" t="e">
            <v>#N/A</v>
          </cell>
          <cell r="BS97" t="e">
            <v>#N/A</v>
          </cell>
          <cell r="BT97" t="e">
            <v>#N/A</v>
          </cell>
        </row>
        <row r="98">
          <cell r="I98">
            <v>1</v>
          </cell>
          <cell r="J98" t="str">
            <v>式</v>
          </cell>
          <cell r="K98" t="str">
            <v/>
          </cell>
          <cell r="L98">
            <v>0</v>
          </cell>
          <cell r="M98" t="e">
            <v>#N/A</v>
          </cell>
          <cell r="V98" t="e">
            <v>#N/A</v>
          </cell>
          <cell r="W98" t="str">
            <v xml:space="preserve"> </v>
          </cell>
          <cell r="X98" t="e">
            <v>#N/A</v>
          </cell>
          <cell r="Y98" t="e">
            <v>#N/A</v>
          </cell>
          <cell r="AD98" t="e">
            <v>#VALUE!</v>
          </cell>
          <cell r="AH98" t="str">
            <v/>
          </cell>
          <cell r="AP98">
            <v>3</v>
          </cell>
          <cell r="BD98" t="e">
            <v>#N/A</v>
          </cell>
          <cell r="BF98" t="e">
            <v>#N/A</v>
          </cell>
          <cell r="BG98" t="e">
            <v>#DIV/0!</v>
          </cell>
          <cell r="BJ98">
            <v>0</v>
          </cell>
          <cell r="BK98">
            <v>0</v>
          </cell>
          <cell r="BL98" t="str">
            <v/>
          </cell>
          <cell r="BO98" t="str">
            <v/>
          </cell>
          <cell r="BP98" t="e">
            <v>#N/A</v>
          </cell>
          <cell r="BQ98" t="e">
            <v>#N/A</v>
          </cell>
          <cell r="BS98" t="e">
            <v>#N/A</v>
          </cell>
          <cell r="BT98" t="e">
            <v>#N/A</v>
          </cell>
        </row>
        <row r="99">
          <cell r="I99">
            <v>1</v>
          </cell>
          <cell r="J99" t="str">
            <v>式</v>
          </cell>
          <cell r="K99" t="str">
            <v/>
          </cell>
          <cell r="L99">
            <v>0</v>
          </cell>
          <cell r="M99" t="e">
            <v>#N/A</v>
          </cell>
          <cell r="V99" t="e">
            <v>#N/A</v>
          </cell>
          <cell r="W99" t="str">
            <v xml:space="preserve"> </v>
          </cell>
          <cell r="X99" t="e">
            <v>#N/A</v>
          </cell>
          <cell r="Y99" t="e">
            <v>#N/A</v>
          </cell>
          <cell r="AD99" t="e">
            <v>#VALUE!</v>
          </cell>
          <cell r="AH99" t="str">
            <v/>
          </cell>
          <cell r="AP99">
            <v>3</v>
          </cell>
          <cell r="BD99" t="e">
            <v>#N/A</v>
          </cell>
          <cell r="BF99" t="e">
            <v>#N/A</v>
          </cell>
          <cell r="BG99" t="e">
            <v>#DIV/0!</v>
          </cell>
          <cell r="BJ99">
            <v>0</v>
          </cell>
          <cell r="BK99">
            <v>0</v>
          </cell>
          <cell r="BL99" t="str">
            <v/>
          </cell>
          <cell r="BO99" t="str">
            <v/>
          </cell>
          <cell r="BP99" t="e">
            <v>#N/A</v>
          </cell>
          <cell r="BQ99" t="e">
            <v>#N/A</v>
          </cell>
          <cell r="BS99" t="e">
            <v>#N/A</v>
          </cell>
          <cell r="BT99" t="e">
            <v>#N/A</v>
          </cell>
        </row>
        <row r="100">
          <cell r="I100">
            <v>1</v>
          </cell>
          <cell r="J100" t="str">
            <v>式</v>
          </cell>
          <cell r="K100" t="str">
            <v/>
          </cell>
          <cell r="L100">
            <v>0</v>
          </cell>
          <cell r="M100" t="e">
            <v>#N/A</v>
          </cell>
          <cell r="V100" t="e">
            <v>#N/A</v>
          </cell>
          <cell r="W100" t="str">
            <v xml:space="preserve"> </v>
          </cell>
          <cell r="X100" t="e">
            <v>#N/A</v>
          </cell>
          <cell r="Y100" t="e">
            <v>#N/A</v>
          </cell>
          <cell r="AD100" t="e">
            <v>#VALUE!</v>
          </cell>
          <cell r="AH100" t="str">
            <v/>
          </cell>
          <cell r="AP100">
            <v>3</v>
          </cell>
          <cell r="BD100" t="e">
            <v>#N/A</v>
          </cell>
          <cell r="BF100" t="e">
            <v>#N/A</v>
          </cell>
          <cell r="BG100" t="e">
            <v>#DIV/0!</v>
          </cell>
          <cell r="BJ100">
            <v>0</v>
          </cell>
          <cell r="BK100">
            <v>0</v>
          </cell>
          <cell r="BL100" t="str">
            <v/>
          </cell>
          <cell r="BO100" t="str">
            <v/>
          </cell>
          <cell r="BP100" t="e">
            <v>#N/A</v>
          </cell>
          <cell r="BQ100" t="e">
            <v>#N/A</v>
          </cell>
          <cell r="BS100" t="e">
            <v>#N/A</v>
          </cell>
          <cell r="BT100" t="e">
            <v>#N/A</v>
          </cell>
        </row>
        <row r="101">
          <cell r="I101">
            <v>1</v>
          </cell>
          <cell r="J101" t="str">
            <v>式</v>
          </cell>
          <cell r="K101" t="str">
            <v/>
          </cell>
          <cell r="L101">
            <v>0</v>
          </cell>
          <cell r="M101" t="e">
            <v>#N/A</v>
          </cell>
          <cell r="V101" t="e">
            <v>#N/A</v>
          </cell>
          <cell r="W101" t="str">
            <v xml:space="preserve"> </v>
          </cell>
          <cell r="X101" t="e">
            <v>#N/A</v>
          </cell>
          <cell r="Y101" t="e">
            <v>#N/A</v>
          </cell>
          <cell r="AD101" t="e">
            <v>#VALUE!</v>
          </cell>
          <cell r="AH101" t="str">
            <v/>
          </cell>
          <cell r="AP101">
            <v>3</v>
          </cell>
          <cell r="BD101" t="e">
            <v>#N/A</v>
          </cell>
          <cell r="BF101" t="e">
            <v>#N/A</v>
          </cell>
          <cell r="BG101" t="e">
            <v>#DIV/0!</v>
          </cell>
          <cell r="BJ101">
            <v>0</v>
          </cell>
          <cell r="BK101">
            <v>0</v>
          </cell>
          <cell r="BL101" t="str">
            <v/>
          </cell>
          <cell r="BO101" t="str">
            <v/>
          </cell>
          <cell r="BP101" t="e">
            <v>#N/A</v>
          </cell>
          <cell r="BQ101" t="e">
            <v>#N/A</v>
          </cell>
          <cell r="BS101" t="e">
            <v>#N/A</v>
          </cell>
          <cell r="BT101" t="e">
            <v>#N/A</v>
          </cell>
        </row>
        <row r="102">
          <cell r="I102">
            <v>1</v>
          </cell>
          <cell r="J102" t="str">
            <v>式</v>
          </cell>
          <cell r="K102" t="str">
            <v/>
          </cell>
          <cell r="L102">
            <v>0</v>
          </cell>
          <cell r="M102" t="e">
            <v>#N/A</v>
          </cell>
          <cell r="V102" t="e">
            <v>#N/A</v>
          </cell>
          <cell r="W102" t="str">
            <v xml:space="preserve"> </v>
          </cell>
          <cell r="X102" t="e">
            <v>#N/A</v>
          </cell>
          <cell r="Y102" t="e">
            <v>#N/A</v>
          </cell>
          <cell r="AD102" t="e">
            <v>#VALUE!</v>
          </cell>
          <cell r="AH102" t="str">
            <v/>
          </cell>
          <cell r="AP102">
            <v>3</v>
          </cell>
          <cell r="BD102" t="e">
            <v>#N/A</v>
          </cell>
          <cell r="BF102" t="e">
            <v>#N/A</v>
          </cell>
          <cell r="BG102" t="e">
            <v>#DIV/0!</v>
          </cell>
          <cell r="BJ102">
            <v>0</v>
          </cell>
          <cell r="BK102">
            <v>0</v>
          </cell>
          <cell r="BL102" t="str">
            <v/>
          </cell>
          <cell r="BO102" t="str">
            <v/>
          </cell>
          <cell r="BP102" t="e">
            <v>#N/A</v>
          </cell>
          <cell r="BQ102" t="e">
            <v>#N/A</v>
          </cell>
          <cell r="BS102" t="e">
            <v>#N/A</v>
          </cell>
          <cell r="BT102" t="e">
            <v>#N/A</v>
          </cell>
        </row>
        <row r="103">
          <cell r="I103">
            <v>1</v>
          </cell>
          <cell r="J103" t="str">
            <v>式</v>
          </cell>
          <cell r="K103" t="str">
            <v/>
          </cell>
          <cell r="L103">
            <v>0</v>
          </cell>
          <cell r="M103" t="e">
            <v>#N/A</v>
          </cell>
          <cell r="V103" t="e">
            <v>#N/A</v>
          </cell>
          <cell r="W103" t="str">
            <v xml:space="preserve"> </v>
          </cell>
          <cell r="X103" t="e">
            <v>#N/A</v>
          </cell>
          <cell r="Y103" t="e">
            <v>#N/A</v>
          </cell>
          <cell r="AD103" t="e">
            <v>#VALUE!</v>
          </cell>
          <cell r="AH103" t="str">
            <v/>
          </cell>
          <cell r="AP103">
            <v>3</v>
          </cell>
          <cell r="BD103" t="e">
            <v>#N/A</v>
          </cell>
          <cell r="BF103" t="e">
            <v>#N/A</v>
          </cell>
          <cell r="BG103" t="e">
            <v>#DIV/0!</v>
          </cell>
          <cell r="BJ103">
            <v>0</v>
          </cell>
          <cell r="BK103">
            <v>0</v>
          </cell>
          <cell r="BL103" t="str">
            <v/>
          </cell>
          <cell r="BO103" t="str">
            <v/>
          </cell>
          <cell r="BP103" t="e">
            <v>#N/A</v>
          </cell>
          <cell r="BQ103" t="e">
            <v>#N/A</v>
          </cell>
          <cell r="BS103" t="e">
            <v>#N/A</v>
          </cell>
          <cell r="BT103" t="e">
            <v>#N/A</v>
          </cell>
        </row>
        <row r="104">
          <cell r="I104">
            <v>1</v>
          </cell>
          <cell r="J104" t="str">
            <v>式</v>
          </cell>
          <cell r="K104" t="str">
            <v/>
          </cell>
          <cell r="L104">
            <v>0</v>
          </cell>
          <cell r="M104" t="e">
            <v>#N/A</v>
          </cell>
          <cell r="V104" t="e">
            <v>#N/A</v>
          </cell>
          <cell r="W104" t="str">
            <v xml:space="preserve"> </v>
          </cell>
          <cell r="X104" t="e">
            <v>#N/A</v>
          </cell>
          <cell r="Y104" t="e">
            <v>#N/A</v>
          </cell>
          <cell r="AD104" t="e">
            <v>#VALUE!</v>
          </cell>
          <cell r="AH104" t="str">
            <v/>
          </cell>
          <cell r="AP104">
            <v>3</v>
          </cell>
          <cell r="BD104" t="e">
            <v>#N/A</v>
          </cell>
          <cell r="BF104" t="e">
            <v>#N/A</v>
          </cell>
          <cell r="BG104" t="e">
            <v>#DIV/0!</v>
          </cell>
          <cell r="BJ104">
            <v>0</v>
          </cell>
          <cell r="BK104">
            <v>0</v>
          </cell>
          <cell r="BL104" t="str">
            <v/>
          </cell>
          <cell r="BO104" t="str">
            <v/>
          </cell>
          <cell r="BP104" t="e">
            <v>#N/A</v>
          </cell>
          <cell r="BQ104" t="e">
            <v>#N/A</v>
          </cell>
          <cell r="BS104" t="e">
            <v>#N/A</v>
          </cell>
          <cell r="BT104" t="e">
            <v>#N/A</v>
          </cell>
        </row>
        <row r="105">
          <cell r="I105">
            <v>1</v>
          </cell>
          <cell r="J105" t="str">
            <v>式</v>
          </cell>
          <cell r="K105" t="str">
            <v/>
          </cell>
          <cell r="L105">
            <v>0</v>
          </cell>
          <cell r="M105" t="e">
            <v>#N/A</v>
          </cell>
          <cell r="V105" t="e">
            <v>#N/A</v>
          </cell>
          <cell r="W105" t="str">
            <v xml:space="preserve"> </v>
          </cell>
          <cell r="X105" t="e">
            <v>#N/A</v>
          </cell>
          <cell r="Y105" t="e">
            <v>#N/A</v>
          </cell>
          <cell r="AD105" t="e">
            <v>#VALUE!</v>
          </cell>
          <cell r="AH105" t="str">
            <v/>
          </cell>
          <cell r="AP105">
            <v>3</v>
          </cell>
          <cell r="BD105" t="e">
            <v>#N/A</v>
          </cell>
          <cell r="BF105" t="e">
            <v>#N/A</v>
          </cell>
          <cell r="BG105" t="e">
            <v>#DIV/0!</v>
          </cell>
          <cell r="BJ105">
            <v>0</v>
          </cell>
          <cell r="BK105">
            <v>0</v>
          </cell>
          <cell r="BL105" t="str">
            <v/>
          </cell>
          <cell r="BO105" t="str">
            <v/>
          </cell>
          <cell r="BP105" t="e">
            <v>#N/A</v>
          </cell>
          <cell r="BQ105" t="e">
            <v>#N/A</v>
          </cell>
          <cell r="BS105" t="e">
            <v>#N/A</v>
          </cell>
          <cell r="BT105" t="e">
            <v>#N/A</v>
          </cell>
        </row>
        <row r="106">
          <cell r="I106">
            <v>1</v>
          </cell>
          <cell r="J106" t="str">
            <v>式</v>
          </cell>
          <cell r="K106" t="str">
            <v/>
          </cell>
          <cell r="L106">
            <v>0</v>
          </cell>
          <cell r="M106" t="e">
            <v>#N/A</v>
          </cell>
          <cell r="V106" t="e">
            <v>#N/A</v>
          </cell>
          <cell r="W106" t="str">
            <v xml:space="preserve"> </v>
          </cell>
          <cell r="X106" t="e">
            <v>#N/A</v>
          </cell>
          <cell r="Y106" t="e">
            <v>#N/A</v>
          </cell>
          <cell r="AD106" t="e">
            <v>#VALUE!</v>
          </cell>
          <cell r="AH106" t="str">
            <v/>
          </cell>
          <cell r="AP106">
            <v>3</v>
          </cell>
          <cell r="BD106" t="e">
            <v>#N/A</v>
          </cell>
          <cell r="BF106" t="e">
            <v>#N/A</v>
          </cell>
          <cell r="BG106" t="e">
            <v>#DIV/0!</v>
          </cell>
          <cell r="BJ106">
            <v>0</v>
          </cell>
          <cell r="BK106">
            <v>0</v>
          </cell>
          <cell r="BL106" t="str">
            <v/>
          </cell>
          <cell r="BO106" t="str">
            <v/>
          </cell>
          <cell r="BP106" t="e">
            <v>#N/A</v>
          </cell>
          <cell r="BQ106" t="e">
            <v>#N/A</v>
          </cell>
          <cell r="BS106" t="e">
            <v>#N/A</v>
          </cell>
          <cell r="BT106" t="e">
            <v>#N/A</v>
          </cell>
        </row>
        <row r="107">
          <cell r="I107">
            <v>1</v>
          </cell>
          <cell r="J107" t="str">
            <v>式</v>
          </cell>
          <cell r="K107" t="str">
            <v/>
          </cell>
          <cell r="L107">
            <v>0</v>
          </cell>
          <cell r="M107" t="e">
            <v>#N/A</v>
          </cell>
          <cell r="V107" t="e">
            <v>#N/A</v>
          </cell>
          <cell r="W107" t="str">
            <v xml:space="preserve"> </v>
          </cell>
          <cell r="X107" t="e">
            <v>#N/A</v>
          </cell>
          <cell r="Y107" t="e">
            <v>#N/A</v>
          </cell>
          <cell r="AD107" t="e">
            <v>#VALUE!</v>
          </cell>
          <cell r="AH107" t="str">
            <v/>
          </cell>
          <cell r="AP107">
            <v>3</v>
          </cell>
          <cell r="BD107" t="e">
            <v>#N/A</v>
          </cell>
          <cell r="BF107" t="e">
            <v>#N/A</v>
          </cell>
          <cell r="BG107" t="e">
            <v>#DIV/0!</v>
          </cell>
          <cell r="BJ107">
            <v>0</v>
          </cell>
          <cell r="BK107">
            <v>0</v>
          </cell>
          <cell r="BL107" t="str">
            <v/>
          </cell>
          <cell r="BO107" t="str">
            <v/>
          </cell>
          <cell r="BP107" t="e">
            <v>#N/A</v>
          </cell>
          <cell r="BQ107" t="e">
            <v>#N/A</v>
          </cell>
          <cell r="BS107" t="e">
            <v>#N/A</v>
          </cell>
          <cell r="BT107" t="e">
            <v>#N/A</v>
          </cell>
        </row>
        <row r="108">
          <cell r="I108">
            <v>1</v>
          </cell>
          <cell r="J108" t="str">
            <v>式</v>
          </cell>
          <cell r="K108" t="str">
            <v/>
          </cell>
          <cell r="L108">
            <v>0</v>
          </cell>
          <cell r="M108" t="e">
            <v>#N/A</v>
          </cell>
          <cell r="V108" t="e">
            <v>#N/A</v>
          </cell>
          <cell r="W108" t="str">
            <v xml:space="preserve"> </v>
          </cell>
          <cell r="X108" t="e">
            <v>#N/A</v>
          </cell>
          <cell r="Y108" t="e">
            <v>#N/A</v>
          </cell>
          <cell r="AD108" t="e">
            <v>#VALUE!</v>
          </cell>
          <cell r="AH108" t="str">
            <v/>
          </cell>
          <cell r="AP108">
            <v>3</v>
          </cell>
          <cell r="BD108" t="e">
            <v>#N/A</v>
          </cell>
          <cell r="BF108" t="e">
            <v>#N/A</v>
          </cell>
          <cell r="BG108" t="e">
            <v>#DIV/0!</v>
          </cell>
          <cell r="BJ108">
            <v>0</v>
          </cell>
          <cell r="BK108">
            <v>0</v>
          </cell>
          <cell r="BL108" t="str">
            <v/>
          </cell>
          <cell r="BO108" t="str">
            <v/>
          </cell>
          <cell r="BP108" t="e">
            <v>#N/A</v>
          </cell>
          <cell r="BQ108" t="e">
            <v>#N/A</v>
          </cell>
          <cell r="BS108" t="e">
            <v>#N/A</v>
          </cell>
          <cell r="BT108" t="e">
            <v>#N/A</v>
          </cell>
        </row>
        <row r="109">
          <cell r="I109">
            <v>1</v>
          </cell>
          <cell r="J109" t="str">
            <v>式</v>
          </cell>
          <cell r="K109" t="str">
            <v/>
          </cell>
          <cell r="L109">
            <v>0</v>
          </cell>
          <cell r="M109" t="e">
            <v>#N/A</v>
          </cell>
          <cell r="V109" t="e">
            <v>#N/A</v>
          </cell>
          <cell r="W109" t="str">
            <v xml:space="preserve"> </v>
          </cell>
          <cell r="X109" t="e">
            <v>#N/A</v>
          </cell>
          <cell r="Y109" t="e">
            <v>#N/A</v>
          </cell>
          <cell r="AD109" t="e">
            <v>#VALUE!</v>
          </cell>
          <cell r="AH109" t="str">
            <v/>
          </cell>
          <cell r="AP109">
            <v>3</v>
          </cell>
          <cell r="BD109" t="e">
            <v>#N/A</v>
          </cell>
          <cell r="BF109" t="e">
            <v>#N/A</v>
          </cell>
          <cell r="BG109" t="e">
            <v>#DIV/0!</v>
          </cell>
          <cell r="BJ109">
            <v>0</v>
          </cell>
          <cell r="BK109">
            <v>0</v>
          </cell>
          <cell r="BL109" t="str">
            <v/>
          </cell>
          <cell r="BO109" t="str">
            <v/>
          </cell>
          <cell r="BP109" t="e">
            <v>#N/A</v>
          </cell>
          <cell r="BQ109" t="e">
            <v>#N/A</v>
          </cell>
          <cell r="BS109" t="e">
            <v>#N/A</v>
          </cell>
          <cell r="BT109" t="e">
            <v>#N/A</v>
          </cell>
        </row>
        <row r="110">
          <cell r="I110">
            <v>1</v>
          </cell>
          <cell r="J110" t="str">
            <v>式</v>
          </cell>
          <cell r="K110" t="str">
            <v/>
          </cell>
          <cell r="L110">
            <v>0</v>
          </cell>
          <cell r="M110" t="e">
            <v>#N/A</v>
          </cell>
          <cell r="V110" t="e">
            <v>#N/A</v>
          </cell>
          <cell r="W110" t="str">
            <v xml:space="preserve"> </v>
          </cell>
          <cell r="X110" t="e">
            <v>#N/A</v>
          </cell>
          <cell r="Y110" t="e">
            <v>#N/A</v>
          </cell>
          <cell r="AD110" t="e">
            <v>#VALUE!</v>
          </cell>
          <cell r="AH110" t="str">
            <v/>
          </cell>
          <cell r="AP110">
            <v>3</v>
          </cell>
          <cell r="BD110" t="e">
            <v>#N/A</v>
          </cell>
          <cell r="BF110" t="e">
            <v>#N/A</v>
          </cell>
          <cell r="BG110" t="e">
            <v>#DIV/0!</v>
          </cell>
          <cell r="BJ110">
            <v>0</v>
          </cell>
          <cell r="BK110">
            <v>0</v>
          </cell>
          <cell r="BL110" t="str">
            <v/>
          </cell>
          <cell r="BO110" t="str">
            <v/>
          </cell>
          <cell r="BP110" t="e">
            <v>#N/A</v>
          </cell>
          <cell r="BQ110" t="e">
            <v>#N/A</v>
          </cell>
          <cell r="BS110" t="e">
            <v>#N/A</v>
          </cell>
          <cell r="BT110" t="e">
            <v>#N/A</v>
          </cell>
        </row>
        <row r="111">
          <cell r="I111">
            <v>1</v>
          </cell>
          <cell r="J111" t="str">
            <v>式</v>
          </cell>
          <cell r="K111" t="str">
            <v/>
          </cell>
          <cell r="L111">
            <v>0</v>
          </cell>
          <cell r="M111" t="e">
            <v>#N/A</v>
          </cell>
          <cell r="V111" t="e">
            <v>#N/A</v>
          </cell>
          <cell r="W111" t="str">
            <v xml:space="preserve"> </v>
          </cell>
          <cell r="X111" t="e">
            <v>#N/A</v>
          </cell>
          <cell r="Y111" t="e">
            <v>#N/A</v>
          </cell>
          <cell r="AD111" t="e">
            <v>#VALUE!</v>
          </cell>
          <cell r="AH111" t="str">
            <v/>
          </cell>
          <cell r="AP111">
            <v>3</v>
          </cell>
          <cell r="BD111" t="e">
            <v>#N/A</v>
          </cell>
          <cell r="BF111" t="e">
            <v>#N/A</v>
          </cell>
          <cell r="BG111" t="e">
            <v>#DIV/0!</v>
          </cell>
          <cell r="BJ111">
            <v>0</v>
          </cell>
          <cell r="BK111">
            <v>0</v>
          </cell>
          <cell r="BL111" t="str">
            <v/>
          </cell>
          <cell r="BO111" t="str">
            <v/>
          </cell>
          <cell r="BP111" t="e">
            <v>#N/A</v>
          </cell>
          <cell r="BQ111" t="e">
            <v>#N/A</v>
          </cell>
          <cell r="BS111" t="e">
            <v>#N/A</v>
          </cell>
          <cell r="BT111" t="e">
            <v>#N/A</v>
          </cell>
        </row>
        <row r="112">
          <cell r="I112">
            <v>1</v>
          </cell>
          <cell r="J112" t="str">
            <v>式</v>
          </cell>
          <cell r="K112" t="str">
            <v/>
          </cell>
          <cell r="L112">
            <v>0</v>
          </cell>
          <cell r="M112" t="e">
            <v>#N/A</v>
          </cell>
          <cell r="V112" t="e">
            <v>#N/A</v>
          </cell>
          <cell r="W112" t="str">
            <v xml:space="preserve"> </v>
          </cell>
          <cell r="X112" t="e">
            <v>#N/A</v>
          </cell>
          <cell r="Y112" t="e">
            <v>#N/A</v>
          </cell>
          <cell r="AD112" t="e">
            <v>#VALUE!</v>
          </cell>
          <cell r="AH112" t="str">
            <v/>
          </cell>
          <cell r="AP112">
            <v>3</v>
          </cell>
          <cell r="BD112" t="e">
            <v>#N/A</v>
          </cell>
          <cell r="BF112" t="e">
            <v>#N/A</v>
          </cell>
          <cell r="BG112" t="e">
            <v>#DIV/0!</v>
          </cell>
          <cell r="BJ112">
            <v>0</v>
          </cell>
          <cell r="BK112">
            <v>0</v>
          </cell>
          <cell r="BL112" t="str">
            <v/>
          </cell>
          <cell r="BO112" t="str">
            <v/>
          </cell>
          <cell r="BP112" t="e">
            <v>#N/A</v>
          </cell>
          <cell r="BQ112" t="e">
            <v>#N/A</v>
          </cell>
          <cell r="BS112" t="e">
            <v>#N/A</v>
          </cell>
          <cell r="BT112" t="e">
            <v>#N/A</v>
          </cell>
        </row>
        <row r="113">
          <cell r="I113">
            <v>1</v>
          </cell>
          <cell r="J113" t="str">
            <v>式</v>
          </cell>
          <cell r="K113" t="str">
            <v/>
          </cell>
          <cell r="L113">
            <v>0</v>
          </cell>
          <cell r="M113" t="e">
            <v>#N/A</v>
          </cell>
          <cell r="V113" t="e">
            <v>#N/A</v>
          </cell>
          <cell r="W113" t="str">
            <v xml:space="preserve"> </v>
          </cell>
          <cell r="X113" t="e">
            <v>#N/A</v>
          </cell>
          <cell r="Y113" t="e">
            <v>#N/A</v>
          </cell>
          <cell r="AD113" t="e">
            <v>#VALUE!</v>
          </cell>
          <cell r="AH113" t="str">
            <v/>
          </cell>
          <cell r="AP113">
            <v>3</v>
          </cell>
          <cell r="BD113" t="e">
            <v>#N/A</v>
          </cell>
          <cell r="BF113" t="e">
            <v>#N/A</v>
          </cell>
          <cell r="BG113" t="e">
            <v>#DIV/0!</v>
          </cell>
          <cell r="BJ113">
            <v>0</v>
          </cell>
          <cell r="BK113">
            <v>0</v>
          </cell>
          <cell r="BL113" t="str">
            <v/>
          </cell>
          <cell r="BO113" t="str">
            <v/>
          </cell>
          <cell r="BP113" t="e">
            <v>#N/A</v>
          </cell>
          <cell r="BQ113" t="e">
            <v>#N/A</v>
          </cell>
          <cell r="BS113" t="e">
            <v>#N/A</v>
          </cell>
          <cell r="BT113" t="e">
            <v>#N/A</v>
          </cell>
        </row>
        <row r="114">
          <cell r="I114">
            <v>1</v>
          </cell>
          <cell r="J114" t="str">
            <v>式</v>
          </cell>
          <cell r="K114" t="str">
            <v/>
          </cell>
          <cell r="L114">
            <v>0</v>
          </cell>
          <cell r="M114" t="e">
            <v>#N/A</v>
          </cell>
          <cell r="V114" t="e">
            <v>#N/A</v>
          </cell>
          <cell r="W114" t="str">
            <v xml:space="preserve"> </v>
          </cell>
          <cell r="X114" t="e">
            <v>#N/A</v>
          </cell>
          <cell r="Y114" t="e">
            <v>#N/A</v>
          </cell>
          <cell r="AD114" t="e">
            <v>#VALUE!</v>
          </cell>
          <cell r="AH114" t="str">
            <v/>
          </cell>
          <cell r="AP114">
            <v>3</v>
          </cell>
          <cell r="BD114" t="e">
            <v>#N/A</v>
          </cell>
          <cell r="BF114" t="e">
            <v>#N/A</v>
          </cell>
          <cell r="BG114" t="e">
            <v>#DIV/0!</v>
          </cell>
          <cell r="BJ114">
            <v>0</v>
          </cell>
          <cell r="BK114">
            <v>0</v>
          </cell>
          <cell r="BL114" t="str">
            <v/>
          </cell>
          <cell r="BO114" t="str">
            <v/>
          </cell>
          <cell r="BP114" t="e">
            <v>#N/A</v>
          </cell>
          <cell r="BQ114" t="e">
            <v>#N/A</v>
          </cell>
          <cell r="BS114" t="e">
            <v>#N/A</v>
          </cell>
          <cell r="BT114" t="e">
            <v>#N/A</v>
          </cell>
        </row>
        <row r="115">
          <cell r="I115">
            <v>1</v>
          </cell>
          <cell r="J115" t="str">
            <v>式</v>
          </cell>
          <cell r="K115" t="str">
            <v/>
          </cell>
          <cell r="L115">
            <v>0</v>
          </cell>
          <cell r="M115" t="e">
            <v>#N/A</v>
          </cell>
          <cell r="V115" t="e">
            <v>#N/A</v>
          </cell>
          <cell r="W115" t="str">
            <v xml:space="preserve"> </v>
          </cell>
          <cell r="X115" t="e">
            <v>#N/A</v>
          </cell>
          <cell r="Y115" t="e">
            <v>#N/A</v>
          </cell>
          <cell r="AD115" t="e">
            <v>#VALUE!</v>
          </cell>
          <cell r="AH115" t="str">
            <v/>
          </cell>
          <cell r="AP115">
            <v>3</v>
          </cell>
          <cell r="BD115" t="e">
            <v>#N/A</v>
          </cell>
          <cell r="BF115" t="e">
            <v>#N/A</v>
          </cell>
          <cell r="BG115" t="e">
            <v>#DIV/0!</v>
          </cell>
          <cell r="BJ115">
            <v>0</v>
          </cell>
          <cell r="BK115">
            <v>0</v>
          </cell>
          <cell r="BL115" t="str">
            <v/>
          </cell>
          <cell r="BO115" t="str">
            <v/>
          </cell>
          <cell r="BP115" t="e">
            <v>#N/A</v>
          </cell>
          <cell r="BQ115" t="e">
            <v>#N/A</v>
          </cell>
          <cell r="BS115" t="e">
            <v>#N/A</v>
          </cell>
          <cell r="BT115" t="e">
            <v>#N/A</v>
          </cell>
        </row>
        <row r="116">
          <cell r="I116">
            <v>1</v>
          </cell>
          <cell r="J116" t="str">
            <v>式</v>
          </cell>
          <cell r="K116" t="str">
            <v/>
          </cell>
          <cell r="L116">
            <v>0</v>
          </cell>
          <cell r="M116" t="e">
            <v>#N/A</v>
          </cell>
          <cell r="V116" t="e">
            <v>#N/A</v>
          </cell>
          <cell r="W116" t="str">
            <v xml:space="preserve"> </v>
          </cell>
          <cell r="X116" t="e">
            <v>#N/A</v>
          </cell>
          <cell r="Y116" t="e">
            <v>#N/A</v>
          </cell>
          <cell r="AD116" t="e">
            <v>#VALUE!</v>
          </cell>
          <cell r="AH116" t="str">
            <v/>
          </cell>
          <cell r="AP116">
            <v>3</v>
          </cell>
          <cell r="BD116" t="e">
            <v>#N/A</v>
          </cell>
          <cell r="BF116" t="e">
            <v>#N/A</v>
          </cell>
          <cell r="BG116" t="e">
            <v>#DIV/0!</v>
          </cell>
          <cell r="BJ116">
            <v>0</v>
          </cell>
          <cell r="BK116">
            <v>0</v>
          </cell>
          <cell r="BL116" t="str">
            <v/>
          </cell>
          <cell r="BO116" t="str">
            <v/>
          </cell>
          <cell r="BP116" t="e">
            <v>#N/A</v>
          </cell>
          <cell r="BQ116" t="e">
            <v>#N/A</v>
          </cell>
          <cell r="BS116" t="e">
            <v>#N/A</v>
          </cell>
          <cell r="BT116" t="e">
            <v>#N/A</v>
          </cell>
        </row>
        <row r="117">
          <cell r="I117">
            <v>1</v>
          </cell>
          <cell r="J117" t="str">
            <v>式</v>
          </cell>
          <cell r="K117" t="str">
            <v/>
          </cell>
          <cell r="L117">
            <v>0</v>
          </cell>
          <cell r="M117" t="e">
            <v>#N/A</v>
          </cell>
          <cell r="V117" t="e">
            <v>#N/A</v>
          </cell>
          <cell r="W117" t="str">
            <v xml:space="preserve"> </v>
          </cell>
          <cell r="X117" t="e">
            <v>#N/A</v>
          </cell>
          <cell r="Y117" t="e">
            <v>#N/A</v>
          </cell>
          <cell r="AD117" t="e">
            <v>#VALUE!</v>
          </cell>
          <cell r="AH117" t="str">
            <v/>
          </cell>
          <cell r="AP117">
            <v>3</v>
          </cell>
          <cell r="BD117" t="e">
            <v>#N/A</v>
          </cell>
          <cell r="BF117" t="e">
            <v>#N/A</v>
          </cell>
          <cell r="BG117" t="e">
            <v>#DIV/0!</v>
          </cell>
          <cell r="BJ117">
            <v>0</v>
          </cell>
          <cell r="BK117">
            <v>0</v>
          </cell>
          <cell r="BL117" t="str">
            <v/>
          </cell>
          <cell r="BO117" t="str">
            <v/>
          </cell>
          <cell r="BP117" t="e">
            <v>#N/A</v>
          </cell>
          <cell r="BQ117" t="e">
            <v>#N/A</v>
          </cell>
          <cell r="BS117" t="e">
            <v>#N/A</v>
          </cell>
          <cell r="BT117" t="e">
            <v>#N/A</v>
          </cell>
        </row>
        <row r="118">
          <cell r="I118">
            <v>1</v>
          </cell>
          <cell r="J118" t="str">
            <v>式</v>
          </cell>
          <cell r="K118" t="str">
            <v/>
          </cell>
          <cell r="L118">
            <v>0</v>
          </cell>
          <cell r="M118" t="e">
            <v>#N/A</v>
          </cell>
          <cell r="V118" t="e">
            <v>#N/A</v>
          </cell>
          <cell r="W118" t="str">
            <v xml:space="preserve"> </v>
          </cell>
          <cell r="X118" t="e">
            <v>#N/A</v>
          </cell>
          <cell r="Y118" t="e">
            <v>#N/A</v>
          </cell>
          <cell r="AD118" t="e">
            <v>#VALUE!</v>
          </cell>
          <cell r="AH118" t="str">
            <v/>
          </cell>
          <cell r="AP118">
            <v>3</v>
          </cell>
          <cell r="BD118" t="e">
            <v>#N/A</v>
          </cell>
          <cell r="BF118" t="e">
            <v>#N/A</v>
          </cell>
          <cell r="BG118" t="e">
            <v>#DIV/0!</v>
          </cell>
          <cell r="BJ118">
            <v>0</v>
          </cell>
          <cell r="BK118">
            <v>0</v>
          </cell>
          <cell r="BL118" t="str">
            <v/>
          </cell>
          <cell r="BO118" t="str">
            <v/>
          </cell>
          <cell r="BP118" t="e">
            <v>#N/A</v>
          </cell>
          <cell r="BQ118" t="e">
            <v>#N/A</v>
          </cell>
          <cell r="BS118" t="e">
            <v>#N/A</v>
          </cell>
          <cell r="BT118" t="e">
            <v>#N/A</v>
          </cell>
        </row>
        <row r="119">
          <cell r="I119">
            <v>1</v>
          </cell>
          <cell r="J119" t="str">
            <v>式</v>
          </cell>
          <cell r="K119" t="str">
            <v/>
          </cell>
          <cell r="L119">
            <v>0</v>
          </cell>
          <cell r="M119" t="e">
            <v>#N/A</v>
          </cell>
          <cell r="V119" t="e">
            <v>#N/A</v>
          </cell>
          <cell r="W119" t="str">
            <v xml:space="preserve"> </v>
          </cell>
          <cell r="X119" t="e">
            <v>#N/A</v>
          </cell>
          <cell r="Y119" t="e">
            <v>#N/A</v>
          </cell>
          <cell r="AD119" t="e">
            <v>#VALUE!</v>
          </cell>
          <cell r="AH119" t="str">
            <v/>
          </cell>
          <cell r="AP119">
            <v>3</v>
          </cell>
          <cell r="BD119" t="e">
            <v>#N/A</v>
          </cell>
          <cell r="BF119" t="e">
            <v>#N/A</v>
          </cell>
          <cell r="BG119" t="e">
            <v>#DIV/0!</v>
          </cell>
          <cell r="BJ119">
            <v>0</v>
          </cell>
          <cell r="BK119">
            <v>0</v>
          </cell>
          <cell r="BL119" t="str">
            <v/>
          </cell>
          <cell r="BO119" t="str">
            <v/>
          </cell>
          <cell r="BP119" t="e">
            <v>#N/A</v>
          </cell>
          <cell r="BQ119" t="e">
            <v>#N/A</v>
          </cell>
          <cell r="BS119" t="e">
            <v>#N/A</v>
          </cell>
          <cell r="BT119" t="e">
            <v>#N/A</v>
          </cell>
        </row>
        <row r="120">
          <cell r="I120">
            <v>1</v>
          </cell>
          <cell r="J120" t="str">
            <v>式</v>
          </cell>
          <cell r="K120" t="str">
            <v/>
          </cell>
          <cell r="L120">
            <v>0</v>
          </cell>
          <cell r="M120" t="e">
            <v>#N/A</v>
          </cell>
          <cell r="V120" t="e">
            <v>#N/A</v>
          </cell>
          <cell r="W120" t="str">
            <v xml:space="preserve"> </v>
          </cell>
          <cell r="X120" t="e">
            <v>#N/A</v>
          </cell>
          <cell r="Y120" t="e">
            <v>#N/A</v>
          </cell>
          <cell r="AD120" t="e">
            <v>#VALUE!</v>
          </cell>
          <cell r="AH120" t="str">
            <v/>
          </cell>
          <cell r="AP120">
            <v>3</v>
          </cell>
          <cell r="BD120" t="e">
            <v>#N/A</v>
          </cell>
          <cell r="BF120" t="e">
            <v>#N/A</v>
          </cell>
          <cell r="BG120" t="e">
            <v>#DIV/0!</v>
          </cell>
          <cell r="BJ120">
            <v>0</v>
          </cell>
          <cell r="BK120">
            <v>0</v>
          </cell>
          <cell r="BL120" t="str">
            <v/>
          </cell>
          <cell r="BO120" t="str">
            <v/>
          </cell>
          <cell r="BP120" t="e">
            <v>#N/A</v>
          </cell>
          <cell r="BQ120" t="e">
            <v>#N/A</v>
          </cell>
          <cell r="BS120" t="e">
            <v>#N/A</v>
          </cell>
          <cell r="BT120" t="e">
            <v>#N/A</v>
          </cell>
        </row>
        <row r="121">
          <cell r="I121">
            <v>1</v>
          </cell>
          <cell r="J121" t="str">
            <v>式</v>
          </cell>
          <cell r="K121" t="str">
            <v/>
          </cell>
          <cell r="L121">
            <v>0</v>
          </cell>
          <cell r="M121" t="e">
            <v>#N/A</v>
          </cell>
          <cell r="V121" t="e">
            <v>#N/A</v>
          </cell>
          <cell r="W121" t="str">
            <v xml:space="preserve"> </v>
          </cell>
          <cell r="X121" t="e">
            <v>#N/A</v>
          </cell>
          <cell r="Y121" t="e">
            <v>#N/A</v>
          </cell>
          <cell r="AD121" t="e">
            <v>#VALUE!</v>
          </cell>
          <cell r="AH121" t="str">
            <v/>
          </cell>
          <cell r="AP121">
            <v>3</v>
          </cell>
          <cell r="BD121" t="e">
            <v>#N/A</v>
          </cell>
          <cell r="BF121" t="e">
            <v>#N/A</v>
          </cell>
          <cell r="BG121" t="e">
            <v>#DIV/0!</v>
          </cell>
          <cell r="BJ121">
            <v>0</v>
          </cell>
          <cell r="BK121">
            <v>0</v>
          </cell>
          <cell r="BL121" t="str">
            <v/>
          </cell>
          <cell r="BO121" t="str">
            <v/>
          </cell>
          <cell r="BP121" t="e">
            <v>#N/A</v>
          </cell>
          <cell r="BQ121" t="e">
            <v>#N/A</v>
          </cell>
          <cell r="BS121" t="e">
            <v>#N/A</v>
          </cell>
          <cell r="BT121" t="e">
            <v>#N/A</v>
          </cell>
        </row>
        <row r="122">
          <cell r="I122">
            <v>1</v>
          </cell>
          <cell r="J122" t="str">
            <v>式</v>
          </cell>
          <cell r="K122" t="str">
            <v/>
          </cell>
          <cell r="L122">
            <v>0</v>
          </cell>
          <cell r="M122" t="e">
            <v>#N/A</v>
          </cell>
          <cell r="V122" t="e">
            <v>#N/A</v>
          </cell>
          <cell r="W122" t="str">
            <v xml:space="preserve"> </v>
          </cell>
          <cell r="X122" t="e">
            <v>#N/A</v>
          </cell>
          <cell r="Y122" t="e">
            <v>#N/A</v>
          </cell>
          <cell r="AD122" t="e">
            <v>#VALUE!</v>
          </cell>
          <cell r="AH122" t="str">
            <v/>
          </cell>
          <cell r="AP122">
            <v>3</v>
          </cell>
          <cell r="BD122" t="e">
            <v>#N/A</v>
          </cell>
          <cell r="BF122" t="e">
            <v>#N/A</v>
          </cell>
          <cell r="BG122" t="e">
            <v>#DIV/0!</v>
          </cell>
          <cell r="BJ122">
            <v>0</v>
          </cell>
          <cell r="BK122">
            <v>0</v>
          </cell>
          <cell r="BL122" t="str">
            <v/>
          </cell>
          <cell r="BO122" t="str">
            <v/>
          </cell>
          <cell r="BP122" t="e">
            <v>#N/A</v>
          </cell>
          <cell r="BQ122" t="e">
            <v>#N/A</v>
          </cell>
          <cell r="BS122" t="e">
            <v>#N/A</v>
          </cell>
          <cell r="BT122" t="e">
            <v>#N/A</v>
          </cell>
        </row>
        <row r="123">
          <cell r="I123">
            <v>1</v>
          </cell>
          <cell r="J123" t="str">
            <v>式</v>
          </cell>
          <cell r="K123" t="str">
            <v/>
          </cell>
          <cell r="L123">
            <v>0</v>
          </cell>
          <cell r="M123" t="e">
            <v>#N/A</v>
          </cell>
          <cell r="V123" t="e">
            <v>#N/A</v>
          </cell>
          <cell r="W123" t="str">
            <v xml:space="preserve"> </v>
          </cell>
          <cell r="X123" t="e">
            <v>#N/A</v>
          </cell>
          <cell r="Y123" t="e">
            <v>#N/A</v>
          </cell>
          <cell r="AD123" t="e">
            <v>#VALUE!</v>
          </cell>
          <cell r="AH123" t="str">
            <v/>
          </cell>
          <cell r="AP123">
            <v>3</v>
          </cell>
          <cell r="BD123" t="e">
            <v>#N/A</v>
          </cell>
          <cell r="BF123" t="e">
            <v>#N/A</v>
          </cell>
          <cell r="BG123" t="e">
            <v>#DIV/0!</v>
          </cell>
          <cell r="BJ123">
            <v>0</v>
          </cell>
          <cell r="BK123">
            <v>0</v>
          </cell>
          <cell r="BL123" t="str">
            <v/>
          </cell>
          <cell r="BO123" t="str">
            <v/>
          </cell>
          <cell r="BP123" t="e">
            <v>#N/A</v>
          </cell>
          <cell r="BQ123" t="e">
            <v>#N/A</v>
          </cell>
          <cell r="BS123" t="e">
            <v>#N/A</v>
          </cell>
          <cell r="BT123" t="e">
            <v>#N/A</v>
          </cell>
        </row>
        <row r="124">
          <cell r="I124">
            <v>1</v>
          </cell>
          <cell r="J124" t="str">
            <v>式</v>
          </cell>
          <cell r="K124" t="str">
            <v/>
          </cell>
          <cell r="L124">
            <v>0</v>
          </cell>
          <cell r="M124" t="e">
            <v>#N/A</v>
          </cell>
          <cell r="V124" t="e">
            <v>#N/A</v>
          </cell>
          <cell r="W124" t="str">
            <v xml:space="preserve"> </v>
          </cell>
          <cell r="X124" t="e">
            <v>#N/A</v>
          </cell>
          <cell r="Y124" t="e">
            <v>#N/A</v>
          </cell>
          <cell r="AD124" t="e">
            <v>#VALUE!</v>
          </cell>
          <cell r="AH124" t="str">
            <v/>
          </cell>
          <cell r="AP124">
            <v>3</v>
          </cell>
          <cell r="BD124" t="e">
            <v>#N/A</v>
          </cell>
          <cell r="BF124" t="e">
            <v>#N/A</v>
          </cell>
          <cell r="BG124" t="e">
            <v>#DIV/0!</v>
          </cell>
          <cell r="BJ124">
            <v>0</v>
          </cell>
          <cell r="BK124">
            <v>0</v>
          </cell>
          <cell r="BL124" t="str">
            <v/>
          </cell>
          <cell r="BO124" t="str">
            <v/>
          </cell>
          <cell r="BP124" t="e">
            <v>#N/A</v>
          </cell>
          <cell r="BQ124" t="e">
            <v>#N/A</v>
          </cell>
          <cell r="BS124" t="e">
            <v>#N/A</v>
          </cell>
          <cell r="BT124" t="e">
            <v>#N/A</v>
          </cell>
        </row>
        <row r="125">
          <cell r="I125">
            <v>1</v>
          </cell>
          <cell r="J125" t="str">
            <v>式</v>
          </cell>
          <cell r="K125" t="str">
            <v/>
          </cell>
          <cell r="L125">
            <v>0</v>
          </cell>
          <cell r="M125" t="e">
            <v>#N/A</v>
          </cell>
          <cell r="V125" t="e">
            <v>#N/A</v>
          </cell>
          <cell r="W125" t="str">
            <v xml:space="preserve"> </v>
          </cell>
          <cell r="X125" t="e">
            <v>#N/A</v>
          </cell>
          <cell r="Y125" t="e">
            <v>#N/A</v>
          </cell>
          <cell r="AD125" t="e">
            <v>#VALUE!</v>
          </cell>
          <cell r="AH125" t="str">
            <v/>
          </cell>
          <cell r="AP125">
            <v>3</v>
          </cell>
          <cell r="BD125" t="e">
            <v>#N/A</v>
          </cell>
          <cell r="BF125" t="e">
            <v>#N/A</v>
          </cell>
          <cell r="BG125" t="e">
            <v>#DIV/0!</v>
          </cell>
          <cell r="BJ125">
            <v>0</v>
          </cell>
          <cell r="BK125">
            <v>0</v>
          </cell>
          <cell r="BL125" t="str">
            <v/>
          </cell>
          <cell r="BO125" t="str">
            <v/>
          </cell>
          <cell r="BP125" t="e">
            <v>#N/A</v>
          </cell>
          <cell r="BQ125" t="e">
            <v>#N/A</v>
          </cell>
          <cell r="BS125" t="e">
            <v>#N/A</v>
          </cell>
          <cell r="BT125" t="e">
            <v>#N/A</v>
          </cell>
        </row>
        <row r="126">
          <cell r="I126">
            <v>1</v>
          </cell>
          <cell r="J126" t="str">
            <v>式</v>
          </cell>
          <cell r="K126" t="str">
            <v/>
          </cell>
          <cell r="L126">
            <v>0</v>
          </cell>
          <cell r="M126" t="e">
            <v>#N/A</v>
          </cell>
          <cell r="V126" t="e">
            <v>#N/A</v>
          </cell>
          <cell r="W126" t="str">
            <v xml:space="preserve"> </v>
          </cell>
          <cell r="X126" t="e">
            <v>#N/A</v>
          </cell>
          <cell r="Y126" t="e">
            <v>#N/A</v>
          </cell>
          <cell r="AD126" t="e">
            <v>#VALUE!</v>
          </cell>
          <cell r="AH126" t="str">
            <v/>
          </cell>
          <cell r="AP126">
            <v>3</v>
          </cell>
          <cell r="BD126" t="e">
            <v>#N/A</v>
          </cell>
          <cell r="BF126" t="e">
            <v>#N/A</v>
          </cell>
          <cell r="BG126" t="e">
            <v>#DIV/0!</v>
          </cell>
          <cell r="BJ126">
            <v>0</v>
          </cell>
          <cell r="BK126">
            <v>0</v>
          </cell>
          <cell r="BL126" t="str">
            <v/>
          </cell>
          <cell r="BO126" t="str">
            <v/>
          </cell>
          <cell r="BP126" t="e">
            <v>#N/A</v>
          </cell>
          <cell r="BQ126" t="e">
            <v>#N/A</v>
          </cell>
          <cell r="BS126" t="e">
            <v>#N/A</v>
          </cell>
          <cell r="BT126" t="e">
            <v>#N/A</v>
          </cell>
        </row>
        <row r="127">
          <cell r="I127">
            <v>1</v>
          </cell>
          <cell r="J127" t="str">
            <v>式</v>
          </cell>
          <cell r="K127" t="str">
            <v/>
          </cell>
          <cell r="L127">
            <v>0</v>
          </cell>
          <cell r="M127" t="e">
            <v>#N/A</v>
          </cell>
          <cell r="V127" t="e">
            <v>#N/A</v>
          </cell>
          <cell r="W127" t="str">
            <v xml:space="preserve"> </v>
          </cell>
          <cell r="X127" t="e">
            <v>#N/A</v>
          </cell>
          <cell r="Y127" t="e">
            <v>#N/A</v>
          </cell>
          <cell r="AD127" t="e">
            <v>#VALUE!</v>
          </cell>
          <cell r="AH127" t="str">
            <v/>
          </cell>
          <cell r="AP127">
            <v>3</v>
          </cell>
          <cell r="BD127" t="e">
            <v>#N/A</v>
          </cell>
          <cell r="BF127" t="e">
            <v>#N/A</v>
          </cell>
          <cell r="BG127" t="e">
            <v>#DIV/0!</v>
          </cell>
          <cell r="BJ127">
            <v>0</v>
          </cell>
          <cell r="BK127">
            <v>0</v>
          </cell>
          <cell r="BL127" t="str">
            <v/>
          </cell>
          <cell r="BO127" t="str">
            <v/>
          </cell>
          <cell r="BP127" t="e">
            <v>#N/A</v>
          </cell>
          <cell r="BQ127" t="e">
            <v>#N/A</v>
          </cell>
          <cell r="BS127" t="e">
            <v>#N/A</v>
          </cell>
          <cell r="BT127" t="e">
            <v>#N/A</v>
          </cell>
        </row>
        <row r="128">
          <cell r="I128">
            <v>1</v>
          </cell>
          <cell r="J128" t="str">
            <v>式</v>
          </cell>
          <cell r="K128" t="str">
            <v/>
          </cell>
          <cell r="L128">
            <v>0</v>
          </cell>
          <cell r="M128" t="e">
            <v>#N/A</v>
          </cell>
          <cell r="V128" t="e">
            <v>#N/A</v>
          </cell>
          <cell r="W128" t="str">
            <v xml:space="preserve"> </v>
          </cell>
          <cell r="X128" t="e">
            <v>#N/A</v>
          </cell>
          <cell r="Y128" t="e">
            <v>#N/A</v>
          </cell>
          <cell r="AD128" t="e">
            <v>#VALUE!</v>
          </cell>
          <cell r="AH128" t="str">
            <v/>
          </cell>
          <cell r="AP128">
            <v>3</v>
          </cell>
          <cell r="BD128" t="e">
            <v>#N/A</v>
          </cell>
          <cell r="BF128" t="e">
            <v>#N/A</v>
          </cell>
          <cell r="BG128" t="e">
            <v>#DIV/0!</v>
          </cell>
          <cell r="BJ128">
            <v>0</v>
          </cell>
          <cell r="BK128">
            <v>0</v>
          </cell>
          <cell r="BL128" t="str">
            <v/>
          </cell>
          <cell r="BO128" t="str">
            <v/>
          </cell>
          <cell r="BP128" t="e">
            <v>#N/A</v>
          </cell>
          <cell r="BQ128" t="e">
            <v>#N/A</v>
          </cell>
          <cell r="BS128" t="e">
            <v>#N/A</v>
          </cell>
          <cell r="BT128" t="e">
            <v>#N/A</v>
          </cell>
        </row>
        <row r="129">
          <cell r="I129">
            <v>1</v>
          </cell>
          <cell r="J129" t="str">
            <v>式</v>
          </cell>
          <cell r="K129" t="str">
            <v/>
          </cell>
          <cell r="L129">
            <v>0</v>
          </cell>
          <cell r="M129" t="e">
            <v>#N/A</v>
          </cell>
          <cell r="V129" t="e">
            <v>#N/A</v>
          </cell>
          <cell r="W129" t="str">
            <v xml:space="preserve"> </v>
          </cell>
          <cell r="X129" t="e">
            <v>#N/A</v>
          </cell>
          <cell r="Y129" t="e">
            <v>#N/A</v>
          </cell>
          <cell r="AD129" t="e">
            <v>#VALUE!</v>
          </cell>
          <cell r="AH129" t="str">
            <v/>
          </cell>
          <cell r="AP129">
            <v>3</v>
          </cell>
          <cell r="BD129" t="e">
            <v>#N/A</v>
          </cell>
          <cell r="BF129" t="e">
            <v>#N/A</v>
          </cell>
          <cell r="BG129" t="e">
            <v>#DIV/0!</v>
          </cell>
          <cell r="BJ129">
            <v>0</v>
          </cell>
          <cell r="BK129">
            <v>0</v>
          </cell>
          <cell r="BL129" t="str">
            <v/>
          </cell>
          <cell r="BO129" t="str">
            <v/>
          </cell>
          <cell r="BP129" t="e">
            <v>#N/A</v>
          </cell>
          <cell r="BQ129" t="e">
            <v>#N/A</v>
          </cell>
          <cell r="BS129" t="e">
            <v>#N/A</v>
          </cell>
          <cell r="BT129" t="e">
            <v>#N/A</v>
          </cell>
        </row>
        <row r="130">
          <cell r="I130">
            <v>1</v>
          </cell>
          <cell r="J130" t="str">
            <v>式</v>
          </cell>
          <cell r="K130" t="str">
            <v/>
          </cell>
          <cell r="L130">
            <v>0</v>
          </cell>
          <cell r="M130" t="e">
            <v>#N/A</v>
          </cell>
          <cell r="V130" t="e">
            <v>#N/A</v>
          </cell>
          <cell r="W130" t="str">
            <v xml:space="preserve"> </v>
          </cell>
          <cell r="X130" t="e">
            <v>#N/A</v>
          </cell>
          <cell r="Y130" t="e">
            <v>#N/A</v>
          </cell>
          <cell r="AD130" t="e">
            <v>#VALUE!</v>
          </cell>
          <cell r="AH130" t="str">
            <v/>
          </cell>
          <cell r="AP130">
            <v>3</v>
          </cell>
          <cell r="BD130" t="e">
            <v>#N/A</v>
          </cell>
          <cell r="BF130" t="e">
            <v>#N/A</v>
          </cell>
          <cell r="BG130" t="e">
            <v>#DIV/0!</v>
          </cell>
          <cell r="BJ130">
            <v>0</v>
          </cell>
          <cell r="BK130">
            <v>0</v>
          </cell>
          <cell r="BL130" t="str">
            <v/>
          </cell>
          <cell r="BO130" t="str">
            <v/>
          </cell>
          <cell r="BP130" t="e">
            <v>#N/A</v>
          </cell>
          <cell r="BQ130" t="e">
            <v>#N/A</v>
          </cell>
          <cell r="BS130" t="e">
            <v>#N/A</v>
          </cell>
          <cell r="BT130" t="e">
            <v>#N/A</v>
          </cell>
        </row>
        <row r="131">
          <cell r="I131">
            <v>1</v>
          </cell>
          <cell r="J131" t="str">
            <v>式</v>
          </cell>
          <cell r="K131" t="str">
            <v/>
          </cell>
          <cell r="L131">
            <v>0</v>
          </cell>
          <cell r="M131" t="e">
            <v>#N/A</v>
          </cell>
          <cell r="V131" t="e">
            <v>#N/A</v>
          </cell>
          <cell r="W131" t="str">
            <v xml:space="preserve"> </v>
          </cell>
          <cell r="X131" t="e">
            <v>#N/A</v>
          </cell>
          <cell r="Y131" t="e">
            <v>#N/A</v>
          </cell>
          <cell r="AD131" t="e">
            <v>#VALUE!</v>
          </cell>
          <cell r="AH131" t="str">
            <v/>
          </cell>
          <cell r="AP131">
            <v>3</v>
          </cell>
          <cell r="BD131" t="e">
            <v>#N/A</v>
          </cell>
          <cell r="BF131" t="e">
            <v>#N/A</v>
          </cell>
          <cell r="BG131" t="e">
            <v>#DIV/0!</v>
          </cell>
          <cell r="BJ131">
            <v>0</v>
          </cell>
          <cell r="BK131">
            <v>0</v>
          </cell>
          <cell r="BL131" t="str">
            <v/>
          </cell>
          <cell r="BO131" t="str">
            <v/>
          </cell>
          <cell r="BP131" t="e">
            <v>#N/A</v>
          </cell>
          <cell r="BQ131" t="e">
            <v>#N/A</v>
          </cell>
          <cell r="BS131" t="e">
            <v>#N/A</v>
          </cell>
          <cell r="BT131" t="e">
            <v>#N/A</v>
          </cell>
        </row>
        <row r="132">
          <cell r="I132">
            <v>1</v>
          </cell>
          <cell r="J132" t="str">
            <v>式</v>
          </cell>
          <cell r="K132" t="str">
            <v/>
          </cell>
          <cell r="L132">
            <v>0</v>
          </cell>
          <cell r="M132" t="e">
            <v>#N/A</v>
          </cell>
          <cell r="V132" t="e">
            <v>#N/A</v>
          </cell>
          <cell r="W132" t="str">
            <v xml:space="preserve"> </v>
          </cell>
          <cell r="X132" t="e">
            <v>#N/A</v>
          </cell>
          <cell r="Y132" t="e">
            <v>#N/A</v>
          </cell>
          <cell r="AD132" t="e">
            <v>#VALUE!</v>
          </cell>
          <cell r="AH132" t="str">
            <v/>
          </cell>
          <cell r="AP132">
            <v>3</v>
          </cell>
          <cell r="BD132" t="e">
            <v>#N/A</v>
          </cell>
          <cell r="BF132" t="e">
            <v>#N/A</v>
          </cell>
          <cell r="BG132" t="e">
            <v>#DIV/0!</v>
          </cell>
          <cell r="BJ132">
            <v>0</v>
          </cell>
          <cell r="BK132">
            <v>0</v>
          </cell>
          <cell r="BL132" t="str">
            <v/>
          </cell>
          <cell r="BO132" t="str">
            <v/>
          </cell>
          <cell r="BP132" t="e">
            <v>#N/A</v>
          </cell>
          <cell r="BQ132" t="e">
            <v>#N/A</v>
          </cell>
          <cell r="BS132" t="e">
            <v>#N/A</v>
          </cell>
          <cell r="BT132" t="e">
            <v>#N/A</v>
          </cell>
        </row>
        <row r="133">
          <cell r="I133">
            <v>1</v>
          </cell>
          <cell r="J133" t="str">
            <v>式</v>
          </cell>
          <cell r="K133" t="str">
            <v/>
          </cell>
          <cell r="L133">
            <v>0</v>
          </cell>
          <cell r="M133" t="e">
            <v>#N/A</v>
          </cell>
          <cell r="V133" t="e">
            <v>#N/A</v>
          </cell>
          <cell r="W133" t="str">
            <v xml:space="preserve"> </v>
          </cell>
          <cell r="X133" t="e">
            <v>#N/A</v>
          </cell>
          <cell r="Y133" t="e">
            <v>#N/A</v>
          </cell>
          <cell r="AD133" t="e">
            <v>#VALUE!</v>
          </cell>
          <cell r="AH133" t="str">
            <v/>
          </cell>
          <cell r="AP133">
            <v>3</v>
          </cell>
          <cell r="BD133" t="e">
            <v>#N/A</v>
          </cell>
          <cell r="BF133" t="e">
            <v>#N/A</v>
          </cell>
          <cell r="BG133" t="e">
            <v>#DIV/0!</v>
          </cell>
          <cell r="BJ133">
            <v>0</v>
          </cell>
          <cell r="BK133">
            <v>0</v>
          </cell>
          <cell r="BL133" t="str">
            <v/>
          </cell>
          <cell r="BO133" t="str">
            <v/>
          </cell>
          <cell r="BP133" t="e">
            <v>#N/A</v>
          </cell>
          <cell r="BQ133" t="e">
            <v>#N/A</v>
          </cell>
          <cell r="BS133" t="e">
            <v>#N/A</v>
          </cell>
          <cell r="BT133" t="e">
            <v>#N/A</v>
          </cell>
        </row>
        <row r="134">
          <cell r="I134">
            <v>1</v>
          </cell>
          <cell r="J134" t="str">
            <v>式</v>
          </cell>
          <cell r="K134" t="str">
            <v/>
          </cell>
          <cell r="L134">
            <v>0</v>
          </cell>
          <cell r="M134" t="e">
            <v>#N/A</v>
          </cell>
          <cell r="V134" t="e">
            <v>#N/A</v>
          </cell>
          <cell r="W134" t="str">
            <v xml:space="preserve"> </v>
          </cell>
          <cell r="X134" t="e">
            <v>#N/A</v>
          </cell>
          <cell r="Y134" t="e">
            <v>#N/A</v>
          </cell>
          <cell r="AD134" t="e">
            <v>#VALUE!</v>
          </cell>
          <cell r="AH134" t="str">
            <v/>
          </cell>
          <cell r="AP134">
            <v>3</v>
          </cell>
          <cell r="BD134" t="e">
            <v>#N/A</v>
          </cell>
          <cell r="BF134" t="e">
            <v>#N/A</v>
          </cell>
          <cell r="BG134" t="e">
            <v>#DIV/0!</v>
          </cell>
          <cell r="BJ134">
            <v>0</v>
          </cell>
          <cell r="BK134">
            <v>0</v>
          </cell>
          <cell r="BL134" t="str">
            <v/>
          </cell>
          <cell r="BO134" t="str">
            <v/>
          </cell>
          <cell r="BP134" t="e">
            <v>#N/A</v>
          </cell>
          <cell r="BQ134" t="e">
            <v>#N/A</v>
          </cell>
          <cell r="BS134" t="e">
            <v>#N/A</v>
          </cell>
          <cell r="BT134" t="e">
            <v>#N/A</v>
          </cell>
        </row>
        <row r="135">
          <cell r="I135">
            <v>1</v>
          </cell>
          <cell r="J135" t="str">
            <v>式</v>
          </cell>
          <cell r="K135" t="str">
            <v/>
          </cell>
          <cell r="L135">
            <v>0</v>
          </cell>
          <cell r="M135" t="e">
            <v>#N/A</v>
          </cell>
          <cell r="V135" t="e">
            <v>#N/A</v>
          </cell>
          <cell r="W135" t="str">
            <v xml:space="preserve"> </v>
          </cell>
          <cell r="X135" t="e">
            <v>#N/A</v>
          </cell>
          <cell r="Y135" t="e">
            <v>#N/A</v>
          </cell>
          <cell r="AD135" t="e">
            <v>#VALUE!</v>
          </cell>
          <cell r="AH135" t="str">
            <v/>
          </cell>
          <cell r="AP135">
            <v>3</v>
          </cell>
          <cell r="BD135" t="e">
            <v>#N/A</v>
          </cell>
          <cell r="BF135" t="e">
            <v>#N/A</v>
          </cell>
          <cell r="BG135" t="e">
            <v>#DIV/0!</v>
          </cell>
          <cell r="BJ135">
            <v>0</v>
          </cell>
          <cell r="BK135">
            <v>0</v>
          </cell>
          <cell r="BL135" t="str">
            <v/>
          </cell>
          <cell r="BO135" t="str">
            <v/>
          </cell>
          <cell r="BP135" t="e">
            <v>#N/A</v>
          </cell>
          <cell r="BQ135" t="e">
            <v>#N/A</v>
          </cell>
          <cell r="BS135" t="e">
            <v>#N/A</v>
          </cell>
          <cell r="BT135" t="e">
            <v>#N/A</v>
          </cell>
        </row>
        <row r="136">
          <cell r="I136">
            <v>1</v>
          </cell>
          <cell r="J136" t="str">
            <v>式</v>
          </cell>
          <cell r="K136" t="str">
            <v/>
          </cell>
          <cell r="L136">
            <v>0</v>
          </cell>
          <cell r="M136" t="e">
            <v>#N/A</v>
          </cell>
          <cell r="V136" t="e">
            <v>#N/A</v>
          </cell>
          <cell r="W136" t="str">
            <v xml:space="preserve"> </v>
          </cell>
          <cell r="X136" t="e">
            <v>#N/A</v>
          </cell>
          <cell r="Y136" t="e">
            <v>#N/A</v>
          </cell>
          <cell r="AD136" t="e">
            <v>#VALUE!</v>
          </cell>
          <cell r="AH136" t="str">
            <v/>
          </cell>
          <cell r="AP136">
            <v>3</v>
          </cell>
          <cell r="BD136" t="e">
            <v>#N/A</v>
          </cell>
          <cell r="BF136" t="e">
            <v>#N/A</v>
          </cell>
          <cell r="BG136" t="e">
            <v>#DIV/0!</v>
          </cell>
          <cell r="BJ136">
            <v>0</v>
          </cell>
          <cell r="BK136">
            <v>0</v>
          </cell>
          <cell r="BL136" t="str">
            <v/>
          </cell>
          <cell r="BO136" t="str">
            <v/>
          </cell>
          <cell r="BP136" t="e">
            <v>#N/A</v>
          </cell>
          <cell r="BQ136" t="e">
            <v>#N/A</v>
          </cell>
          <cell r="BS136" t="e">
            <v>#N/A</v>
          </cell>
          <cell r="BT136" t="e">
            <v>#N/A</v>
          </cell>
        </row>
        <row r="137">
          <cell r="I137">
            <v>1</v>
          </cell>
          <cell r="J137" t="str">
            <v>式</v>
          </cell>
          <cell r="K137" t="str">
            <v/>
          </cell>
          <cell r="L137">
            <v>0</v>
          </cell>
          <cell r="M137" t="e">
            <v>#N/A</v>
          </cell>
          <cell r="V137" t="e">
            <v>#N/A</v>
          </cell>
          <cell r="W137" t="str">
            <v xml:space="preserve"> </v>
          </cell>
          <cell r="X137" t="e">
            <v>#N/A</v>
          </cell>
          <cell r="Y137" t="e">
            <v>#N/A</v>
          </cell>
          <cell r="AD137" t="e">
            <v>#VALUE!</v>
          </cell>
          <cell r="AH137" t="str">
            <v/>
          </cell>
          <cell r="AP137">
            <v>3</v>
          </cell>
          <cell r="BD137" t="e">
            <v>#N/A</v>
          </cell>
          <cell r="BF137" t="e">
            <v>#N/A</v>
          </cell>
          <cell r="BG137" t="e">
            <v>#DIV/0!</v>
          </cell>
          <cell r="BJ137">
            <v>0</v>
          </cell>
          <cell r="BK137">
            <v>0</v>
          </cell>
          <cell r="BL137" t="str">
            <v/>
          </cell>
          <cell r="BO137" t="str">
            <v/>
          </cell>
          <cell r="BP137" t="e">
            <v>#N/A</v>
          </cell>
          <cell r="BQ137" t="e">
            <v>#N/A</v>
          </cell>
          <cell r="BS137" t="e">
            <v>#N/A</v>
          </cell>
          <cell r="BT137" t="e">
            <v>#N/A</v>
          </cell>
        </row>
        <row r="138">
          <cell r="I138">
            <v>1</v>
          </cell>
          <cell r="J138" t="str">
            <v>式</v>
          </cell>
          <cell r="K138" t="str">
            <v/>
          </cell>
          <cell r="L138">
            <v>0</v>
          </cell>
          <cell r="M138" t="e">
            <v>#N/A</v>
          </cell>
          <cell r="V138" t="e">
            <v>#N/A</v>
          </cell>
          <cell r="W138" t="str">
            <v xml:space="preserve"> </v>
          </cell>
          <cell r="X138" t="e">
            <v>#N/A</v>
          </cell>
          <cell r="Y138" t="e">
            <v>#N/A</v>
          </cell>
          <cell r="AD138" t="e">
            <v>#VALUE!</v>
          </cell>
          <cell r="AH138" t="str">
            <v/>
          </cell>
          <cell r="AP138">
            <v>3</v>
          </cell>
          <cell r="BD138" t="e">
            <v>#N/A</v>
          </cell>
          <cell r="BF138" t="e">
            <v>#N/A</v>
          </cell>
          <cell r="BG138" t="e">
            <v>#DIV/0!</v>
          </cell>
          <cell r="BJ138">
            <v>0</v>
          </cell>
          <cell r="BK138">
            <v>0</v>
          </cell>
          <cell r="BL138" t="str">
            <v/>
          </cell>
          <cell r="BO138" t="str">
            <v/>
          </cell>
          <cell r="BP138" t="e">
            <v>#N/A</v>
          </cell>
          <cell r="BQ138" t="e">
            <v>#N/A</v>
          </cell>
          <cell r="BS138" t="e">
            <v>#N/A</v>
          </cell>
          <cell r="BT138" t="e">
            <v>#N/A</v>
          </cell>
        </row>
        <row r="139">
          <cell r="I139">
            <v>1</v>
          </cell>
          <cell r="J139" t="str">
            <v>式</v>
          </cell>
          <cell r="K139" t="str">
            <v/>
          </cell>
          <cell r="L139">
            <v>0</v>
          </cell>
          <cell r="M139" t="e">
            <v>#N/A</v>
          </cell>
          <cell r="V139" t="e">
            <v>#N/A</v>
          </cell>
          <cell r="W139" t="str">
            <v xml:space="preserve"> </v>
          </cell>
          <cell r="X139" t="e">
            <v>#N/A</v>
          </cell>
          <cell r="Y139" t="e">
            <v>#N/A</v>
          </cell>
          <cell r="AD139" t="e">
            <v>#VALUE!</v>
          </cell>
          <cell r="AH139" t="str">
            <v/>
          </cell>
          <cell r="AP139">
            <v>3</v>
          </cell>
          <cell r="BD139" t="e">
            <v>#N/A</v>
          </cell>
          <cell r="BF139" t="e">
            <v>#N/A</v>
          </cell>
          <cell r="BG139" t="e">
            <v>#DIV/0!</v>
          </cell>
          <cell r="BJ139">
            <v>0</v>
          </cell>
          <cell r="BK139">
            <v>0</v>
          </cell>
          <cell r="BL139" t="str">
            <v/>
          </cell>
          <cell r="BO139" t="str">
            <v/>
          </cell>
          <cell r="BP139" t="e">
            <v>#N/A</v>
          </cell>
          <cell r="BQ139" t="e">
            <v>#N/A</v>
          </cell>
          <cell r="BS139" t="e">
            <v>#N/A</v>
          </cell>
          <cell r="BT139" t="e">
            <v>#N/A</v>
          </cell>
        </row>
        <row r="140">
          <cell r="I140">
            <v>1</v>
          </cell>
          <cell r="J140" t="str">
            <v>式</v>
          </cell>
          <cell r="K140" t="str">
            <v/>
          </cell>
          <cell r="L140">
            <v>0</v>
          </cell>
          <cell r="M140" t="e">
            <v>#N/A</v>
          </cell>
          <cell r="V140" t="e">
            <v>#N/A</v>
          </cell>
          <cell r="W140" t="str">
            <v xml:space="preserve"> </v>
          </cell>
          <cell r="X140" t="e">
            <v>#N/A</v>
          </cell>
          <cell r="Y140" t="e">
            <v>#N/A</v>
          </cell>
          <cell r="AD140" t="e">
            <v>#VALUE!</v>
          </cell>
          <cell r="AH140" t="str">
            <v/>
          </cell>
          <cell r="AP140">
            <v>3</v>
          </cell>
          <cell r="BD140" t="e">
            <v>#N/A</v>
          </cell>
          <cell r="BF140" t="e">
            <v>#N/A</v>
          </cell>
          <cell r="BG140" t="e">
            <v>#DIV/0!</v>
          </cell>
          <cell r="BJ140">
            <v>0</v>
          </cell>
          <cell r="BK140">
            <v>0</v>
          </cell>
          <cell r="BL140" t="str">
            <v/>
          </cell>
          <cell r="BO140" t="str">
            <v/>
          </cell>
          <cell r="BP140" t="e">
            <v>#N/A</v>
          </cell>
          <cell r="BQ140" t="e">
            <v>#N/A</v>
          </cell>
          <cell r="BS140" t="e">
            <v>#N/A</v>
          </cell>
          <cell r="BT140" t="e">
            <v>#N/A</v>
          </cell>
        </row>
        <row r="141">
          <cell r="I141">
            <v>1</v>
          </cell>
          <cell r="J141" t="str">
            <v>式</v>
          </cell>
          <cell r="K141" t="str">
            <v/>
          </cell>
          <cell r="L141">
            <v>0</v>
          </cell>
          <cell r="M141" t="e">
            <v>#N/A</v>
          </cell>
          <cell r="V141" t="e">
            <v>#N/A</v>
          </cell>
          <cell r="W141" t="str">
            <v xml:space="preserve"> </v>
          </cell>
          <cell r="X141" t="e">
            <v>#N/A</v>
          </cell>
          <cell r="Y141" t="e">
            <v>#N/A</v>
          </cell>
          <cell r="AD141" t="e">
            <v>#VALUE!</v>
          </cell>
          <cell r="AH141" t="str">
            <v/>
          </cell>
          <cell r="AP141">
            <v>3</v>
          </cell>
          <cell r="BD141" t="e">
            <v>#N/A</v>
          </cell>
          <cell r="BF141" t="e">
            <v>#N/A</v>
          </cell>
          <cell r="BG141" t="e">
            <v>#DIV/0!</v>
          </cell>
          <cell r="BJ141">
            <v>0</v>
          </cell>
          <cell r="BK141">
            <v>0</v>
          </cell>
          <cell r="BL141" t="str">
            <v/>
          </cell>
          <cell r="BO141" t="str">
            <v/>
          </cell>
          <cell r="BP141" t="e">
            <v>#N/A</v>
          </cell>
          <cell r="BQ141" t="e">
            <v>#N/A</v>
          </cell>
          <cell r="BS141" t="e">
            <v>#N/A</v>
          </cell>
          <cell r="BT141" t="e">
            <v>#N/A</v>
          </cell>
        </row>
        <row r="142">
          <cell r="I142">
            <v>1</v>
          </cell>
          <cell r="J142" t="str">
            <v>式</v>
          </cell>
          <cell r="K142" t="str">
            <v/>
          </cell>
          <cell r="L142">
            <v>0</v>
          </cell>
          <cell r="M142" t="e">
            <v>#N/A</v>
          </cell>
          <cell r="V142" t="e">
            <v>#N/A</v>
          </cell>
          <cell r="W142" t="str">
            <v xml:space="preserve"> </v>
          </cell>
          <cell r="X142" t="e">
            <v>#N/A</v>
          </cell>
          <cell r="Y142" t="e">
            <v>#N/A</v>
          </cell>
          <cell r="AD142" t="e">
            <v>#VALUE!</v>
          </cell>
          <cell r="AH142" t="str">
            <v/>
          </cell>
          <cell r="AP142">
            <v>3</v>
          </cell>
          <cell r="BD142" t="e">
            <v>#N/A</v>
          </cell>
          <cell r="BF142" t="e">
            <v>#N/A</v>
          </cell>
          <cell r="BG142" t="e">
            <v>#DIV/0!</v>
          </cell>
          <cell r="BJ142">
            <v>0</v>
          </cell>
          <cell r="BK142">
            <v>0</v>
          </cell>
          <cell r="BL142" t="str">
            <v/>
          </cell>
          <cell r="BO142" t="str">
            <v/>
          </cell>
          <cell r="BP142" t="e">
            <v>#N/A</v>
          </cell>
          <cell r="BQ142" t="e">
            <v>#N/A</v>
          </cell>
          <cell r="BS142" t="e">
            <v>#N/A</v>
          </cell>
          <cell r="BT142" t="e">
            <v>#N/A</v>
          </cell>
        </row>
        <row r="143">
          <cell r="I143">
            <v>1</v>
          </cell>
          <cell r="J143" t="str">
            <v>式</v>
          </cell>
          <cell r="K143" t="str">
            <v/>
          </cell>
          <cell r="L143">
            <v>0</v>
          </cell>
          <cell r="M143" t="e">
            <v>#N/A</v>
          </cell>
          <cell r="V143" t="e">
            <v>#N/A</v>
          </cell>
          <cell r="W143" t="str">
            <v xml:space="preserve"> </v>
          </cell>
          <cell r="X143" t="e">
            <v>#N/A</v>
          </cell>
          <cell r="Y143" t="e">
            <v>#N/A</v>
          </cell>
          <cell r="AD143" t="e">
            <v>#VALUE!</v>
          </cell>
          <cell r="AH143" t="str">
            <v/>
          </cell>
          <cell r="AP143">
            <v>3</v>
          </cell>
          <cell r="BD143" t="e">
            <v>#N/A</v>
          </cell>
          <cell r="BF143" t="e">
            <v>#N/A</v>
          </cell>
          <cell r="BG143" t="e">
            <v>#DIV/0!</v>
          </cell>
          <cell r="BJ143">
            <v>0</v>
          </cell>
          <cell r="BK143">
            <v>0</v>
          </cell>
          <cell r="BL143" t="str">
            <v/>
          </cell>
          <cell r="BO143" t="str">
            <v/>
          </cell>
          <cell r="BP143" t="e">
            <v>#N/A</v>
          </cell>
          <cell r="BQ143" t="e">
            <v>#N/A</v>
          </cell>
          <cell r="BS143" t="e">
            <v>#N/A</v>
          </cell>
          <cell r="BT143" t="e">
            <v>#N/A</v>
          </cell>
        </row>
        <row r="144">
          <cell r="I144">
            <v>1</v>
          </cell>
          <cell r="J144" t="str">
            <v>式</v>
          </cell>
          <cell r="K144" t="str">
            <v/>
          </cell>
          <cell r="L144">
            <v>0</v>
          </cell>
          <cell r="M144" t="e">
            <v>#N/A</v>
          </cell>
          <cell r="V144" t="e">
            <v>#N/A</v>
          </cell>
          <cell r="W144" t="str">
            <v xml:space="preserve"> </v>
          </cell>
          <cell r="X144" t="e">
            <v>#N/A</v>
          </cell>
          <cell r="Y144" t="e">
            <v>#N/A</v>
          </cell>
          <cell r="AD144" t="e">
            <v>#VALUE!</v>
          </cell>
          <cell r="AH144" t="str">
            <v/>
          </cell>
          <cell r="AP144">
            <v>3</v>
          </cell>
          <cell r="BD144" t="e">
            <v>#N/A</v>
          </cell>
          <cell r="BF144" t="e">
            <v>#N/A</v>
          </cell>
          <cell r="BG144" t="e">
            <v>#DIV/0!</v>
          </cell>
          <cell r="BJ144">
            <v>0</v>
          </cell>
          <cell r="BK144">
            <v>0</v>
          </cell>
          <cell r="BL144" t="str">
            <v/>
          </cell>
          <cell r="BO144" t="str">
            <v/>
          </cell>
          <cell r="BP144" t="e">
            <v>#N/A</v>
          </cell>
          <cell r="BQ144" t="e">
            <v>#N/A</v>
          </cell>
          <cell r="BS144" t="e">
            <v>#N/A</v>
          </cell>
          <cell r="BT144" t="e">
            <v>#N/A</v>
          </cell>
        </row>
        <row r="145">
          <cell r="I145">
            <v>1</v>
          </cell>
          <cell r="J145" t="str">
            <v>式</v>
          </cell>
          <cell r="K145" t="str">
            <v/>
          </cell>
          <cell r="L145">
            <v>0</v>
          </cell>
          <cell r="M145" t="e">
            <v>#N/A</v>
          </cell>
          <cell r="V145" t="e">
            <v>#N/A</v>
          </cell>
          <cell r="W145" t="str">
            <v xml:space="preserve"> </v>
          </cell>
          <cell r="X145" t="e">
            <v>#N/A</v>
          </cell>
          <cell r="Y145" t="e">
            <v>#N/A</v>
          </cell>
          <cell r="AD145" t="e">
            <v>#VALUE!</v>
          </cell>
          <cell r="AH145" t="str">
            <v/>
          </cell>
          <cell r="AP145">
            <v>3</v>
          </cell>
          <cell r="BD145" t="e">
            <v>#N/A</v>
          </cell>
          <cell r="BF145" t="e">
            <v>#N/A</v>
          </cell>
          <cell r="BG145" t="e">
            <v>#DIV/0!</v>
          </cell>
          <cell r="BJ145">
            <v>0</v>
          </cell>
          <cell r="BK145">
            <v>0</v>
          </cell>
          <cell r="BL145" t="str">
            <v/>
          </cell>
          <cell r="BO145" t="str">
            <v/>
          </cell>
          <cell r="BP145" t="e">
            <v>#N/A</v>
          </cell>
          <cell r="BQ145" t="e">
            <v>#N/A</v>
          </cell>
          <cell r="BS145" t="e">
            <v>#N/A</v>
          </cell>
          <cell r="BT145" t="e">
            <v>#N/A</v>
          </cell>
        </row>
        <row r="146">
          <cell r="I146">
            <v>1</v>
          </cell>
          <cell r="J146" t="str">
            <v>式</v>
          </cell>
          <cell r="K146" t="str">
            <v/>
          </cell>
          <cell r="L146">
            <v>0</v>
          </cell>
          <cell r="M146" t="e">
            <v>#N/A</v>
          </cell>
          <cell r="V146" t="e">
            <v>#N/A</v>
          </cell>
          <cell r="W146" t="str">
            <v xml:space="preserve"> </v>
          </cell>
          <cell r="X146" t="e">
            <v>#N/A</v>
          </cell>
          <cell r="Y146" t="e">
            <v>#N/A</v>
          </cell>
          <cell r="AD146" t="e">
            <v>#VALUE!</v>
          </cell>
          <cell r="AH146" t="str">
            <v/>
          </cell>
          <cell r="AP146">
            <v>3</v>
          </cell>
          <cell r="BD146" t="e">
            <v>#N/A</v>
          </cell>
          <cell r="BF146" t="e">
            <v>#N/A</v>
          </cell>
          <cell r="BG146" t="e">
            <v>#DIV/0!</v>
          </cell>
          <cell r="BJ146">
            <v>0</v>
          </cell>
          <cell r="BK146">
            <v>0</v>
          </cell>
          <cell r="BL146" t="str">
            <v/>
          </cell>
          <cell r="BO146" t="str">
            <v/>
          </cell>
          <cell r="BP146" t="e">
            <v>#N/A</v>
          </cell>
          <cell r="BQ146" t="e">
            <v>#N/A</v>
          </cell>
          <cell r="BS146" t="e">
            <v>#N/A</v>
          </cell>
          <cell r="BT146" t="e">
            <v>#N/A</v>
          </cell>
        </row>
        <row r="147">
          <cell r="I147">
            <v>1</v>
          </cell>
          <cell r="J147" t="str">
            <v>式</v>
          </cell>
          <cell r="K147" t="str">
            <v/>
          </cell>
          <cell r="L147">
            <v>0</v>
          </cell>
          <cell r="M147" t="e">
            <v>#N/A</v>
          </cell>
          <cell r="V147" t="e">
            <v>#N/A</v>
          </cell>
          <cell r="W147" t="str">
            <v xml:space="preserve"> </v>
          </cell>
          <cell r="X147" t="e">
            <v>#N/A</v>
          </cell>
          <cell r="Y147" t="e">
            <v>#N/A</v>
          </cell>
          <cell r="AD147" t="e">
            <v>#VALUE!</v>
          </cell>
          <cell r="AH147" t="str">
            <v/>
          </cell>
          <cell r="AP147">
            <v>3</v>
          </cell>
          <cell r="BD147" t="e">
            <v>#N/A</v>
          </cell>
          <cell r="BF147" t="e">
            <v>#N/A</v>
          </cell>
          <cell r="BG147" t="e">
            <v>#DIV/0!</v>
          </cell>
          <cell r="BJ147">
            <v>0</v>
          </cell>
          <cell r="BK147">
            <v>0</v>
          </cell>
          <cell r="BL147" t="str">
            <v/>
          </cell>
          <cell r="BO147" t="str">
            <v/>
          </cell>
          <cell r="BP147" t="e">
            <v>#N/A</v>
          </cell>
          <cell r="BQ147" t="e">
            <v>#N/A</v>
          </cell>
          <cell r="BS147" t="e">
            <v>#N/A</v>
          </cell>
          <cell r="BT147" t="e">
            <v>#N/A</v>
          </cell>
        </row>
        <row r="148">
          <cell r="I148">
            <v>1</v>
          </cell>
          <cell r="J148" t="str">
            <v>式</v>
          </cell>
          <cell r="K148" t="str">
            <v/>
          </cell>
          <cell r="L148">
            <v>0</v>
          </cell>
          <cell r="M148" t="e">
            <v>#N/A</v>
          </cell>
          <cell r="V148" t="e">
            <v>#N/A</v>
          </cell>
          <cell r="W148" t="str">
            <v xml:space="preserve"> </v>
          </cell>
          <cell r="X148" t="e">
            <v>#N/A</v>
          </cell>
          <cell r="Y148" t="e">
            <v>#N/A</v>
          </cell>
          <cell r="AD148" t="e">
            <v>#VALUE!</v>
          </cell>
          <cell r="AH148" t="str">
            <v/>
          </cell>
          <cell r="AP148">
            <v>3</v>
          </cell>
          <cell r="BD148" t="e">
            <v>#N/A</v>
          </cell>
          <cell r="BF148" t="e">
            <v>#N/A</v>
          </cell>
          <cell r="BG148" t="e">
            <v>#DIV/0!</v>
          </cell>
          <cell r="BJ148">
            <v>0</v>
          </cell>
          <cell r="BK148">
            <v>0</v>
          </cell>
          <cell r="BL148" t="str">
            <v/>
          </cell>
          <cell r="BO148" t="str">
            <v/>
          </cell>
          <cell r="BP148" t="e">
            <v>#N/A</v>
          </cell>
          <cell r="BQ148" t="e">
            <v>#N/A</v>
          </cell>
          <cell r="BS148" t="e">
            <v>#N/A</v>
          </cell>
          <cell r="BT148" t="e">
            <v>#N/A</v>
          </cell>
        </row>
        <row r="149">
          <cell r="I149">
            <v>1</v>
          </cell>
          <cell r="J149" t="str">
            <v>式</v>
          </cell>
          <cell r="K149" t="str">
            <v/>
          </cell>
          <cell r="L149">
            <v>0</v>
          </cell>
          <cell r="M149" t="e">
            <v>#N/A</v>
          </cell>
          <cell r="V149" t="e">
            <v>#N/A</v>
          </cell>
          <cell r="W149" t="str">
            <v xml:space="preserve"> </v>
          </cell>
          <cell r="X149" t="e">
            <v>#N/A</v>
          </cell>
          <cell r="Y149" t="e">
            <v>#N/A</v>
          </cell>
          <cell r="AD149" t="e">
            <v>#VALUE!</v>
          </cell>
          <cell r="AH149" t="str">
            <v/>
          </cell>
          <cell r="AP149">
            <v>3</v>
          </cell>
          <cell r="BD149" t="e">
            <v>#N/A</v>
          </cell>
          <cell r="BF149" t="e">
            <v>#N/A</v>
          </cell>
          <cell r="BG149" t="e">
            <v>#DIV/0!</v>
          </cell>
          <cell r="BJ149">
            <v>0</v>
          </cell>
          <cell r="BK149">
            <v>0</v>
          </cell>
          <cell r="BL149" t="str">
            <v/>
          </cell>
          <cell r="BO149" t="str">
            <v/>
          </cell>
          <cell r="BP149" t="e">
            <v>#N/A</v>
          </cell>
          <cell r="BQ149" t="e">
            <v>#N/A</v>
          </cell>
          <cell r="BS149" t="e">
            <v>#N/A</v>
          </cell>
          <cell r="BT149" t="e">
            <v>#N/A</v>
          </cell>
        </row>
        <row r="150">
          <cell r="I150">
            <v>1</v>
          </cell>
          <cell r="J150" t="str">
            <v>式</v>
          </cell>
          <cell r="K150" t="str">
            <v/>
          </cell>
          <cell r="L150">
            <v>0</v>
          </cell>
          <cell r="M150" t="e">
            <v>#N/A</v>
          </cell>
          <cell r="V150" t="e">
            <v>#N/A</v>
          </cell>
          <cell r="W150" t="str">
            <v xml:space="preserve"> </v>
          </cell>
          <cell r="X150" t="e">
            <v>#N/A</v>
          </cell>
          <cell r="Y150" t="e">
            <v>#N/A</v>
          </cell>
          <cell r="AD150" t="e">
            <v>#VALUE!</v>
          </cell>
          <cell r="AH150" t="str">
            <v/>
          </cell>
          <cell r="AP150">
            <v>3</v>
          </cell>
          <cell r="BD150" t="e">
            <v>#N/A</v>
          </cell>
          <cell r="BF150" t="e">
            <v>#N/A</v>
          </cell>
          <cell r="BG150" t="e">
            <v>#DIV/0!</v>
          </cell>
          <cell r="BJ150">
            <v>0</v>
          </cell>
          <cell r="BK150">
            <v>0</v>
          </cell>
          <cell r="BL150" t="str">
            <v/>
          </cell>
          <cell r="BO150" t="str">
            <v/>
          </cell>
          <cell r="BP150" t="e">
            <v>#N/A</v>
          </cell>
          <cell r="BQ150" t="e">
            <v>#N/A</v>
          </cell>
          <cell r="BS150" t="e">
            <v>#N/A</v>
          </cell>
          <cell r="BT150" t="e">
            <v>#N/A</v>
          </cell>
        </row>
        <row r="151">
          <cell r="I151">
            <v>1</v>
          </cell>
          <cell r="J151" t="str">
            <v>式</v>
          </cell>
          <cell r="K151" t="str">
            <v/>
          </cell>
          <cell r="L151">
            <v>0</v>
          </cell>
          <cell r="M151" t="e">
            <v>#N/A</v>
          </cell>
          <cell r="V151" t="e">
            <v>#N/A</v>
          </cell>
          <cell r="W151" t="str">
            <v xml:space="preserve"> </v>
          </cell>
          <cell r="X151" t="e">
            <v>#N/A</v>
          </cell>
          <cell r="Y151" t="e">
            <v>#N/A</v>
          </cell>
          <cell r="AD151" t="e">
            <v>#VALUE!</v>
          </cell>
          <cell r="AH151" t="str">
            <v/>
          </cell>
          <cell r="AP151">
            <v>3</v>
          </cell>
          <cell r="BD151" t="e">
            <v>#N/A</v>
          </cell>
          <cell r="BF151" t="e">
            <v>#N/A</v>
          </cell>
          <cell r="BG151" t="e">
            <v>#DIV/0!</v>
          </cell>
          <cell r="BJ151">
            <v>0</v>
          </cell>
          <cell r="BK151">
            <v>0</v>
          </cell>
          <cell r="BL151" t="str">
            <v/>
          </cell>
          <cell r="BO151" t="str">
            <v/>
          </cell>
          <cell r="BP151" t="e">
            <v>#N/A</v>
          </cell>
          <cell r="BQ151" t="e">
            <v>#N/A</v>
          </cell>
          <cell r="BS151" t="e">
            <v>#N/A</v>
          </cell>
          <cell r="BT151" t="e">
            <v>#N/A</v>
          </cell>
        </row>
        <row r="152">
          <cell r="I152">
            <v>1</v>
          </cell>
          <cell r="J152" t="str">
            <v>式</v>
          </cell>
          <cell r="K152" t="str">
            <v/>
          </cell>
          <cell r="L152">
            <v>0</v>
          </cell>
          <cell r="M152" t="e">
            <v>#N/A</v>
          </cell>
          <cell r="V152" t="e">
            <v>#N/A</v>
          </cell>
          <cell r="W152" t="str">
            <v xml:space="preserve"> </v>
          </cell>
          <cell r="X152" t="e">
            <v>#N/A</v>
          </cell>
          <cell r="Y152" t="e">
            <v>#N/A</v>
          </cell>
          <cell r="AD152" t="e">
            <v>#VALUE!</v>
          </cell>
          <cell r="AH152" t="str">
            <v/>
          </cell>
          <cell r="AP152">
            <v>3</v>
          </cell>
          <cell r="BD152" t="e">
            <v>#N/A</v>
          </cell>
          <cell r="BF152" t="e">
            <v>#N/A</v>
          </cell>
          <cell r="BG152" t="e">
            <v>#DIV/0!</v>
          </cell>
          <cell r="BJ152">
            <v>0</v>
          </cell>
          <cell r="BK152">
            <v>0</v>
          </cell>
          <cell r="BL152" t="str">
            <v/>
          </cell>
          <cell r="BO152" t="str">
            <v/>
          </cell>
          <cell r="BP152" t="e">
            <v>#N/A</v>
          </cell>
          <cell r="BQ152" t="e">
            <v>#N/A</v>
          </cell>
          <cell r="BS152" t="e">
            <v>#N/A</v>
          </cell>
          <cell r="BT152" t="e">
            <v>#N/A</v>
          </cell>
        </row>
        <row r="153">
          <cell r="I153">
            <v>1</v>
          </cell>
          <cell r="J153" t="str">
            <v>式</v>
          </cell>
          <cell r="K153" t="str">
            <v/>
          </cell>
          <cell r="L153">
            <v>0</v>
          </cell>
          <cell r="M153" t="e">
            <v>#N/A</v>
          </cell>
          <cell r="V153" t="e">
            <v>#N/A</v>
          </cell>
          <cell r="W153" t="str">
            <v xml:space="preserve"> </v>
          </cell>
          <cell r="X153" t="e">
            <v>#N/A</v>
          </cell>
          <cell r="Y153" t="e">
            <v>#N/A</v>
          </cell>
          <cell r="AD153" t="e">
            <v>#VALUE!</v>
          </cell>
          <cell r="AH153" t="str">
            <v/>
          </cell>
          <cell r="AP153">
            <v>3</v>
          </cell>
          <cell r="BD153" t="e">
            <v>#N/A</v>
          </cell>
          <cell r="BF153" t="e">
            <v>#N/A</v>
          </cell>
          <cell r="BG153" t="e">
            <v>#DIV/0!</v>
          </cell>
          <cell r="BJ153">
            <v>0</v>
          </cell>
          <cell r="BK153">
            <v>0</v>
          </cell>
          <cell r="BL153" t="str">
            <v/>
          </cell>
          <cell r="BO153" t="str">
            <v/>
          </cell>
          <cell r="BP153" t="e">
            <v>#N/A</v>
          </cell>
          <cell r="BQ153" t="e">
            <v>#N/A</v>
          </cell>
          <cell r="BS153" t="e">
            <v>#N/A</v>
          </cell>
          <cell r="BT153" t="e">
            <v>#N/A</v>
          </cell>
        </row>
        <row r="154">
          <cell r="I154">
            <v>1</v>
          </cell>
          <cell r="J154" t="str">
            <v>式</v>
          </cell>
          <cell r="K154" t="str">
            <v/>
          </cell>
          <cell r="L154">
            <v>0</v>
          </cell>
          <cell r="M154" t="e">
            <v>#N/A</v>
          </cell>
          <cell r="V154" t="e">
            <v>#N/A</v>
          </cell>
          <cell r="W154" t="str">
            <v xml:space="preserve"> </v>
          </cell>
          <cell r="X154" t="e">
            <v>#N/A</v>
          </cell>
          <cell r="Y154" t="e">
            <v>#N/A</v>
          </cell>
          <cell r="AD154" t="e">
            <v>#VALUE!</v>
          </cell>
          <cell r="AH154" t="str">
            <v/>
          </cell>
          <cell r="AP154">
            <v>3</v>
          </cell>
          <cell r="BD154" t="e">
            <v>#N/A</v>
          </cell>
          <cell r="BF154" t="e">
            <v>#N/A</v>
          </cell>
          <cell r="BG154" t="e">
            <v>#DIV/0!</v>
          </cell>
          <cell r="BJ154">
            <v>0</v>
          </cell>
          <cell r="BK154">
            <v>0</v>
          </cell>
          <cell r="BL154" t="str">
            <v/>
          </cell>
          <cell r="BO154" t="str">
            <v/>
          </cell>
          <cell r="BP154" t="e">
            <v>#N/A</v>
          </cell>
          <cell r="BQ154" t="e">
            <v>#N/A</v>
          </cell>
          <cell r="BS154" t="e">
            <v>#N/A</v>
          </cell>
          <cell r="BT154" t="e">
            <v>#N/A</v>
          </cell>
        </row>
        <row r="155">
          <cell r="I155">
            <v>1</v>
          </cell>
          <cell r="J155" t="str">
            <v>式</v>
          </cell>
          <cell r="K155" t="str">
            <v/>
          </cell>
          <cell r="L155">
            <v>0</v>
          </cell>
          <cell r="M155" t="e">
            <v>#N/A</v>
          </cell>
          <cell r="V155" t="e">
            <v>#N/A</v>
          </cell>
          <cell r="W155" t="str">
            <v xml:space="preserve"> </v>
          </cell>
          <cell r="X155" t="e">
            <v>#N/A</v>
          </cell>
          <cell r="Y155" t="e">
            <v>#N/A</v>
          </cell>
          <cell r="AD155" t="e">
            <v>#VALUE!</v>
          </cell>
          <cell r="AH155" t="str">
            <v/>
          </cell>
          <cell r="AP155">
            <v>3</v>
          </cell>
          <cell r="BD155" t="e">
            <v>#N/A</v>
          </cell>
          <cell r="BF155" t="e">
            <v>#N/A</v>
          </cell>
          <cell r="BG155" t="e">
            <v>#DIV/0!</v>
          </cell>
          <cell r="BJ155">
            <v>0</v>
          </cell>
          <cell r="BK155">
            <v>0</v>
          </cell>
          <cell r="BL155" t="str">
            <v/>
          </cell>
          <cell r="BO155" t="str">
            <v/>
          </cell>
          <cell r="BP155" t="e">
            <v>#N/A</v>
          </cell>
          <cell r="BQ155" t="e">
            <v>#N/A</v>
          </cell>
          <cell r="BS155" t="e">
            <v>#N/A</v>
          </cell>
          <cell r="BT155" t="e">
            <v>#N/A</v>
          </cell>
        </row>
        <row r="156">
          <cell r="I156">
            <v>1</v>
          </cell>
          <cell r="J156" t="str">
            <v>式</v>
          </cell>
          <cell r="K156" t="str">
            <v/>
          </cell>
          <cell r="L156">
            <v>0</v>
          </cell>
          <cell r="M156" t="e">
            <v>#N/A</v>
          </cell>
          <cell r="V156" t="e">
            <v>#N/A</v>
          </cell>
          <cell r="W156" t="str">
            <v xml:space="preserve"> </v>
          </cell>
          <cell r="X156" t="e">
            <v>#N/A</v>
          </cell>
          <cell r="Y156" t="e">
            <v>#N/A</v>
          </cell>
          <cell r="AD156" t="e">
            <v>#VALUE!</v>
          </cell>
          <cell r="AH156" t="str">
            <v/>
          </cell>
          <cell r="AP156">
            <v>3</v>
          </cell>
          <cell r="BD156" t="e">
            <v>#N/A</v>
          </cell>
          <cell r="BF156" t="e">
            <v>#N/A</v>
          </cell>
          <cell r="BG156" t="e">
            <v>#DIV/0!</v>
          </cell>
          <cell r="BJ156">
            <v>0</v>
          </cell>
          <cell r="BK156">
            <v>0</v>
          </cell>
          <cell r="BL156" t="str">
            <v/>
          </cell>
          <cell r="BO156" t="str">
            <v/>
          </cell>
          <cell r="BP156" t="e">
            <v>#N/A</v>
          </cell>
          <cell r="BQ156" t="e">
            <v>#N/A</v>
          </cell>
          <cell r="BS156" t="e">
            <v>#N/A</v>
          </cell>
          <cell r="BT156" t="e">
            <v>#N/A</v>
          </cell>
        </row>
        <row r="157">
          <cell r="I157">
            <v>1</v>
          </cell>
          <cell r="J157" t="str">
            <v>式</v>
          </cell>
          <cell r="K157" t="str">
            <v/>
          </cell>
          <cell r="L157">
            <v>0</v>
          </cell>
          <cell r="M157" t="e">
            <v>#N/A</v>
          </cell>
          <cell r="V157" t="e">
            <v>#N/A</v>
          </cell>
          <cell r="W157" t="str">
            <v xml:space="preserve"> </v>
          </cell>
          <cell r="X157" t="e">
            <v>#N/A</v>
          </cell>
          <cell r="Y157" t="e">
            <v>#N/A</v>
          </cell>
          <cell r="AD157" t="e">
            <v>#VALUE!</v>
          </cell>
          <cell r="AH157" t="str">
            <v/>
          </cell>
          <cell r="AP157">
            <v>3</v>
          </cell>
          <cell r="BD157" t="e">
            <v>#N/A</v>
          </cell>
          <cell r="BF157" t="e">
            <v>#N/A</v>
          </cell>
          <cell r="BG157" t="e">
            <v>#DIV/0!</v>
          </cell>
          <cell r="BJ157">
            <v>0</v>
          </cell>
          <cell r="BK157">
            <v>0</v>
          </cell>
          <cell r="BL157" t="str">
            <v/>
          </cell>
          <cell r="BO157" t="str">
            <v/>
          </cell>
          <cell r="BP157" t="e">
            <v>#N/A</v>
          </cell>
          <cell r="BQ157" t="e">
            <v>#N/A</v>
          </cell>
          <cell r="BS157" t="e">
            <v>#N/A</v>
          </cell>
          <cell r="BT157" t="e">
            <v>#N/A</v>
          </cell>
        </row>
        <row r="158">
          <cell r="I158">
            <v>1</v>
          </cell>
          <cell r="J158" t="str">
            <v>式</v>
          </cell>
          <cell r="K158" t="str">
            <v/>
          </cell>
          <cell r="L158">
            <v>0</v>
          </cell>
          <cell r="M158" t="e">
            <v>#N/A</v>
          </cell>
          <cell r="V158" t="e">
            <v>#N/A</v>
          </cell>
          <cell r="W158" t="str">
            <v xml:space="preserve"> </v>
          </cell>
          <cell r="X158" t="e">
            <v>#N/A</v>
          </cell>
          <cell r="Y158" t="e">
            <v>#N/A</v>
          </cell>
          <cell r="AD158" t="e">
            <v>#VALUE!</v>
          </cell>
          <cell r="AH158" t="str">
            <v/>
          </cell>
          <cell r="AP158">
            <v>3</v>
          </cell>
          <cell r="BD158" t="e">
            <v>#N/A</v>
          </cell>
          <cell r="BF158" t="e">
            <v>#N/A</v>
          </cell>
          <cell r="BG158" t="e">
            <v>#DIV/0!</v>
          </cell>
          <cell r="BJ158">
            <v>0</v>
          </cell>
          <cell r="BK158">
            <v>0</v>
          </cell>
          <cell r="BL158" t="str">
            <v/>
          </cell>
          <cell r="BO158" t="str">
            <v/>
          </cell>
          <cell r="BP158" t="e">
            <v>#N/A</v>
          </cell>
          <cell r="BQ158" t="e">
            <v>#N/A</v>
          </cell>
          <cell r="BS158" t="e">
            <v>#N/A</v>
          </cell>
          <cell r="BT158" t="e">
            <v>#N/A</v>
          </cell>
        </row>
        <row r="159">
          <cell r="I159">
            <v>1</v>
          </cell>
          <cell r="J159" t="str">
            <v>式</v>
          </cell>
          <cell r="K159" t="str">
            <v/>
          </cell>
          <cell r="L159">
            <v>0</v>
          </cell>
          <cell r="M159" t="e">
            <v>#N/A</v>
          </cell>
          <cell r="V159" t="e">
            <v>#N/A</v>
          </cell>
          <cell r="W159" t="str">
            <v xml:space="preserve"> </v>
          </cell>
          <cell r="X159" t="e">
            <v>#N/A</v>
          </cell>
          <cell r="Y159" t="e">
            <v>#N/A</v>
          </cell>
          <cell r="AD159" t="e">
            <v>#VALUE!</v>
          </cell>
          <cell r="AH159" t="str">
            <v/>
          </cell>
          <cell r="AP159">
            <v>3</v>
          </cell>
          <cell r="BD159" t="e">
            <v>#N/A</v>
          </cell>
          <cell r="BF159" t="e">
            <v>#N/A</v>
          </cell>
          <cell r="BG159" t="e">
            <v>#DIV/0!</v>
          </cell>
          <cell r="BJ159">
            <v>0</v>
          </cell>
          <cell r="BK159">
            <v>0</v>
          </cell>
          <cell r="BL159" t="str">
            <v/>
          </cell>
          <cell r="BO159" t="str">
            <v/>
          </cell>
          <cell r="BP159" t="e">
            <v>#N/A</v>
          </cell>
          <cell r="BQ159" t="e">
            <v>#N/A</v>
          </cell>
          <cell r="BS159" t="e">
            <v>#N/A</v>
          </cell>
          <cell r="BT159" t="e">
            <v>#N/A</v>
          </cell>
        </row>
        <row r="160">
          <cell r="I160">
            <v>1</v>
          </cell>
          <cell r="J160" t="str">
            <v>式</v>
          </cell>
          <cell r="K160" t="str">
            <v/>
          </cell>
          <cell r="L160">
            <v>0</v>
          </cell>
          <cell r="M160" t="e">
            <v>#N/A</v>
          </cell>
          <cell r="V160" t="e">
            <v>#N/A</v>
          </cell>
          <cell r="W160" t="str">
            <v xml:space="preserve"> </v>
          </cell>
          <cell r="X160" t="e">
            <v>#N/A</v>
          </cell>
          <cell r="Y160" t="e">
            <v>#N/A</v>
          </cell>
          <cell r="AD160" t="e">
            <v>#VALUE!</v>
          </cell>
          <cell r="AH160" t="str">
            <v/>
          </cell>
          <cell r="AP160">
            <v>3</v>
          </cell>
          <cell r="BD160" t="e">
            <v>#N/A</v>
          </cell>
          <cell r="BF160" t="e">
            <v>#N/A</v>
          </cell>
          <cell r="BG160" t="e">
            <v>#DIV/0!</v>
          </cell>
          <cell r="BJ160">
            <v>0</v>
          </cell>
          <cell r="BK160">
            <v>0</v>
          </cell>
          <cell r="BL160" t="str">
            <v/>
          </cell>
          <cell r="BO160" t="str">
            <v/>
          </cell>
          <cell r="BP160" t="e">
            <v>#N/A</v>
          </cell>
          <cell r="BQ160" t="e">
            <v>#N/A</v>
          </cell>
          <cell r="BS160" t="e">
            <v>#N/A</v>
          </cell>
          <cell r="BT160" t="e">
            <v>#N/A</v>
          </cell>
        </row>
        <row r="161">
          <cell r="I161">
            <v>1</v>
          </cell>
          <cell r="J161" t="str">
            <v>式</v>
          </cell>
          <cell r="K161" t="str">
            <v/>
          </cell>
          <cell r="L161">
            <v>0</v>
          </cell>
          <cell r="M161" t="e">
            <v>#N/A</v>
          </cell>
          <cell r="V161" t="e">
            <v>#N/A</v>
          </cell>
          <cell r="W161" t="str">
            <v xml:space="preserve"> </v>
          </cell>
          <cell r="X161" t="e">
            <v>#N/A</v>
          </cell>
          <cell r="Y161" t="e">
            <v>#N/A</v>
          </cell>
          <cell r="AD161" t="e">
            <v>#VALUE!</v>
          </cell>
          <cell r="AH161" t="str">
            <v/>
          </cell>
          <cell r="AP161">
            <v>3</v>
          </cell>
          <cell r="BD161" t="e">
            <v>#N/A</v>
          </cell>
          <cell r="BF161" t="e">
            <v>#N/A</v>
          </cell>
          <cell r="BG161" t="e">
            <v>#DIV/0!</v>
          </cell>
          <cell r="BJ161">
            <v>0</v>
          </cell>
          <cell r="BK161">
            <v>0</v>
          </cell>
          <cell r="BL161" t="str">
            <v/>
          </cell>
          <cell r="BO161" t="str">
            <v/>
          </cell>
          <cell r="BP161" t="e">
            <v>#N/A</v>
          </cell>
          <cell r="BQ161" t="e">
            <v>#N/A</v>
          </cell>
          <cell r="BS161" t="e">
            <v>#N/A</v>
          </cell>
          <cell r="BT161" t="e">
            <v>#N/A</v>
          </cell>
        </row>
        <row r="162">
          <cell r="I162">
            <v>1</v>
          </cell>
          <cell r="J162" t="str">
            <v>式</v>
          </cell>
          <cell r="K162" t="str">
            <v/>
          </cell>
          <cell r="L162">
            <v>0</v>
          </cell>
          <cell r="M162" t="e">
            <v>#N/A</v>
          </cell>
          <cell r="V162" t="e">
            <v>#N/A</v>
          </cell>
          <cell r="W162" t="str">
            <v xml:space="preserve"> </v>
          </cell>
          <cell r="X162" t="e">
            <v>#N/A</v>
          </cell>
          <cell r="Y162" t="e">
            <v>#N/A</v>
          </cell>
          <cell r="AD162" t="e">
            <v>#VALUE!</v>
          </cell>
          <cell r="AH162" t="str">
            <v/>
          </cell>
          <cell r="AP162">
            <v>3</v>
          </cell>
          <cell r="BD162" t="e">
            <v>#N/A</v>
          </cell>
          <cell r="BF162" t="e">
            <v>#N/A</v>
          </cell>
          <cell r="BG162" t="e">
            <v>#DIV/0!</v>
          </cell>
          <cell r="BJ162">
            <v>0</v>
          </cell>
          <cell r="BK162">
            <v>0</v>
          </cell>
          <cell r="BL162" t="str">
            <v/>
          </cell>
          <cell r="BO162" t="str">
            <v/>
          </cell>
          <cell r="BP162" t="e">
            <v>#N/A</v>
          </cell>
          <cell r="BQ162" t="e">
            <v>#N/A</v>
          </cell>
          <cell r="BS162" t="e">
            <v>#N/A</v>
          </cell>
          <cell r="BT162" t="e">
            <v>#N/A</v>
          </cell>
        </row>
        <row r="163">
          <cell r="I163">
            <v>1</v>
          </cell>
          <cell r="J163" t="str">
            <v>式</v>
          </cell>
          <cell r="K163" t="str">
            <v/>
          </cell>
          <cell r="L163">
            <v>0</v>
          </cell>
          <cell r="M163" t="e">
            <v>#N/A</v>
          </cell>
          <cell r="V163" t="e">
            <v>#N/A</v>
          </cell>
          <cell r="W163" t="str">
            <v xml:space="preserve"> </v>
          </cell>
          <cell r="X163" t="e">
            <v>#N/A</v>
          </cell>
          <cell r="Y163" t="e">
            <v>#N/A</v>
          </cell>
          <cell r="AD163" t="e">
            <v>#VALUE!</v>
          </cell>
          <cell r="AH163" t="str">
            <v/>
          </cell>
          <cell r="AP163">
            <v>3</v>
          </cell>
          <cell r="BD163" t="e">
            <v>#N/A</v>
          </cell>
          <cell r="BF163" t="e">
            <v>#N/A</v>
          </cell>
          <cell r="BG163" t="e">
            <v>#DIV/0!</v>
          </cell>
          <cell r="BJ163">
            <v>0</v>
          </cell>
          <cell r="BK163">
            <v>0</v>
          </cell>
          <cell r="BL163" t="str">
            <v/>
          </cell>
          <cell r="BO163" t="str">
            <v/>
          </cell>
          <cell r="BP163" t="e">
            <v>#N/A</v>
          </cell>
          <cell r="BQ163" t="e">
            <v>#N/A</v>
          </cell>
          <cell r="BS163" t="e">
            <v>#N/A</v>
          </cell>
          <cell r="BT163" t="e">
            <v>#N/A</v>
          </cell>
        </row>
        <row r="164">
          <cell r="I164">
            <v>1</v>
          </cell>
          <cell r="J164" t="str">
            <v>式</v>
          </cell>
          <cell r="K164" t="str">
            <v/>
          </cell>
          <cell r="L164">
            <v>0</v>
          </cell>
          <cell r="M164" t="e">
            <v>#N/A</v>
          </cell>
          <cell r="V164" t="e">
            <v>#N/A</v>
          </cell>
          <cell r="W164" t="str">
            <v xml:space="preserve"> </v>
          </cell>
          <cell r="X164" t="e">
            <v>#N/A</v>
          </cell>
          <cell r="Y164" t="e">
            <v>#N/A</v>
          </cell>
          <cell r="AD164" t="e">
            <v>#VALUE!</v>
          </cell>
          <cell r="AH164" t="str">
            <v/>
          </cell>
          <cell r="AP164">
            <v>3</v>
          </cell>
          <cell r="BD164" t="e">
            <v>#N/A</v>
          </cell>
          <cell r="BF164" t="e">
            <v>#N/A</v>
          </cell>
          <cell r="BG164" t="e">
            <v>#DIV/0!</v>
          </cell>
          <cell r="BJ164">
            <v>0</v>
          </cell>
          <cell r="BK164">
            <v>0</v>
          </cell>
          <cell r="BL164" t="str">
            <v/>
          </cell>
          <cell r="BO164" t="str">
            <v/>
          </cell>
          <cell r="BP164" t="e">
            <v>#N/A</v>
          </cell>
          <cell r="BQ164" t="e">
            <v>#N/A</v>
          </cell>
          <cell r="BS164" t="e">
            <v>#N/A</v>
          </cell>
          <cell r="BT164" t="e">
            <v>#N/A</v>
          </cell>
        </row>
        <row r="165">
          <cell r="I165">
            <v>1</v>
          </cell>
          <cell r="J165" t="str">
            <v>式</v>
          </cell>
          <cell r="K165" t="str">
            <v/>
          </cell>
          <cell r="L165">
            <v>0</v>
          </cell>
          <cell r="M165" t="e">
            <v>#N/A</v>
          </cell>
          <cell r="V165" t="e">
            <v>#N/A</v>
          </cell>
          <cell r="W165" t="str">
            <v xml:space="preserve"> </v>
          </cell>
          <cell r="X165" t="e">
            <v>#N/A</v>
          </cell>
          <cell r="Y165" t="e">
            <v>#N/A</v>
          </cell>
          <cell r="AD165" t="e">
            <v>#VALUE!</v>
          </cell>
          <cell r="AH165" t="str">
            <v/>
          </cell>
          <cell r="AP165">
            <v>3</v>
          </cell>
          <cell r="BD165" t="e">
            <v>#N/A</v>
          </cell>
          <cell r="BF165" t="e">
            <v>#N/A</v>
          </cell>
          <cell r="BG165" t="e">
            <v>#DIV/0!</v>
          </cell>
          <cell r="BJ165">
            <v>0</v>
          </cell>
          <cell r="BK165">
            <v>0</v>
          </cell>
          <cell r="BL165" t="str">
            <v/>
          </cell>
          <cell r="BO165" t="str">
            <v/>
          </cell>
          <cell r="BP165" t="e">
            <v>#N/A</v>
          </cell>
          <cell r="BQ165" t="e">
            <v>#N/A</v>
          </cell>
          <cell r="BS165" t="e">
            <v>#N/A</v>
          </cell>
          <cell r="BT165" t="e">
            <v>#N/A</v>
          </cell>
        </row>
        <row r="166">
          <cell r="I166">
            <v>1</v>
          </cell>
          <cell r="J166" t="str">
            <v>式</v>
          </cell>
          <cell r="K166" t="str">
            <v/>
          </cell>
          <cell r="L166">
            <v>0</v>
          </cell>
          <cell r="M166" t="e">
            <v>#N/A</v>
          </cell>
          <cell r="V166" t="e">
            <v>#N/A</v>
          </cell>
          <cell r="W166" t="str">
            <v xml:space="preserve"> </v>
          </cell>
          <cell r="X166" t="e">
            <v>#N/A</v>
          </cell>
          <cell r="Y166" t="e">
            <v>#N/A</v>
          </cell>
          <cell r="AD166" t="e">
            <v>#VALUE!</v>
          </cell>
          <cell r="AH166" t="str">
            <v/>
          </cell>
          <cell r="AP166">
            <v>3</v>
          </cell>
          <cell r="BD166" t="e">
            <v>#N/A</v>
          </cell>
          <cell r="BF166" t="e">
            <v>#N/A</v>
          </cell>
          <cell r="BG166" t="e">
            <v>#DIV/0!</v>
          </cell>
          <cell r="BJ166">
            <v>0</v>
          </cell>
          <cell r="BK166">
            <v>0</v>
          </cell>
          <cell r="BL166" t="str">
            <v/>
          </cell>
          <cell r="BO166" t="str">
            <v/>
          </cell>
          <cell r="BP166" t="e">
            <v>#N/A</v>
          </cell>
          <cell r="BQ166" t="e">
            <v>#N/A</v>
          </cell>
          <cell r="BS166" t="e">
            <v>#N/A</v>
          </cell>
          <cell r="BT166" t="e">
            <v>#N/A</v>
          </cell>
        </row>
        <row r="167">
          <cell r="I167">
            <v>1</v>
          </cell>
          <cell r="J167" t="str">
            <v>式</v>
          </cell>
          <cell r="K167" t="str">
            <v/>
          </cell>
          <cell r="L167">
            <v>0</v>
          </cell>
          <cell r="M167" t="e">
            <v>#N/A</v>
          </cell>
          <cell r="V167" t="e">
            <v>#N/A</v>
          </cell>
          <cell r="W167" t="str">
            <v xml:space="preserve"> </v>
          </cell>
          <cell r="X167" t="e">
            <v>#N/A</v>
          </cell>
          <cell r="Y167" t="e">
            <v>#N/A</v>
          </cell>
          <cell r="AD167" t="e">
            <v>#VALUE!</v>
          </cell>
          <cell r="AH167" t="str">
            <v/>
          </cell>
          <cell r="AP167">
            <v>3</v>
          </cell>
          <cell r="BD167" t="e">
            <v>#N/A</v>
          </cell>
          <cell r="BF167" t="e">
            <v>#N/A</v>
          </cell>
          <cell r="BG167" t="e">
            <v>#DIV/0!</v>
          </cell>
          <cell r="BJ167">
            <v>0</v>
          </cell>
          <cell r="BK167">
            <v>0</v>
          </cell>
          <cell r="BL167" t="str">
            <v/>
          </cell>
          <cell r="BO167" t="str">
            <v/>
          </cell>
          <cell r="BP167" t="e">
            <v>#N/A</v>
          </cell>
          <cell r="BQ167" t="e">
            <v>#N/A</v>
          </cell>
          <cell r="BS167" t="e">
            <v>#N/A</v>
          </cell>
          <cell r="BT167" t="e">
            <v>#N/A</v>
          </cell>
        </row>
        <row r="168">
          <cell r="I168">
            <v>1</v>
          </cell>
          <cell r="J168" t="str">
            <v>式</v>
          </cell>
          <cell r="K168" t="str">
            <v/>
          </cell>
          <cell r="L168">
            <v>0</v>
          </cell>
          <cell r="M168" t="e">
            <v>#N/A</v>
          </cell>
          <cell r="V168" t="e">
            <v>#N/A</v>
          </cell>
          <cell r="W168" t="str">
            <v xml:space="preserve"> </v>
          </cell>
          <cell r="X168" t="e">
            <v>#N/A</v>
          </cell>
          <cell r="Y168" t="e">
            <v>#N/A</v>
          </cell>
          <cell r="AD168" t="e">
            <v>#VALUE!</v>
          </cell>
          <cell r="AH168" t="str">
            <v/>
          </cell>
          <cell r="AP168">
            <v>3</v>
          </cell>
          <cell r="BD168" t="e">
            <v>#N/A</v>
          </cell>
          <cell r="BF168" t="e">
            <v>#N/A</v>
          </cell>
          <cell r="BG168" t="e">
            <v>#DIV/0!</v>
          </cell>
          <cell r="BJ168">
            <v>0</v>
          </cell>
          <cell r="BK168">
            <v>0</v>
          </cell>
          <cell r="BL168" t="str">
            <v/>
          </cell>
          <cell r="BO168" t="str">
            <v/>
          </cell>
          <cell r="BP168" t="e">
            <v>#N/A</v>
          </cell>
          <cell r="BQ168" t="e">
            <v>#N/A</v>
          </cell>
          <cell r="BS168" t="e">
            <v>#N/A</v>
          </cell>
          <cell r="BT168" t="e">
            <v>#N/A</v>
          </cell>
        </row>
        <row r="169">
          <cell r="I169">
            <v>1</v>
          </cell>
          <cell r="J169" t="str">
            <v>式</v>
          </cell>
          <cell r="K169" t="str">
            <v/>
          </cell>
          <cell r="L169">
            <v>0</v>
          </cell>
          <cell r="M169" t="e">
            <v>#N/A</v>
          </cell>
          <cell r="V169" t="e">
            <v>#N/A</v>
          </cell>
          <cell r="W169" t="str">
            <v xml:space="preserve"> </v>
          </cell>
          <cell r="X169" t="e">
            <v>#N/A</v>
          </cell>
          <cell r="Y169" t="e">
            <v>#N/A</v>
          </cell>
          <cell r="AD169" t="e">
            <v>#VALUE!</v>
          </cell>
          <cell r="AH169" t="str">
            <v/>
          </cell>
          <cell r="AP169">
            <v>3</v>
          </cell>
          <cell r="BD169" t="e">
            <v>#N/A</v>
          </cell>
          <cell r="BF169" t="e">
            <v>#N/A</v>
          </cell>
          <cell r="BG169" t="e">
            <v>#DIV/0!</v>
          </cell>
          <cell r="BJ169">
            <v>0</v>
          </cell>
          <cell r="BK169">
            <v>0</v>
          </cell>
          <cell r="BL169" t="str">
            <v/>
          </cell>
          <cell r="BO169" t="str">
            <v/>
          </cell>
          <cell r="BP169" t="e">
            <v>#N/A</v>
          </cell>
          <cell r="BQ169" t="e">
            <v>#N/A</v>
          </cell>
          <cell r="BS169" t="e">
            <v>#N/A</v>
          </cell>
          <cell r="BT169" t="e">
            <v>#N/A</v>
          </cell>
        </row>
        <row r="170">
          <cell r="I170">
            <v>1</v>
          </cell>
          <cell r="J170" t="str">
            <v>式</v>
          </cell>
          <cell r="K170" t="str">
            <v/>
          </cell>
          <cell r="L170">
            <v>0</v>
          </cell>
          <cell r="M170" t="e">
            <v>#N/A</v>
          </cell>
          <cell r="V170" t="e">
            <v>#N/A</v>
          </cell>
          <cell r="W170" t="str">
            <v xml:space="preserve"> </v>
          </cell>
          <cell r="X170" t="e">
            <v>#N/A</v>
          </cell>
          <cell r="Y170" t="e">
            <v>#N/A</v>
          </cell>
          <cell r="AD170" t="e">
            <v>#VALUE!</v>
          </cell>
          <cell r="AH170" t="str">
            <v/>
          </cell>
          <cell r="AP170">
            <v>3</v>
          </cell>
          <cell r="BD170" t="e">
            <v>#N/A</v>
          </cell>
          <cell r="BF170" t="e">
            <v>#N/A</v>
          </cell>
          <cell r="BG170" t="e">
            <v>#DIV/0!</v>
          </cell>
          <cell r="BJ170">
            <v>0</v>
          </cell>
          <cell r="BK170">
            <v>0</v>
          </cell>
          <cell r="BL170" t="str">
            <v/>
          </cell>
          <cell r="BO170" t="str">
            <v/>
          </cell>
          <cell r="BP170" t="e">
            <v>#N/A</v>
          </cell>
          <cell r="BQ170" t="e">
            <v>#N/A</v>
          </cell>
          <cell r="BS170" t="e">
            <v>#N/A</v>
          </cell>
          <cell r="BT170" t="e">
            <v>#N/A</v>
          </cell>
        </row>
        <row r="171">
          <cell r="I171">
            <v>1</v>
          </cell>
          <cell r="J171" t="str">
            <v>式</v>
          </cell>
          <cell r="K171" t="str">
            <v/>
          </cell>
          <cell r="L171">
            <v>0</v>
          </cell>
          <cell r="M171" t="e">
            <v>#N/A</v>
          </cell>
          <cell r="V171" t="e">
            <v>#N/A</v>
          </cell>
          <cell r="W171" t="str">
            <v xml:space="preserve"> </v>
          </cell>
          <cell r="X171" t="e">
            <v>#N/A</v>
          </cell>
          <cell r="Y171" t="e">
            <v>#N/A</v>
          </cell>
          <cell r="AD171" t="e">
            <v>#VALUE!</v>
          </cell>
          <cell r="AH171" t="str">
            <v/>
          </cell>
          <cell r="AP171">
            <v>3</v>
          </cell>
          <cell r="BD171" t="e">
            <v>#N/A</v>
          </cell>
          <cell r="BF171" t="e">
            <v>#N/A</v>
          </cell>
          <cell r="BG171" t="e">
            <v>#DIV/0!</v>
          </cell>
          <cell r="BJ171">
            <v>0</v>
          </cell>
          <cell r="BK171">
            <v>0</v>
          </cell>
          <cell r="BL171" t="str">
            <v/>
          </cell>
          <cell r="BO171" t="str">
            <v/>
          </cell>
          <cell r="BP171" t="e">
            <v>#N/A</v>
          </cell>
          <cell r="BQ171" t="e">
            <v>#N/A</v>
          </cell>
          <cell r="BS171" t="e">
            <v>#N/A</v>
          </cell>
          <cell r="BT171" t="e">
            <v>#N/A</v>
          </cell>
        </row>
        <row r="172">
          <cell r="I172">
            <v>1</v>
          </cell>
          <cell r="J172" t="str">
            <v>式</v>
          </cell>
          <cell r="K172" t="str">
            <v/>
          </cell>
          <cell r="L172">
            <v>0</v>
          </cell>
          <cell r="M172" t="e">
            <v>#N/A</v>
          </cell>
          <cell r="V172" t="e">
            <v>#N/A</v>
          </cell>
          <cell r="W172" t="str">
            <v xml:space="preserve"> </v>
          </cell>
          <cell r="X172" t="e">
            <v>#N/A</v>
          </cell>
          <cell r="Y172" t="e">
            <v>#N/A</v>
          </cell>
          <cell r="AD172" t="e">
            <v>#VALUE!</v>
          </cell>
          <cell r="AH172" t="str">
            <v/>
          </cell>
          <cell r="AP172">
            <v>3</v>
          </cell>
          <cell r="BD172" t="e">
            <v>#N/A</v>
          </cell>
          <cell r="BF172" t="e">
            <v>#N/A</v>
          </cell>
          <cell r="BG172" t="e">
            <v>#DIV/0!</v>
          </cell>
          <cell r="BJ172">
            <v>0</v>
          </cell>
          <cell r="BK172">
            <v>0</v>
          </cell>
          <cell r="BL172" t="str">
            <v/>
          </cell>
          <cell r="BO172" t="str">
            <v/>
          </cell>
          <cell r="BP172" t="e">
            <v>#N/A</v>
          </cell>
          <cell r="BQ172" t="e">
            <v>#N/A</v>
          </cell>
          <cell r="BS172" t="e">
            <v>#N/A</v>
          </cell>
          <cell r="BT172" t="e">
            <v>#N/A</v>
          </cell>
        </row>
        <row r="173">
          <cell r="I173">
            <v>1</v>
          </cell>
          <cell r="J173" t="str">
            <v>式</v>
          </cell>
          <cell r="K173" t="str">
            <v/>
          </cell>
          <cell r="L173">
            <v>0</v>
          </cell>
          <cell r="M173" t="e">
            <v>#N/A</v>
          </cell>
          <cell r="V173" t="e">
            <v>#N/A</v>
          </cell>
          <cell r="W173" t="str">
            <v xml:space="preserve"> </v>
          </cell>
          <cell r="X173" t="e">
            <v>#N/A</v>
          </cell>
          <cell r="Y173" t="e">
            <v>#N/A</v>
          </cell>
          <cell r="AD173" t="e">
            <v>#VALUE!</v>
          </cell>
          <cell r="AH173" t="str">
            <v/>
          </cell>
          <cell r="AP173">
            <v>3</v>
          </cell>
          <cell r="BD173" t="e">
            <v>#N/A</v>
          </cell>
          <cell r="BF173" t="e">
            <v>#N/A</v>
          </cell>
          <cell r="BG173" t="e">
            <v>#DIV/0!</v>
          </cell>
          <cell r="BJ173">
            <v>0</v>
          </cell>
          <cell r="BK173">
            <v>0</v>
          </cell>
          <cell r="BL173" t="str">
            <v/>
          </cell>
          <cell r="BO173" t="str">
            <v/>
          </cell>
          <cell r="BP173" t="e">
            <v>#N/A</v>
          </cell>
          <cell r="BQ173" t="e">
            <v>#N/A</v>
          </cell>
          <cell r="BS173" t="e">
            <v>#N/A</v>
          </cell>
          <cell r="BT173" t="e">
            <v>#N/A</v>
          </cell>
        </row>
        <row r="174">
          <cell r="I174">
            <v>1</v>
          </cell>
          <cell r="J174" t="str">
            <v>式</v>
          </cell>
          <cell r="K174" t="str">
            <v/>
          </cell>
          <cell r="L174">
            <v>0</v>
          </cell>
          <cell r="M174" t="e">
            <v>#N/A</v>
          </cell>
          <cell r="V174" t="e">
            <v>#N/A</v>
          </cell>
          <cell r="W174" t="str">
            <v xml:space="preserve"> </v>
          </cell>
          <cell r="X174" t="e">
            <v>#N/A</v>
          </cell>
          <cell r="Y174" t="e">
            <v>#N/A</v>
          </cell>
          <cell r="AD174" t="e">
            <v>#VALUE!</v>
          </cell>
          <cell r="AH174" t="str">
            <v/>
          </cell>
          <cell r="AP174">
            <v>3</v>
          </cell>
          <cell r="BD174" t="e">
            <v>#N/A</v>
          </cell>
          <cell r="BF174" t="e">
            <v>#N/A</v>
          </cell>
          <cell r="BG174" t="e">
            <v>#DIV/0!</v>
          </cell>
          <cell r="BJ174">
            <v>0</v>
          </cell>
          <cell r="BK174">
            <v>0</v>
          </cell>
          <cell r="BL174" t="str">
            <v/>
          </cell>
          <cell r="BO174" t="str">
            <v/>
          </cell>
          <cell r="BP174" t="e">
            <v>#N/A</v>
          </cell>
          <cell r="BQ174" t="e">
            <v>#N/A</v>
          </cell>
          <cell r="BS174" t="e">
            <v>#N/A</v>
          </cell>
          <cell r="BT174" t="e">
            <v>#N/A</v>
          </cell>
        </row>
        <row r="175">
          <cell r="I175">
            <v>1</v>
          </cell>
          <cell r="J175" t="str">
            <v>式</v>
          </cell>
          <cell r="K175" t="str">
            <v/>
          </cell>
          <cell r="L175">
            <v>0</v>
          </cell>
          <cell r="M175" t="e">
            <v>#N/A</v>
          </cell>
          <cell r="V175" t="e">
            <v>#N/A</v>
          </cell>
          <cell r="W175" t="str">
            <v xml:space="preserve"> </v>
          </cell>
          <cell r="X175" t="e">
            <v>#N/A</v>
          </cell>
          <cell r="Y175" t="e">
            <v>#N/A</v>
          </cell>
          <cell r="AD175" t="e">
            <v>#VALUE!</v>
          </cell>
          <cell r="AH175" t="str">
            <v/>
          </cell>
          <cell r="AP175">
            <v>3</v>
          </cell>
          <cell r="BD175" t="e">
            <v>#N/A</v>
          </cell>
          <cell r="BF175" t="e">
            <v>#N/A</v>
          </cell>
          <cell r="BG175" t="e">
            <v>#DIV/0!</v>
          </cell>
          <cell r="BJ175">
            <v>0</v>
          </cell>
          <cell r="BK175">
            <v>0</v>
          </cell>
          <cell r="BL175" t="str">
            <v/>
          </cell>
          <cell r="BO175" t="str">
            <v/>
          </cell>
          <cell r="BP175" t="e">
            <v>#N/A</v>
          </cell>
          <cell r="BQ175" t="e">
            <v>#N/A</v>
          </cell>
          <cell r="BS175" t="e">
            <v>#N/A</v>
          </cell>
          <cell r="BT175" t="e">
            <v>#N/A</v>
          </cell>
        </row>
        <row r="176">
          <cell r="I176">
            <v>1</v>
          </cell>
          <cell r="J176" t="str">
            <v>式</v>
          </cell>
          <cell r="K176" t="str">
            <v/>
          </cell>
          <cell r="L176">
            <v>0</v>
          </cell>
          <cell r="M176" t="e">
            <v>#N/A</v>
          </cell>
          <cell r="V176" t="e">
            <v>#N/A</v>
          </cell>
          <cell r="W176" t="str">
            <v xml:space="preserve"> </v>
          </cell>
          <cell r="X176" t="e">
            <v>#N/A</v>
          </cell>
          <cell r="Y176" t="e">
            <v>#N/A</v>
          </cell>
          <cell r="AD176" t="e">
            <v>#VALUE!</v>
          </cell>
          <cell r="AH176" t="str">
            <v/>
          </cell>
          <cell r="AP176">
            <v>3</v>
          </cell>
          <cell r="BD176" t="e">
            <v>#N/A</v>
          </cell>
          <cell r="BF176" t="e">
            <v>#N/A</v>
          </cell>
          <cell r="BG176" t="e">
            <v>#DIV/0!</v>
          </cell>
          <cell r="BJ176">
            <v>0</v>
          </cell>
          <cell r="BK176">
            <v>0</v>
          </cell>
          <cell r="BL176" t="str">
            <v/>
          </cell>
          <cell r="BO176" t="str">
            <v/>
          </cell>
          <cell r="BP176" t="e">
            <v>#N/A</v>
          </cell>
          <cell r="BQ176" t="e">
            <v>#N/A</v>
          </cell>
          <cell r="BS176" t="e">
            <v>#N/A</v>
          </cell>
          <cell r="BT176" t="e">
            <v>#N/A</v>
          </cell>
        </row>
        <row r="177">
          <cell r="I177">
            <v>1</v>
          </cell>
          <cell r="J177" t="str">
            <v>式</v>
          </cell>
          <cell r="K177" t="str">
            <v/>
          </cell>
          <cell r="L177">
            <v>0</v>
          </cell>
          <cell r="M177" t="e">
            <v>#N/A</v>
          </cell>
          <cell r="V177" t="e">
            <v>#N/A</v>
          </cell>
          <cell r="W177" t="str">
            <v xml:space="preserve"> </v>
          </cell>
          <cell r="X177" t="e">
            <v>#N/A</v>
          </cell>
          <cell r="Y177" t="e">
            <v>#N/A</v>
          </cell>
          <cell r="AD177" t="e">
            <v>#VALUE!</v>
          </cell>
          <cell r="AH177" t="str">
            <v/>
          </cell>
          <cell r="AP177">
            <v>3</v>
          </cell>
          <cell r="BD177" t="e">
            <v>#N/A</v>
          </cell>
          <cell r="BF177" t="e">
            <v>#N/A</v>
          </cell>
          <cell r="BG177" t="e">
            <v>#DIV/0!</v>
          </cell>
          <cell r="BJ177">
            <v>0</v>
          </cell>
          <cell r="BK177">
            <v>0</v>
          </cell>
          <cell r="BL177" t="str">
            <v/>
          </cell>
          <cell r="BO177" t="str">
            <v/>
          </cell>
          <cell r="BP177" t="e">
            <v>#N/A</v>
          </cell>
          <cell r="BQ177" t="e">
            <v>#N/A</v>
          </cell>
          <cell r="BS177" t="e">
            <v>#N/A</v>
          </cell>
          <cell r="BT177" t="e">
            <v>#N/A</v>
          </cell>
        </row>
        <row r="178">
          <cell r="I178">
            <v>1</v>
          </cell>
          <cell r="J178" t="str">
            <v>式</v>
          </cell>
          <cell r="K178" t="str">
            <v/>
          </cell>
          <cell r="L178">
            <v>0</v>
          </cell>
          <cell r="M178" t="e">
            <v>#N/A</v>
          </cell>
          <cell r="V178" t="e">
            <v>#N/A</v>
          </cell>
          <cell r="W178" t="str">
            <v xml:space="preserve"> </v>
          </cell>
          <cell r="X178" t="e">
            <v>#N/A</v>
          </cell>
          <cell r="Y178" t="e">
            <v>#N/A</v>
          </cell>
          <cell r="AD178" t="e">
            <v>#VALUE!</v>
          </cell>
          <cell r="AH178" t="str">
            <v/>
          </cell>
          <cell r="AP178">
            <v>3</v>
          </cell>
          <cell r="BD178" t="e">
            <v>#N/A</v>
          </cell>
          <cell r="BF178" t="e">
            <v>#N/A</v>
          </cell>
          <cell r="BG178" t="e">
            <v>#DIV/0!</v>
          </cell>
          <cell r="BJ178">
            <v>0</v>
          </cell>
          <cell r="BK178">
            <v>0</v>
          </cell>
          <cell r="BL178" t="str">
            <v/>
          </cell>
          <cell r="BO178" t="str">
            <v/>
          </cell>
          <cell r="BP178" t="e">
            <v>#N/A</v>
          </cell>
          <cell r="BQ178" t="e">
            <v>#N/A</v>
          </cell>
          <cell r="BS178" t="e">
            <v>#N/A</v>
          </cell>
          <cell r="BT178" t="e">
            <v>#N/A</v>
          </cell>
        </row>
        <row r="179">
          <cell r="I179">
            <v>1</v>
          </cell>
          <cell r="J179" t="str">
            <v>式</v>
          </cell>
          <cell r="K179" t="str">
            <v/>
          </cell>
          <cell r="L179">
            <v>0</v>
          </cell>
          <cell r="M179" t="e">
            <v>#N/A</v>
          </cell>
          <cell r="V179" t="e">
            <v>#N/A</v>
          </cell>
          <cell r="W179" t="str">
            <v xml:space="preserve"> </v>
          </cell>
          <cell r="X179" t="e">
            <v>#N/A</v>
          </cell>
          <cell r="Y179" t="e">
            <v>#N/A</v>
          </cell>
          <cell r="AD179" t="e">
            <v>#VALUE!</v>
          </cell>
          <cell r="AH179" t="str">
            <v/>
          </cell>
          <cell r="AP179">
            <v>3</v>
          </cell>
          <cell r="BD179" t="e">
            <v>#N/A</v>
          </cell>
          <cell r="BF179" t="e">
            <v>#N/A</v>
          </cell>
          <cell r="BG179" t="e">
            <v>#DIV/0!</v>
          </cell>
          <cell r="BJ179">
            <v>0</v>
          </cell>
          <cell r="BK179">
            <v>0</v>
          </cell>
          <cell r="BL179" t="str">
            <v/>
          </cell>
          <cell r="BO179" t="str">
            <v/>
          </cell>
          <cell r="BP179" t="e">
            <v>#N/A</v>
          </cell>
          <cell r="BQ179" t="e">
            <v>#N/A</v>
          </cell>
          <cell r="BS179" t="e">
            <v>#N/A</v>
          </cell>
          <cell r="BT179" t="e">
            <v>#N/A</v>
          </cell>
        </row>
        <row r="180">
          <cell r="I180">
            <v>1</v>
          </cell>
          <cell r="J180" t="str">
            <v>式</v>
          </cell>
          <cell r="K180" t="str">
            <v/>
          </cell>
          <cell r="L180">
            <v>0</v>
          </cell>
          <cell r="M180" t="e">
            <v>#N/A</v>
          </cell>
          <cell r="V180" t="e">
            <v>#N/A</v>
          </cell>
          <cell r="W180" t="str">
            <v xml:space="preserve"> </v>
          </cell>
          <cell r="X180" t="e">
            <v>#N/A</v>
          </cell>
          <cell r="Y180" t="e">
            <v>#N/A</v>
          </cell>
          <cell r="AD180" t="e">
            <v>#VALUE!</v>
          </cell>
          <cell r="AH180" t="str">
            <v/>
          </cell>
          <cell r="AP180">
            <v>3</v>
          </cell>
          <cell r="BD180" t="e">
            <v>#N/A</v>
          </cell>
          <cell r="BF180" t="e">
            <v>#N/A</v>
          </cell>
          <cell r="BG180" t="e">
            <v>#DIV/0!</v>
          </cell>
          <cell r="BJ180">
            <v>0</v>
          </cell>
          <cell r="BK180">
            <v>0</v>
          </cell>
          <cell r="BL180" t="str">
            <v/>
          </cell>
          <cell r="BO180" t="str">
            <v/>
          </cell>
          <cell r="BP180" t="e">
            <v>#N/A</v>
          </cell>
          <cell r="BQ180" t="e">
            <v>#N/A</v>
          </cell>
          <cell r="BS180" t="e">
            <v>#N/A</v>
          </cell>
          <cell r="BT180" t="e">
            <v>#N/A</v>
          </cell>
        </row>
        <row r="181">
          <cell r="I181">
            <v>1</v>
          </cell>
          <cell r="J181" t="str">
            <v>式</v>
          </cell>
          <cell r="K181" t="str">
            <v/>
          </cell>
          <cell r="L181">
            <v>0</v>
          </cell>
          <cell r="M181" t="e">
            <v>#N/A</v>
          </cell>
          <cell r="V181" t="e">
            <v>#N/A</v>
          </cell>
          <cell r="W181" t="str">
            <v xml:space="preserve"> </v>
          </cell>
          <cell r="X181" t="e">
            <v>#N/A</v>
          </cell>
          <cell r="Y181" t="e">
            <v>#N/A</v>
          </cell>
          <cell r="AD181" t="e">
            <v>#VALUE!</v>
          </cell>
          <cell r="AH181" t="str">
            <v/>
          </cell>
          <cell r="AP181">
            <v>3</v>
          </cell>
          <cell r="BD181" t="e">
            <v>#N/A</v>
          </cell>
          <cell r="BF181" t="e">
            <v>#N/A</v>
          </cell>
          <cell r="BG181" t="e">
            <v>#DIV/0!</v>
          </cell>
          <cell r="BJ181">
            <v>0</v>
          </cell>
          <cell r="BK181">
            <v>0</v>
          </cell>
          <cell r="BL181" t="str">
            <v/>
          </cell>
          <cell r="BO181" t="str">
            <v/>
          </cell>
          <cell r="BP181" t="e">
            <v>#N/A</v>
          </cell>
          <cell r="BQ181" t="e">
            <v>#N/A</v>
          </cell>
          <cell r="BS181" t="e">
            <v>#N/A</v>
          </cell>
          <cell r="BT181" t="e">
            <v>#N/A</v>
          </cell>
        </row>
        <row r="182">
          <cell r="I182">
            <v>1</v>
          </cell>
          <cell r="J182" t="str">
            <v>式</v>
          </cell>
          <cell r="K182" t="str">
            <v/>
          </cell>
          <cell r="L182">
            <v>0</v>
          </cell>
          <cell r="M182" t="e">
            <v>#N/A</v>
          </cell>
          <cell r="V182" t="e">
            <v>#N/A</v>
          </cell>
          <cell r="W182" t="str">
            <v xml:space="preserve"> </v>
          </cell>
          <cell r="X182" t="e">
            <v>#N/A</v>
          </cell>
          <cell r="Y182" t="e">
            <v>#N/A</v>
          </cell>
          <cell r="AD182" t="e">
            <v>#VALUE!</v>
          </cell>
          <cell r="AH182" t="str">
            <v/>
          </cell>
          <cell r="AP182">
            <v>3</v>
          </cell>
          <cell r="BD182" t="e">
            <v>#N/A</v>
          </cell>
          <cell r="BF182" t="e">
            <v>#N/A</v>
          </cell>
          <cell r="BG182" t="e">
            <v>#DIV/0!</v>
          </cell>
          <cell r="BJ182">
            <v>0</v>
          </cell>
          <cell r="BK182">
            <v>0</v>
          </cell>
          <cell r="BL182" t="str">
            <v/>
          </cell>
          <cell r="BO182" t="str">
            <v/>
          </cell>
          <cell r="BP182" t="e">
            <v>#N/A</v>
          </cell>
          <cell r="BQ182" t="e">
            <v>#N/A</v>
          </cell>
          <cell r="BS182" t="e">
            <v>#N/A</v>
          </cell>
          <cell r="BT182" t="e">
            <v>#N/A</v>
          </cell>
        </row>
        <row r="183">
          <cell r="I183">
            <v>1</v>
          </cell>
          <cell r="J183" t="str">
            <v>式</v>
          </cell>
          <cell r="K183" t="str">
            <v/>
          </cell>
          <cell r="L183">
            <v>0</v>
          </cell>
          <cell r="M183" t="e">
            <v>#N/A</v>
          </cell>
          <cell r="V183" t="e">
            <v>#N/A</v>
          </cell>
          <cell r="W183" t="str">
            <v xml:space="preserve"> </v>
          </cell>
          <cell r="X183" t="e">
            <v>#N/A</v>
          </cell>
          <cell r="Y183" t="e">
            <v>#N/A</v>
          </cell>
          <cell r="AD183" t="e">
            <v>#VALUE!</v>
          </cell>
          <cell r="AH183" t="str">
            <v/>
          </cell>
          <cell r="AP183">
            <v>3</v>
          </cell>
          <cell r="BD183" t="e">
            <v>#N/A</v>
          </cell>
          <cell r="BF183" t="e">
            <v>#N/A</v>
          </cell>
          <cell r="BG183" t="e">
            <v>#DIV/0!</v>
          </cell>
          <cell r="BJ183">
            <v>0</v>
          </cell>
          <cell r="BK183">
            <v>0</v>
          </cell>
          <cell r="BL183" t="str">
            <v/>
          </cell>
          <cell r="BO183" t="str">
            <v/>
          </cell>
          <cell r="BP183" t="e">
            <v>#N/A</v>
          </cell>
          <cell r="BQ183" t="e">
            <v>#N/A</v>
          </cell>
          <cell r="BS183" t="e">
            <v>#N/A</v>
          </cell>
          <cell r="BT183" t="e">
            <v>#N/A</v>
          </cell>
        </row>
        <row r="184">
          <cell r="I184">
            <v>1</v>
          </cell>
          <cell r="J184" t="str">
            <v>式</v>
          </cell>
          <cell r="K184" t="str">
            <v/>
          </cell>
          <cell r="L184">
            <v>0</v>
          </cell>
          <cell r="M184" t="e">
            <v>#N/A</v>
          </cell>
          <cell r="V184" t="e">
            <v>#N/A</v>
          </cell>
          <cell r="W184" t="str">
            <v xml:space="preserve"> </v>
          </cell>
          <cell r="X184" t="e">
            <v>#N/A</v>
          </cell>
          <cell r="Y184" t="e">
            <v>#N/A</v>
          </cell>
          <cell r="AD184" t="e">
            <v>#VALUE!</v>
          </cell>
          <cell r="AH184" t="str">
            <v/>
          </cell>
          <cell r="AP184">
            <v>3</v>
          </cell>
          <cell r="BD184" t="e">
            <v>#N/A</v>
          </cell>
          <cell r="BF184" t="e">
            <v>#N/A</v>
          </cell>
          <cell r="BG184" t="e">
            <v>#DIV/0!</v>
          </cell>
          <cell r="BJ184">
            <v>0</v>
          </cell>
          <cell r="BK184">
            <v>0</v>
          </cell>
          <cell r="BL184" t="str">
            <v/>
          </cell>
          <cell r="BO184" t="str">
            <v/>
          </cell>
          <cell r="BP184" t="e">
            <v>#N/A</v>
          </cell>
          <cell r="BQ184" t="e">
            <v>#N/A</v>
          </cell>
          <cell r="BS184" t="e">
            <v>#N/A</v>
          </cell>
          <cell r="BT184" t="e">
            <v>#N/A</v>
          </cell>
        </row>
        <row r="185">
          <cell r="I185">
            <v>1</v>
          </cell>
          <cell r="J185" t="str">
            <v>式</v>
          </cell>
          <cell r="K185" t="str">
            <v/>
          </cell>
          <cell r="L185">
            <v>0</v>
          </cell>
          <cell r="M185" t="e">
            <v>#N/A</v>
          </cell>
          <cell r="V185" t="e">
            <v>#N/A</v>
          </cell>
          <cell r="W185" t="str">
            <v xml:space="preserve"> </v>
          </cell>
          <cell r="X185" t="e">
            <v>#N/A</v>
          </cell>
          <cell r="Y185" t="e">
            <v>#N/A</v>
          </cell>
          <cell r="AD185" t="e">
            <v>#VALUE!</v>
          </cell>
          <cell r="AH185" t="str">
            <v/>
          </cell>
          <cell r="AP185">
            <v>3</v>
          </cell>
          <cell r="BD185" t="e">
            <v>#N/A</v>
          </cell>
          <cell r="BF185" t="e">
            <v>#N/A</v>
          </cell>
          <cell r="BG185" t="e">
            <v>#DIV/0!</v>
          </cell>
          <cell r="BJ185">
            <v>0</v>
          </cell>
          <cell r="BK185">
            <v>0</v>
          </cell>
          <cell r="BL185" t="str">
            <v/>
          </cell>
          <cell r="BO185" t="str">
            <v/>
          </cell>
          <cell r="BP185" t="e">
            <v>#N/A</v>
          </cell>
          <cell r="BQ185" t="e">
            <v>#N/A</v>
          </cell>
          <cell r="BS185" t="e">
            <v>#N/A</v>
          </cell>
          <cell r="BT185" t="e">
            <v>#N/A</v>
          </cell>
        </row>
        <row r="186">
          <cell r="I186">
            <v>1</v>
          </cell>
          <cell r="J186" t="str">
            <v>式</v>
          </cell>
          <cell r="K186" t="str">
            <v/>
          </cell>
          <cell r="L186">
            <v>0</v>
          </cell>
          <cell r="M186" t="e">
            <v>#N/A</v>
          </cell>
          <cell r="V186" t="e">
            <v>#N/A</v>
          </cell>
          <cell r="W186" t="str">
            <v xml:space="preserve"> </v>
          </cell>
          <cell r="X186" t="e">
            <v>#N/A</v>
          </cell>
          <cell r="Y186" t="e">
            <v>#N/A</v>
          </cell>
          <cell r="AD186" t="e">
            <v>#VALUE!</v>
          </cell>
          <cell r="AH186" t="str">
            <v/>
          </cell>
          <cell r="AP186">
            <v>3</v>
          </cell>
          <cell r="BD186" t="e">
            <v>#N/A</v>
          </cell>
          <cell r="BF186" t="e">
            <v>#N/A</v>
          </cell>
          <cell r="BG186" t="e">
            <v>#DIV/0!</v>
          </cell>
          <cell r="BJ186">
            <v>0</v>
          </cell>
          <cell r="BK186">
            <v>0</v>
          </cell>
          <cell r="BL186" t="str">
            <v/>
          </cell>
          <cell r="BO186" t="str">
            <v/>
          </cell>
          <cell r="BP186" t="e">
            <v>#N/A</v>
          </cell>
          <cell r="BQ186" t="e">
            <v>#N/A</v>
          </cell>
          <cell r="BS186" t="e">
            <v>#N/A</v>
          </cell>
          <cell r="BT186" t="e">
            <v>#N/A</v>
          </cell>
        </row>
        <row r="187">
          <cell r="I187">
            <v>1</v>
          </cell>
          <cell r="J187" t="str">
            <v>式</v>
          </cell>
          <cell r="K187" t="str">
            <v/>
          </cell>
          <cell r="L187">
            <v>0</v>
          </cell>
          <cell r="M187" t="e">
            <v>#N/A</v>
          </cell>
          <cell r="V187" t="e">
            <v>#N/A</v>
          </cell>
          <cell r="W187" t="str">
            <v xml:space="preserve"> </v>
          </cell>
          <cell r="X187" t="e">
            <v>#N/A</v>
          </cell>
          <cell r="Y187" t="e">
            <v>#N/A</v>
          </cell>
          <cell r="AD187" t="e">
            <v>#VALUE!</v>
          </cell>
          <cell r="AH187" t="str">
            <v/>
          </cell>
          <cell r="AP187">
            <v>3</v>
          </cell>
          <cell r="BD187" t="e">
            <v>#N/A</v>
          </cell>
          <cell r="BF187" t="e">
            <v>#N/A</v>
          </cell>
          <cell r="BG187" t="e">
            <v>#DIV/0!</v>
          </cell>
          <cell r="BJ187">
            <v>0</v>
          </cell>
          <cell r="BK187">
            <v>0</v>
          </cell>
          <cell r="BL187" t="str">
            <v/>
          </cell>
          <cell r="BO187" t="str">
            <v/>
          </cell>
          <cell r="BP187" t="e">
            <v>#N/A</v>
          </cell>
          <cell r="BQ187" t="e">
            <v>#N/A</v>
          </cell>
          <cell r="BS187" t="e">
            <v>#N/A</v>
          </cell>
          <cell r="BT187" t="e">
            <v>#N/A</v>
          </cell>
        </row>
        <row r="188">
          <cell r="I188">
            <v>1</v>
          </cell>
          <cell r="J188" t="str">
            <v>式</v>
          </cell>
          <cell r="K188" t="str">
            <v/>
          </cell>
          <cell r="L188">
            <v>0</v>
          </cell>
          <cell r="M188" t="e">
            <v>#N/A</v>
          </cell>
          <cell r="V188" t="e">
            <v>#N/A</v>
          </cell>
          <cell r="W188" t="str">
            <v xml:space="preserve"> </v>
          </cell>
          <cell r="X188" t="e">
            <v>#N/A</v>
          </cell>
          <cell r="Y188" t="e">
            <v>#N/A</v>
          </cell>
          <cell r="AD188" t="e">
            <v>#VALUE!</v>
          </cell>
          <cell r="AH188" t="str">
            <v/>
          </cell>
          <cell r="AP188">
            <v>3</v>
          </cell>
          <cell r="BD188" t="e">
            <v>#N/A</v>
          </cell>
          <cell r="BF188" t="e">
            <v>#N/A</v>
          </cell>
          <cell r="BG188" t="e">
            <v>#DIV/0!</v>
          </cell>
          <cell r="BJ188">
            <v>0</v>
          </cell>
          <cell r="BK188">
            <v>0</v>
          </cell>
          <cell r="BL188" t="str">
            <v/>
          </cell>
          <cell r="BO188" t="str">
            <v/>
          </cell>
          <cell r="BP188" t="e">
            <v>#N/A</v>
          </cell>
          <cell r="BQ188" t="e">
            <v>#N/A</v>
          </cell>
          <cell r="BS188" t="e">
            <v>#N/A</v>
          </cell>
          <cell r="BT188" t="e">
            <v>#N/A</v>
          </cell>
        </row>
        <row r="189">
          <cell r="I189">
            <v>1</v>
          </cell>
          <cell r="J189" t="str">
            <v>式</v>
          </cell>
          <cell r="K189" t="str">
            <v/>
          </cell>
          <cell r="L189">
            <v>0</v>
          </cell>
          <cell r="M189" t="e">
            <v>#N/A</v>
          </cell>
          <cell r="V189" t="e">
            <v>#N/A</v>
          </cell>
          <cell r="W189" t="str">
            <v xml:space="preserve"> </v>
          </cell>
          <cell r="X189" t="e">
            <v>#N/A</v>
          </cell>
          <cell r="Y189" t="e">
            <v>#N/A</v>
          </cell>
          <cell r="AD189" t="e">
            <v>#VALUE!</v>
          </cell>
          <cell r="AH189" t="str">
            <v/>
          </cell>
          <cell r="AP189">
            <v>3</v>
          </cell>
          <cell r="BD189" t="e">
            <v>#N/A</v>
          </cell>
          <cell r="BF189" t="e">
            <v>#N/A</v>
          </cell>
          <cell r="BG189" t="e">
            <v>#DIV/0!</v>
          </cell>
          <cell r="BJ189">
            <v>0</v>
          </cell>
          <cell r="BK189">
            <v>0</v>
          </cell>
          <cell r="BL189" t="str">
            <v/>
          </cell>
          <cell r="BO189" t="str">
            <v/>
          </cell>
          <cell r="BP189" t="e">
            <v>#N/A</v>
          </cell>
          <cell r="BQ189" t="e">
            <v>#N/A</v>
          </cell>
          <cell r="BS189" t="e">
            <v>#N/A</v>
          </cell>
          <cell r="BT189" t="e">
            <v>#N/A</v>
          </cell>
        </row>
        <row r="190">
          <cell r="I190">
            <v>1</v>
          </cell>
          <cell r="J190" t="str">
            <v>式</v>
          </cell>
          <cell r="K190" t="str">
            <v/>
          </cell>
          <cell r="L190">
            <v>0</v>
          </cell>
          <cell r="M190" t="e">
            <v>#N/A</v>
          </cell>
          <cell r="V190" t="e">
            <v>#N/A</v>
          </cell>
          <cell r="W190" t="str">
            <v xml:space="preserve"> </v>
          </cell>
          <cell r="X190" t="e">
            <v>#N/A</v>
          </cell>
          <cell r="Y190" t="e">
            <v>#N/A</v>
          </cell>
          <cell r="AD190" t="e">
            <v>#VALUE!</v>
          </cell>
          <cell r="AH190" t="str">
            <v/>
          </cell>
          <cell r="AP190">
            <v>3</v>
          </cell>
          <cell r="BD190" t="e">
            <v>#N/A</v>
          </cell>
          <cell r="BF190" t="e">
            <v>#N/A</v>
          </cell>
          <cell r="BG190" t="e">
            <v>#DIV/0!</v>
          </cell>
          <cell r="BJ190">
            <v>0</v>
          </cell>
          <cell r="BK190">
            <v>0</v>
          </cell>
          <cell r="BL190" t="str">
            <v/>
          </cell>
          <cell r="BO190" t="str">
            <v/>
          </cell>
          <cell r="BP190" t="e">
            <v>#N/A</v>
          </cell>
          <cell r="BQ190" t="e">
            <v>#N/A</v>
          </cell>
          <cell r="BS190" t="e">
            <v>#N/A</v>
          </cell>
          <cell r="BT190" t="e">
            <v>#N/A</v>
          </cell>
        </row>
        <row r="191">
          <cell r="I191">
            <v>1</v>
          </cell>
          <cell r="J191" t="str">
            <v>式</v>
          </cell>
          <cell r="K191" t="str">
            <v/>
          </cell>
          <cell r="L191">
            <v>0</v>
          </cell>
          <cell r="M191" t="e">
            <v>#N/A</v>
          </cell>
          <cell r="V191" t="e">
            <v>#N/A</v>
          </cell>
          <cell r="W191" t="str">
            <v xml:space="preserve"> </v>
          </cell>
          <cell r="X191" t="e">
            <v>#N/A</v>
          </cell>
          <cell r="Y191" t="e">
            <v>#N/A</v>
          </cell>
          <cell r="AD191" t="e">
            <v>#VALUE!</v>
          </cell>
          <cell r="AH191" t="str">
            <v/>
          </cell>
          <cell r="AP191">
            <v>3</v>
          </cell>
          <cell r="BD191" t="e">
            <v>#N/A</v>
          </cell>
          <cell r="BF191" t="e">
            <v>#N/A</v>
          </cell>
          <cell r="BG191" t="e">
            <v>#DIV/0!</v>
          </cell>
          <cell r="BJ191">
            <v>0</v>
          </cell>
          <cell r="BK191">
            <v>0</v>
          </cell>
          <cell r="BL191" t="str">
            <v/>
          </cell>
          <cell r="BO191" t="str">
            <v/>
          </cell>
          <cell r="BP191" t="e">
            <v>#N/A</v>
          </cell>
          <cell r="BQ191" t="e">
            <v>#N/A</v>
          </cell>
          <cell r="BS191" t="e">
            <v>#N/A</v>
          </cell>
          <cell r="BT191" t="e">
            <v>#N/A</v>
          </cell>
        </row>
        <row r="192">
          <cell r="I192">
            <v>1</v>
          </cell>
          <cell r="J192" t="str">
            <v>式</v>
          </cell>
          <cell r="K192" t="str">
            <v/>
          </cell>
          <cell r="L192">
            <v>0</v>
          </cell>
          <cell r="M192" t="e">
            <v>#N/A</v>
          </cell>
          <cell r="V192" t="e">
            <v>#N/A</v>
          </cell>
          <cell r="W192" t="str">
            <v xml:space="preserve"> </v>
          </cell>
          <cell r="X192" t="e">
            <v>#N/A</v>
          </cell>
          <cell r="Y192" t="e">
            <v>#N/A</v>
          </cell>
          <cell r="AD192" t="e">
            <v>#VALUE!</v>
          </cell>
          <cell r="AH192" t="str">
            <v/>
          </cell>
          <cell r="AP192">
            <v>3</v>
          </cell>
          <cell r="BD192" t="e">
            <v>#N/A</v>
          </cell>
          <cell r="BF192" t="e">
            <v>#N/A</v>
          </cell>
          <cell r="BG192" t="e">
            <v>#DIV/0!</v>
          </cell>
          <cell r="BJ192">
            <v>0</v>
          </cell>
          <cell r="BK192">
            <v>0</v>
          </cell>
          <cell r="BL192" t="str">
            <v/>
          </cell>
          <cell r="BO192" t="str">
            <v/>
          </cell>
          <cell r="BP192" t="e">
            <v>#N/A</v>
          </cell>
          <cell r="BQ192" t="e">
            <v>#N/A</v>
          </cell>
          <cell r="BS192" t="e">
            <v>#N/A</v>
          </cell>
          <cell r="BT192" t="e">
            <v>#N/A</v>
          </cell>
        </row>
        <row r="193">
          <cell r="I193">
            <v>1</v>
          </cell>
          <cell r="J193" t="str">
            <v>式</v>
          </cell>
          <cell r="K193" t="str">
            <v/>
          </cell>
          <cell r="L193">
            <v>0</v>
          </cell>
          <cell r="M193" t="e">
            <v>#N/A</v>
          </cell>
          <cell r="V193" t="e">
            <v>#N/A</v>
          </cell>
          <cell r="W193" t="str">
            <v xml:space="preserve"> </v>
          </cell>
          <cell r="X193" t="e">
            <v>#N/A</v>
          </cell>
          <cell r="Y193" t="e">
            <v>#N/A</v>
          </cell>
          <cell r="AD193" t="e">
            <v>#VALUE!</v>
          </cell>
          <cell r="AH193" t="str">
            <v/>
          </cell>
          <cell r="AP193">
            <v>3</v>
          </cell>
          <cell r="BD193" t="e">
            <v>#N/A</v>
          </cell>
          <cell r="BF193" t="e">
            <v>#N/A</v>
          </cell>
          <cell r="BG193" t="e">
            <v>#DIV/0!</v>
          </cell>
          <cell r="BJ193">
            <v>0</v>
          </cell>
          <cell r="BK193">
            <v>0</v>
          </cell>
          <cell r="BL193" t="str">
            <v/>
          </cell>
          <cell r="BO193" t="str">
            <v/>
          </cell>
          <cell r="BP193" t="e">
            <v>#N/A</v>
          </cell>
          <cell r="BQ193" t="e">
            <v>#N/A</v>
          </cell>
          <cell r="BS193" t="e">
            <v>#N/A</v>
          </cell>
          <cell r="BT193" t="e">
            <v>#N/A</v>
          </cell>
        </row>
        <row r="194">
          <cell r="I194">
            <v>1</v>
          </cell>
          <cell r="J194" t="str">
            <v>式</v>
          </cell>
          <cell r="K194" t="str">
            <v/>
          </cell>
          <cell r="L194">
            <v>0</v>
          </cell>
          <cell r="M194" t="e">
            <v>#N/A</v>
          </cell>
          <cell r="V194" t="e">
            <v>#N/A</v>
          </cell>
          <cell r="W194" t="str">
            <v xml:space="preserve"> </v>
          </cell>
          <cell r="X194" t="e">
            <v>#N/A</v>
          </cell>
          <cell r="Y194" t="e">
            <v>#N/A</v>
          </cell>
          <cell r="AD194" t="e">
            <v>#VALUE!</v>
          </cell>
          <cell r="AH194" t="str">
            <v/>
          </cell>
          <cell r="AP194">
            <v>3</v>
          </cell>
          <cell r="BD194" t="e">
            <v>#N/A</v>
          </cell>
          <cell r="BF194" t="e">
            <v>#N/A</v>
          </cell>
          <cell r="BG194" t="e">
            <v>#DIV/0!</v>
          </cell>
          <cell r="BJ194">
            <v>0</v>
          </cell>
          <cell r="BK194">
            <v>0</v>
          </cell>
          <cell r="BL194" t="str">
            <v/>
          </cell>
          <cell r="BO194" t="str">
            <v/>
          </cell>
          <cell r="BP194" t="e">
            <v>#N/A</v>
          </cell>
          <cell r="BQ194" t="e">
            <v>#N/A</v>
          </cell>
          <cell r="BS194" t="e">
            <v>#N/A</v>
          </cell>
          <cell r="BT194" t="e">
            <v>#N/A</v>
          </cell>
        </row>
        <row r="195">
          <cell r="I195">
            <v>1</v>
          </cell>
          <cell r="J195" t="str">
            <v>式</v>
          </cell>
          <cell r="K195" t="str">
            <v/>
          </cell>
          <cell r="L195">
            <v>0</v>
          </cell>
          <cell r="M195" t="e">
            <v>#N/A</v>
          </cell>
          <cell r="V195" t="e">
            <v>#N/A</v>
          </cell>
          <cell r="W195" t="str">
            <v xml:space="preserve"> </v>
          </cell>
          <cell r="X195" t="e">
            <v>#N/A</v>
          </cell>
          <cell r="Y195" t="e">
            <v>#N/A</v>
          </cell>
          <cell r="AD195" t="e">
            <v>#VALUE!</v>
          </cell>
          <cell r="AH195" t="str">
            <v/>
          </cell>
          <cell r="AP195">
            <v>3</v>
          </cell>
          <cell r="BD195" t="e">
            <v>#N/A</v>
          </cell>
          <cell r="BF195" t="e">
            <v>#N/A</v>
          </cell>
          <cell r="BG195" t="e">
            <v>#DIV/0!</v>
          </cell>
          <cell r="BJ195">
            <v>0</v>
          </cell>
          <cell r="BK195">
            <v>0</v>
          </cell>
          <cell r="BL195" t="str">
            <v/>
          </cell>
          <cell r="BO195" t="str">
            <v/>
          </cell>
          <cell r="BP195" t="e">
            <v>#N/A</v>
          </cell>
          <cell r="BQ195" t="e">
            <v>#N/A</v>
          </cell>
          <cell r="BS195" t="e">
            <v>#N/A</v>
          </cell>
          <cell r="BT195" t="e">
            <v>#N/A</v>
          </cell>
        </row>
        <row r="196">
          <cell r="I196">
            <v>1</v>
          </cell>
          <cell r="J196" t="str">
            <v>式</v>
          </cell>
          <cell r="K196" t="str">
            <v/>
          </cell>
          <cell r="L196">
            <v>0</v>
          </cell>
          <cell r="M196" t="e">
            <v>#N/A</v>
          </cell>
          <cell r="V196" t="e">
            <v>#N/A</v>
          </cell>
          <cell r="W196" t="str">
            <v xml:space="preserve"> </v>
          </cell>
          <cell r="X196" t="e">
            <v>#N/A</v>
          </cell>
          <cell r="Y196" t="e">
            <v>#N/A</v>
          </cell>
          <cell r="AD196" t="e">
            <v>#VALUE!</v>
          </cell>
          <cell r="AH196" t="str">
            <v/>
          </cell>
          <cell r="AP196">
            <v>3</v>
          </cell>
          <cell r="BD196" t="e">
            <v>#N/A</v>
          </cell>
          <cell r="BF196" t="e">
            <v>#N/A</v>
          </cell>
          <cell r="BG196" t="e">
            <v>#DIV/0!</v>
          </cell>
          <cell r="BJ196">
            <v>0</v>
          </cell>
          <cell r="BK196">
            <v>0</v>
          </cell>
          <cell r="BL196" t="str">
            <v/>
          </cell>
          <cell r="BO196" t="str">
            <v/>
          </cell>
          <cell r="BP196" t="e">
            <v>#N/A</v>
          </cell>
          <cell r="BQ196" t="e">
            <v>#N/A</v>
          </cell>
          <cell r="BS196" t="e">
            <v>#N/A</v>
          </cell>
          <cell r="BT196" t="e">
            <v>#N/A</v>
          </cell>
        </row>
        <row r="197">
          <cell r="I197">
            <v>1</v>
          </cell>
          <cell r="J197" t="str">
            <v>式</v>
          </cell>
          <cell r="K197" t="str">
            <v/>
          </cell>
          <cell r="L197">
            <v>0</v>
          </cell>
          <cell r="M197" t="e">
            <v>#N/A</v>
          </cell>
          <cell r="V197" t="e">
            <v>#N/A</v>
          </cell>
          <cell r="W197" t="str">
            <v xml:space="preserve"> </v>
          </cell>
          <cell r="X197" t="e">
            <v>#N/A</v>
          </cell>
          <cell r="Y197" t="e">
            <v>#N/A</v>
          </cell>
          <cell r="AD197" t="e">
            <v>#VALUE!</v>
          </cell>
          <cell r="AH197" t="str">
            <v/>
          </cell>
          <cell r="AP197">
            <v>3</v>
          </cell>
          <cell r="BD197" t="e">
            <v>#N/A</v>
          </cell>
          <cell r="BF197" t="e">
            <v>#N/A</v>
          </cell>
          <cell r="BG197" t="e">
            <v>#DIV/0!</v>
          </cell>
          <cell r="BJ197">
            <v>0</v>
          </cell>
          <cell r="BK197">
            <v>0</v>
          </cell>
          <cell r="BL197" t="str">
            <v/>
          </cell>
          <cell r="BO197" t="str">
            <v/>
          </cell>
          <cell r="BP197" t="e">
            <v>#N/A</v>
          </cell>
          <cell r="BQ197" t="e">
            <v>#N/A</v>
          </cell>
          <cell r="BS197" t="e">
            <v>#N/A</v>
          </cell>
          <cell r="BT197" t="e">
            <v>#N/A</v>
          </cell>
        </row>
        <row r="198">
          <cell r="I198">
            <v>1</v>
          </cell>
          <cell r="J198" t="str">
            <v>式</v>
          </cell>
          <cell r="K198" t="str">
            <v/>
          </cell>
          <cell r="L198">
            <v>0</v>
          </cell>
          <cell r="M198" t="e">
            <v>#N/A</v>
          </cell>
          <cell r="V198" t="e">
            <v>#N/A</v>
          </cell>
          <cell r="W198" t="str">
            <v xml:space="preserve"> </v>
          </cell>
          <cell r="X198" t="e">
            <v>#N/A</v>
          </cell>
          <cell r="Y198" t="e">
            <v>#N/A</v>
          </cell>
          <cell r="AD198" t="e">
            <v>#VALUE!</v>
          </cell>
          <cell r="AH198" t="str">
            <v/>
          </cell>
          <cell r="AP198">
            <v>3</v>
          </cell>
          <cell r="BD198" t="e">
            <v>#N/A</v>
          </cell>
          <cell r="BF198" t="e">
            <v>#N/A</v>
          </cell>
          <cell r="BG198" t="e">
            <v>#DIV/0!</v>
          </cell>
          <cell r="BJ198">
            <v>0</v>
          </cell>
          <cell r="BK198">
            <v>0</v>
          </cell>
          <cell r="BL198" t="str">
            <v/>
          </cell>
          <cell r="BO198" t="str">
            <v/>
          </cell>
          <cell r="BP198" t="e">
            <v>#N/A</v>
          </cell>
          <cell r="BQ198" t="e">
            <v>#N/A</v>
          </cell>
          <cell r="BS198" t="e">
            <v>#N/A</v>
          </cell>
          <cell r="BT198" t="e">
            <v>#N/A</v>
          </cell>
        </row>
        <row r="199">
          <cell r="I199">
            <v>1</v>
          </cell>
          <cell r="J199" t="str">
            <v>式</v>
          </cell>
          <cell r="K199" t="str">
            <v/>
          </cell>
          <cell r="L199">
            <v>0</v>
          </cell>
          <cell r="M199" t="e">
            <v>#N/A</v>
          </cell>
          <cell r="V199" t="e">
            <v>#N/A</v>
          </cell>
          <cell r="W199" t="str">
            <v xml:space="preserve"> </v>
          </cell>
          <cell r="X199" t="e">
            <v>#N/A</v>
          </cell>
          <cell r="Y199" t="e">
            <v>#N/A</v>
          </cell>
          <cell r="AD199" t="e">
            <v>#VALUE!</v>
          </cell>
          <cell r="AH199" t="str">
            <v/>
          </cell>
          <cell r="AP199">
            <v>3</v>
          </cell>
          <cell r="BD199" t="e">
            <v>#N/A</v>
          </cell>
          <cell r="BF199" t="e">
            <v>#N/A</v>
          </cell>
          <cell r="BG199" t="e">
            <v>#DIV/0!</v>
          </cell>
          <cell r="BJ199">
            <v>0</v>
          </cell>
          <cell r="BK199">
            <v>0</v>
          </cell>
          <cell r="BL199" t="str">
            <v/>
          </cell>
          <cell r="BO199" t="str">
            <v/>
          </cell>
          <cell r="BP199" t="e">
            <v>#N/A</v>
          </cell>
          <cell r="BQ199" t="e">
            <v>#N/A</v>
          </cell>
          <cell r="BS199" t="e">
            <v>#N/A</v>
          </cell>
          <cell r="BT199" t="e">
            <v>#N/A</v>
          </cell>
        </row>
        <row r="200">
          <cell r="I200">
            <v>1</v>
          </cell>
          <cell r="J200" t="str">
            <v>式</v>
          </cell>
          <cell r="K200" t="str">
            <v/>
          </cell>
          <cell r="L200">
            <v>0</v>
          </cell>
          <cell r="M200" t="e">
            <v>#N/A</v>
          </cell>
          <cell r="V200" t="e">
            <v>#N/A</v>
          </cell>
          <cell r="W200" t="str">
            <v xml:space="preserve"> </v>
          </cell>
          <cell r="X200" t="e">
            <v>#N/A</v>
          </cell>
          <cell r="Y200" t="e">
            <v>#N/A</v>
          </cell>
          <cell r="AD200" t="e">
            <v>#VALUE!</v>
          </cell>
          <cell r="AH200" t="str">
            <v/>
          </cell>
          <cell r="AP200">
            <v>3</v>
          </cell>
          <cell r="BD200" t="e">
            <v>#N/A</v>
          </cell>
          <cell r="BF200" t="e">
            <v>#N/A</v>
          </cell>
          <cell r="BG200" t="e">
            <v>#DIV/0!</v>
          </cell>
          <cell r="BJ200">
            <v>0</v>
          </cell>
          <cell r="BK200">
            <v>0</v>
          </cell>
          <cell r="BL200" t="str">
            <v/>
          </cell>
          <cell r="BO200" t="str">
            <v/>
          </cell>
          <cell r="BP200" t="e">
            <v>#N/A</v>
          </cell>
          <cell r="BQ200" t="e">
            <v>#N/A</v>
          </cell>
          <cell r="BS200" t="e">
            <v>#N/A</v>
          </cell>
          <cell r="BT200" t="e">
            <v>#N/A</v>
          </cell>
        </row>
        <row r="201">
          <cell r="I201">
            <v>1</v>
          </cell>
          <cell r="J201" t="str">
            <v>式</v>
          </cell>
          <cell r="K201" t="str">
            <v/>
          </cell>
          <cell r="L201">
            <v>0</v>
          </cell>
          <cell r="M201" t="e">
            <v>#N/A</v>
          </cell>
          <cell r="V201" t="e">
            <v>#N/A</v>
          </cell>
          <cell r="W201" t="str">
            <v xml:space="preserve"> </v>
          </cell>
          <cell r="X201" t="e">
            <v>#N/A</v>
          </cell>
          <cell r="Y201" t="e">
            <v>#N/A</v>
          </cell>
          <cell r="AD201" t="e">
            <v>#VALUE!</v>
          </cell>
          <cell r="AH201" t="str">
            <v/>
          </cell>
          <cell r="AP201">
            <v>3</v>
          </cell>
          <cell r="BD201" t="e">
            <v>#N/A</v>
          </cell>
          <cell r="BF201" t="e">
            <v>#N/A</v>
          </cell>
          <cell r="BG201" t="e">
            <v>#DIV/0!</v>
          </cell>
          <cell r="BJ201">
            <v>0</v>
          </cell>
          <cell r="BK201">
            <v>0</v>
          </cell>
          <cell r="BL201" t="str">
            <v/>
          </cell>
          <cell r="BO201" t="str">
            <v/>
          </cell>
          <cell r="BP201" t="e">
            <v>#N/A</v>
          </cell>
          <cell r="BQ201" t="e">
            <v>#N/A</v>
          </cell>
          <cell r="BS201" t="e">
            <v>#N/A</v>
          </cell>
          <cell r="BT201" t="e">
            <v>#N/A</v>
          </cell>
        </row>
        <row r="202">
          <cell r="I202">
            <v>1</v>
          </cell>
          <cell r="J202" t="str">
            <v>式</v>
          </cell>
          <cell r="K202" t="str">
            <v/>
          </cell>
          <cell r="L202">
            <v>0</v>
          </cell>
          <cell r="M202" t="e">
            <v>#N/A</v>
          </cell>
          <cell r="V202" t="e">
            <v>#N/A</v>
          </cell>
          <cell r="W202" t="str">
            <v xml:space="preserve"> </v>
          </cell>
          <cell r="X202" t="e">
            <v>#N/A</v>
          </cell>
          <cell r="Y202" t="e">
            <v>#N/A</v>
          </cell>
          <cell r="AD202" t="e">
            <v>#VALUE!</v>
          </cell>
          <cell r="AH202" t="str">
            <v/>
          </cell>
          <cell r="AP202">
            <v>3</v>
          </cell>
          <cell r="BD202" t="e">
            <v>#N/A</v>
          </cell>
          <cell r="BF202" t="e">
            <v>#N/A</v>
          </cell>
          <cell r="BG202" t="e">
            <v>#DIV/0!</v>
          </cell>
          <cell r="BJ202">
            <v>0</v>
          </cell>
          <cell r="BK202">
            <v>0</v>
          </cell>
          <cell r="BL202" t="str">
            <v/>
          </cell>
          <cell r="BO202" t="str">
            <v/>
          </cell>
          <cell r="BP202" t="e">
            <v>#N/A</v>
          </cell>
          <cell r="BQ202" t="e">
            <v>#N/A</v>
          </cell>
          <cell r="BS202" t="e">
            <v>#N/A</v>
          </cell>
          <cell r="BT202" t="e">
            <v>#N/A</v>
          </cell>
        </row>
        <row r="203">
          <cell r="I203">
            <v>1</v>
          </cell>
          <cell r="J203" t="str">
            <v>式</v>
          </cell>
          <cell r="K203" t="str">
            <v/>
          </cell>
          <cell r="L203">
            <v>0</v>
          </cell>
          <cell r="M203" t="e">
            <v>#N/A</v>
          </cell>
          <cell r="V203" t="e">
            <v>#N/A</v>
          </cell>
          <cell r="W203" t="str">
            <v xml:space="preserve"> </v>
          </cell>
          <cell r="X203" t="e">
            <v>#N/A</v>
          </cell>
          <cell r="Y203" t="e">
            <v>#N/A</v>
          </cell>
          <cell r="AD203" t="e">
            <v>#VALUE!</v>
          </cell>
          <cell r="AH203" t="str">
            <v/>
          </cell>
          <cell r="AP203">
            <v>3</v>
          </cell>
          <cell r="BD203" t="e">
            <v>#N/A</v>
          </cell>
          <cell r="BF203" t="e">
            <v>#N/A</v>
          </cell>
          <cell r="BG203" t="e">
            <v>#DIV/0!</v>
          </cell>
          <cell r="BJ203">
            <v>0</v>
          </cell>
          <cell r="BK203">
            <v>0</v>
          </cell>
          <cell r="BL203" t="str">
            <v/>
          </cell>
          <cell r="BO203" t="str">
            <v/>
          </cell>
          <cell r="BP203" t="e">
            <v>#N/A</v>
          </cell>
          <cell r="BQ203" t="e">
            <v>#N/A</v>
          </cell>
          <cell r="BS203" t="e">
            <v>#N/A</v>
          </cell>
          <cell r="BT203" t="e">
            <v>#N/A</v>
          </cell>
        </row>
        <row r="204">
          <cell r="I204">
            <v>1</v>
          </cell>
          <cell r="J204" t="str">
            <v>式</v>
          </cell>
          <cell r="K204" t="str">
            <v/>
          </cell>
          <cell r="L204">
            <v>0</v>
          </cell>
          <cell r="M204" t="e">
            <v>#N/A</v>
          </cell>
          <cell r="V204" t="e">
            <v>#N/A</v>
          </cell>
          <cell r="W204" t="str">
            <v xml:space="preserve"> </v>
          </cell>
          <cell r="X204" t="e">
            <v>#N/A</v>
          </cell>
          <cell r="Y204" t="e">
            <v>#N/A</v>
          </cell>
          <cell r="AD204" t="e">
            <v>#VALUE!</v>
          </cell>
          <cell r="AH204" t="str">
            <v/>
          </cell>
          <cell r="AP204">
            <v>3</v>
          </cell>
          <cell r="BD204" t="e">
            <v>#N/A</v>
          </cell>
          <cell r="BF204" t="e">
            <v>#N/A</v>
          </cell>
          <cell r="BG204" t="e">
            <v>#DIV/0!</v>
          </cell>
          <cell r="BJ204">
            <v>0</v>
          </cell>
          <cell r="BK204">
            <v>0</v>
          </cell>
          <cell r="BL204" t="str">
            <v/>
          </cell>
          <cell r="BO204" t="str">
            <v/>
          </cell>
          <cell r="BP204" t="e">
            <v>#N/A</v>
          </cell>
          <cell r="BQ204" t="e">
            <v>#N/A</v>
          </cell>
          <cell r="BS204" t="e">
            <v>#N/A</v>
          </cell>
          <cell r="BT204" t="e">
            <v>#N/A</v>
          </cell>
        </row>
        <row r="205">
          <cell r="I205">
            <v>1</v>
          </cell>
          <cell r="J205" t="str">
            <v>式</v>
          </cell>
          <cell r="K205" t="str">
            <v/>
          </cell>
          <cell r="L205">
            <v>0</v>
          </cell>
          <cell r="M205" t="e">
            <v>#N/A</v>
          </cell>
          <cell r="V205" t="e">
            <v>#N/A</v>
          </cell>
          <cell r="W205" t="str">
            <v xml:space="preserve"> </v>
          </cell>
          <cell r="X205" t="e">
            <v>#N/A</v>
          </cell>
          <cell r="Y205" t="e">
            <v>#N/A</v>
          </cell>
          <cell r="AD205" t="e">
            <v>#VALUE!</v>
          </cell>
          <cell r="AH205" t="str">
            <v/>
          </cell>
          <cell r="AP205">
            <v>3</v>
          </cell>
          <cell r="BD205" t="e">
            <v>#N/A</v>
          </cell>
          <cell r="BF205" t="e">
            <v>#N/A</v>
          </cell>
          <cell r="BG205" t="e">
            <v>#DIV/0!</v>
          </cell>
          <cell r="BJ205">
            <v>0</v>
          </cell>
          <cell r="BK205">
            <v>0</v>
          </cell>
          <cell r="BL205" t="str">
            <v/>
          </cell>
          <cell r="BO205" t="str">
            <v/>
          </cell>
          <cell r="BP205" t="e">
            <v>#N/A</v>
          </cell>
          <cell r="BQ205" t="e">
            <v>#N/A</v>
          </cell>
          <cell r="BS205" t="e">
            <v>#N/A</v>
          </cell>
          <cell r="BT205" t="e">
            <v>#N/A</v>
          </cell>
        </row>
        <row r="206">
          <cell r="I206">
            <v>1</v>
          </cell>
          <cell r="J206" t="str">
            <v>式</v>
          </cell>
          <cell r="K206" t="str">
            <v/>
          </cell>
          <cell r="L206">
            <v>0</v>
          </cell>
          <cell r="M206" t="e">
            <v>#N/A</v>
          </cell>
          <cell r="V206" t="e">
            <v>#N/A</v>
          </cell>
          <cell r="W206" t="str">
            <v xml:space="preserve"> </v>
          </cell>
          <cell r="X206" t="e">
            <v>#N/A</v>
          </cell>
          <cell r="Y206" t="e">
            <v>#N/A</v>
          </cell>
          <cell r="AD206" t="e">
            <v>#VALUE!</v>
          </cell>
          <cell r="AH206" t="str">
            <v/>
          </cell>
          <cell r="AP206">
            <v>3</v>
          </cell>
          <cell r="BD206" t="e">
            <v>#N/A</v>
          </cell>
          <cell r="BF206" t="e">
            <v>#N/A</v>
          </cell>
          <cell r="BG206" t="e">
            <v>#DIV/0!</v>
          </cell>
          <cell r="BJ206">
            <v>0</v>
          </cell>
          <cell r="BK206">
            <v>0</v>
          </cell>
          <cell r="BL206" t="str">
            <v/>
          </cell>
          <cell r="BO206" t="str">
            <v/>
          </cell>
          <cell r="BP206" t="e">
            <v>#N/A</v>
          </cell>
          <cell r="BQ206" t="e">
            <v>#N/A</v>
          </cell>
          <cell r="BS206" t="e">
            <v>#N/A</v>
          </cell>
          <cell r="BT206" t="e">
            <v>#N/A</v>
          </cell>
        </row>
        <row r="207">
          <cell r="I207">
            <v>1</v>
          </cell>
          <cell r="J207" t="str">
            <v>式</v>
          </cell>
          <cell r="K207" t="str">
            <v/>
          </cell>
          <cell r="L207">
            <v>0</v>
          </cell>
          <cell r="M207" t="e">
            <v>#N/A</v>
          </cell>
          <cell r="V207" t="e">
            <v>#N/A</v>
          </cell>
          <cell r="W207" t="str">
            <v xml:space="preserve"> </v>
          </cell>
          <cell r="X207" t="e">
            <v>#N/A</v>
          </cell>
          <cell r="Y207" t="e">
            <v>#N/A</v>
          </cell>
          <cell r="AD207" t="e">
            <v>#VALUE!</v>
          </cell>
          <cell r="AH207" t="str">
            <v/>
          </cell>
          <cell r="AP207">
            <v>3</v>
          </cell>
          <cell r="BD207" t="e">
            <v>#N/A</v>
          </cell>
          <cell r="BF207" t="e">
            <v>#N/A</v>
          </cell>
          <cell r="BG207" t="e">
            <v>#DIV/0!</v>
          </cell>
          <cell r="BJ207">
            <v>0</v>
          </cell>
          <cell r="BK207">
            <v>0</v>
          </cell>
          <cell r="BL207" t="str">
            <v/>
          </cell>
          <cell r="BO207" t="str">
            <v/>
          </cell>
          <cell r="BP207" t="e">
            <v>#N/A</v>
          </cell>
          <cell r="BQ207" t="e">
            <v>#N/A</v>
          </cell>
          <cell r="BS207" t="e">
            <v>#N/A</v>
          </cell>
          <cell r="BT207" t="e">
            <v>#N/A</v>
          </cell>
        </row>
        <row r="208">
          <cell r="I208">
            <v>1</v>
          </cell>
          <cell r="J208" t="str">
            <v>式</v>
          </cell>
          <cell r="K208" t="str">
            <v/>
          </cell>
          <cell r="L208">
            <v>0</v>
          </cell>
          <cell r="M208" t="e">
            <v>#N/A</v>
          </cell>
          <cell r="V208" t="e">
            <v>#N/A</v>
          </cell>
          <cell r="W208" t="str">
            <v xml:space="preserve"> </v>
          </cell>
          <cell r="X208" t="e">
            <v>#N/A</v>
          </cell>
          <cell r="Y208" t="e">
            <v>#N/A</v>
          </cell>
          <cell r="AD208" t="e">
            <v>#VALUE!</v>
          </cell>
          <cell r="AH208" t="str">
            <v/>
          </cell>
          <cell r="AP208">
            <v>3</v>
          </cell>
          <cell r="BD208" t="e">
            <v>#N/A</v>
          </cell>
          <cell r="BF208" t="e">
            <v>#N/A</v>
          </cell>
          <cell r="BG208" t="e">
            <v>#DIV/0!</v>
          </cell>
          <cell r="BJ208">
            <v>0</v>
          </cell>
          <cell r="BK208">
            <v>0</v>
          </cell>
          <cell r="BL208" t="str">
            <v/>
          </cell>
          <cell r="BO208" t="str">
            <v/>
          </cell>
          <cell r="BP208" t="e">
            <v>#N/A</v>
          </cell>
          <cell r="BQ208" t="e">
            <v>#N/A</v>
          </cell>
          <cell r="BS208" t="e">
            <v>#N/A</v>
          </cell>
          <cell r="BT208" t="e">
            <v>#N/A</v>
          </cell>
        </row>
        <row r="209">
          <cell r="I209">
            <v>1</v>
          </cell>
          <cell r="J209" t="str">
            <v>式</v>
          </cell>
          <cell r="K209" t="str">
            <v/>
          </cell>
          <cell r="L209">
            <v>0</v>
          </cell>
          <cell r="M209" t="e">
            <v>#N/A</v>
          </cell>
          <cell r="V209" t="e">
            <v>#N/A</v>
          </cell>
          <cell r="W209" t="str">
            <v xml:space="preserve"> </v>
          </cell>
          <cell r="X209" t="e">
            <v>#N/A</v>
          </cell>
          <cell r="Y209" t="e">
            <v>#N/A</v>
          </cell>
          <cell r="AD209" t="e">
            <v>#VALUE!</v>
          </cell>
          <cell r="AH209" t="str">
            <v/>
          </cell>
          <cell r="AP209">
            <v>3</v>
          </cell>
          <cell r="BD209" t="e">
            <v>#N/A</v>
          </cell>
          <cell r="BF209" t="e">
            <v>#N/A</v>
          </cell>
          <cell r="BG209" t="e">
            <v>#DIV/0!</v>
          </cell>
          <cell r="BJ209">
            <v>0</v>
          </cell>
          <cell r="BK209">
            <v>0</v>
          </cell>
          <cell r="BL209" t="str">
            <v/>
          </cell>
          <cell r="BO209" t="str">
            <v/>
          </cell>
          <cell r="BP209" t="e">
            <v>#N/A</v>
          </cell>
          <cell r="BQ209" t="e">
            <v>#N/A</v>
          </cell>
          <cell r="BS209" t="e">
            <v>#N/A</v>
          </cell>
          <cell r="BT209" t="e">
            <v>#N/A</v>
          </cell>
        </row>
        <row r="210">
          <cell r="I210">
            <v>1</v>
          </cell>
          <cell r="J210" t="str">
            <v>式</v>
          </cell>
          <cell r="K210" t="str">
            <v/>
          </cell>
          <cell r="L210">
            <v>0</v>
          </cell>
          <cell r="M210" t="e">
            <v>#N/A</v>
          </cell>
          <cell r="V210" t="e">
            <v>#N/A</v>
          </cell>
          <cell r="W210" t="str">
            <v xml:space="preserve"> </v>
          </cell>
          <cell r="X210" t="e">
            <v>#N/A</v>
          </cell>
          <cell r="Y210" t="e">
            <v>#N/A</v>
          </cell>
          <cell r="AD210" t="e">
            <v>#VALUE!</v>
          </cell>
          <cell r="AH210" t="str">
            <v/>
          </cell>
          <cell r="AP210">
            <v>3</v>
          </cell>
          <cell r="BD210" t="e">
            <v>#N/A</v>
          </cell>
          <cell r="BF210" t="e">
            <v>#N/A</v>
          </cell>
          <cell r="BG210" t="e">
            <v>#DIV/0!</v>
          </cell>
          <cell r="BJ210">
            <v>0</v>
          </cell>
          <cell r="BK210">
            <v>0</v>
          </cell>
          <cell r="BL210" t="str">
            <v/>
          </cell>
          <cell r="BO210" t="str">
            <v/>
          </cell>
          <cell r="BP210" t="e">
            <v>#N/A</v>
          </cell>
          <cell r="BQ210" t="e">
            <v>#N/A</v>
          </cell>
          <cell r="BS210" t="e">
            <v>#N/A</v>
          </cell>
          <cell r="BT210" t="e">
            <v>#N/A</v>
          </cell>
        </row>
        <row r="211">
          <cell r="I211">
            <v>1</v>
          </cell>
          <cell r="J211" t="str">
            <v>式</v>
          </cell>
          <cell r="K211" t="str">
            <v/>
          </cell>
          <cell r="L211">
            <v>0</v>
          </cell>
          <cell r="M211" t="e">
            <v>#N/A</v>
          </cell>
          <cell r="V211" t="e">
            <v>#N/A</v>
          </cell>
          <cell r="W211" t="str">
            <v xml:space="preserve"> </v>
          </cell>
          <cell r="X211" t="e">
            <v>#N/A</v>
          </cell>
          <cell r="Y211" t="e">
            <v>#N/A</v>
          </cell>
          <cell r="AD211" t="e">
            <v>#VALUE!</v>
          </cell>
          <cell r="AH211" t="str">
            <v/>
          </cell>
          <cell r="AP211">
            <v>3</v>
          </cell>
          <cell r="BD211" t="e">
            <v>#N/A</v>
          </cell>
          <cell r="BF211" t="e">
            <v>#N/A</v>
          </cell>
          <cell r="BG211" t="e">
            <v>#DIV/0!</v>
          </cell>
          <cell r="BJ211">
            <v>0</v>
          </cell>
          <cell r="BK211">
            <v>0</v>
          </cell>
          <cell r="BL211" t="str">
            <v/>
          </cell>
          <cell r="BO211" t="str">
            <v/>
          </cell>
          <cell r="BP211" t="e">
            <v>#N/A</v>
          </cell>
          <cell r="BQ211" t="e">
            <v>#N/A</v>
          </cell>
          <cell r="BS211" t="e">
            <v>#N/A</v>
          </cell>
          <cell r="BT211" t="e">
            <v>#N/A</v>
          </cell>
        </row>
        <row r="212">
          <cell r="I212">
            <v>1</v>
          </cell>
          <cell r="J212" t="str">
            <v>式</v>
          </cell>
          <cell r="K212" t="str">
            <v/>
          </cell>
          <cell r="L212">
            <v>1702050</v>
          </cell>
          <cell r="M212" t="e">
            <v>#N/A</v>
          </cell>
          <cell r="V212" t="e">
            <v>#N/A</v>
          </cell>
          <cell r="W212" t="str">
            <v>なか１日</v>
          </cell>
          <cell r="X212" t="e">
            <v>#N/A</v>
          </cell>
          <cell r="Y212" t="e">
            <v>#N/A</v>
          </cell>
          <cell r="AD212" t="e">
            <v>#VALUE!</v>
          </cell>
          <cell r="AH212" t="str">
            <v/>
          </cell>
          <cell r="AP212">
            <v>3</v>
          </cell>
          <cell r="BD212" t="e">
            <v>#N/A</v>
          </cell>
          <cell r="BF212" t="e">
            <v>#N/A</v>
          </cell>
          <cell r="BG212" t="e">
            <v>#DIV/0!</v>
          </cell>
          <cell r="BJ212">
            <v>0</v>
          </cell>
          <cell r="BK212">
            <v>0</v>
          </cell>
          <cell r="BL212" t="str">
            <v/>
          </cell>
          <cell r="BM212" t="str">
            <v>分割</v>
          </cell>
          <cell r="BO212" t="str">
            <v/>
          </cell>
          <cell r="BP212" t="e">
            <v>#N/A</v>
          </cell>
          <cell r="BQ212" t="e">
            <v>#N/A</v>
          </cell>
          <cell r="BS212" t="e">
            <v>#N/A</v>
          </cell>
          <cell r="BT212" t="e">
            <v>#N/A</v>
          </cell>
        </row>
        <row r="213">
          <cell r="I213">
            <v>1</v>
          </cell>
          <cell r="J213" t="str">
            <v>式</v>
          </cell>
          <cell r="K213" t="str">
            <v/>
          </cell>
          <cell r="L213">
            <v>3149247150</v>
          </cell>
          <cell r="M213" t="e">
            <v>#N/A</v>
          </cell>
          <cell r="V213" t="e">
            <v>#N/A</v>
          </cell>
          <cell r="W213" t="str">
            <v>なか１０日</v>
          </cell>
          <cell r="X213" t="e">
            <v>#N/A</v>
          </cell>
          <cell r="Y213" t="e">
            <v>#N/A</v>
          </cell>
          <cell r="AD213" t="e">
            <v>#VALUE!</v>
          </cell>
          <cell r="AH213" t="str">
            <v/>
          </cell>
          <cell r="AP213">
            <v>1</v>
          </cell>
          <cell r="BD213" t="e">
            <v>#N/A</v>
          </cell>
          <cell r="BF213" t="e">
            <v>#N/A</v>
          </cell>
          <cell r="BG213" t="e">
            <v>#DIV/0!</v>
          </cell>
          <cell r="BJ213">
            <v>0</v>
          </cell>
          <cell r="BK213">
            <v>0</v>
          </cell>
          <cell r="BL213" t="str">
            <v/>
          </cell>
          <cell r="BM213" t="str">
            <v>分割</v>
          </cell>
          <cell r="BO213" t="str">
            <v/>
          </cell>
          <cell r="BP213" t="e">
            <v>#N/A</v>
          </cell>
          <cell r="BQ213" t="e">
            <v>#N/A</v>
          </cell>
          <cell r="BS213" t="e">
            <v>#N/A</v>
          </cell>
          <cell r="BT213" t="e">
            <v>#N/A</v>
          </cell>
        </row>
        <row r="214">
          <cell r="I214">
            <v>1</v>
          </cell>
          <cell r="J214" t="str">
            <v>式</v>
          </cell>
          <cell r="K214" t="str">
            <v/>
          </cell>
          <cell r="L214">
            <v>11304671</v>
          </cell>
          <cell r="M214" t="e">
            <v>#N/A</v>
          </cell>
          <cell r="V214" t="e">
            <v>#N/A</v>
          </cell>
          <cell r="W214" t="str">
            <v>なか５日</v>
          </cell>
          <cell r="X214" t="e">
            <v>#N/A</v>
          </cell>
          <cell r="Y214" t="e">
            <v>#N/A</v>
          </cell>
          <cell r="AD214" t="e">
            <v>#VALUE!</v>
          </cell>
          <cell r="AH214" t="str">
            <v/>
          </cell>
          <cell r="AP214">
            <v>1</v>
          </cell>
          <cell r="BD214" t="e">
            <v>#N/A</v>
          </cell>
          <cell r="BF214" t="e">
            <v>#N/A</v>
          </cell>
          <cell r="BG214" t="e">
            <v>#DIV/0!</v>
          </cell>
          <cell r="BJ214">
            <v>0</v>
          </cell>
          <cell r="BK214">
            <v>0</v>
          </cell>
          <cell r="BL214" t="str">
            <v/>
          </cell>
          <cell r="BO214" t="str">
            <v/>
          </cell>
          <cell r="BP214" t="e">
            <v>#N/A</v>
          </cell>
          <cell r="BQ214" t="e">
            <v>#N/A</v>
          </cell>
          <cell r="BS214" t="e">
            <v>#N/A</v>
          </cell>
          <cell r="BT214" t="e">
            <v>#N/A</v>
          </cell>
        </row>
        <row r="215">
          <cell r="I215">
            <v>1</v>
          </cell>
          <cell r="J215" t="str">
            <v>式</v>
          </cell>
          <cell r="K215" t="str">
            <v/>
          </cell>
          <cell r="L215">
            <v>1347780</v>
          </cell>
          <cell r="M215" t="e">
            <v>#N/A</v>
          </cell>
          <cell r="V215" t="e">
            <v>#N/A</v>
          </cell>
          <cell r="W215" t="str">
            <v>なか１日</v>
          </cell>
          <cell r="X215" t="e">
            <v>#N/A</v>
          </cell>
          <cell r="Y215" t="e">
            <v>#N/A</v>
          </cell>
          <cell r="AD215" t="e">
            <v>#VALUE!</v>
          </cell>
          <cell r="AH215" t="str">
            <v/>
          </cell>
          <cell r="AP215">
            <v>1</v>
          </cell>
          <cell r="BD215" t="e">
            <v>#N/A</v>
          </cell>
          <cell r="BF215" t="e">
            <v>#N/A</v>
          </cell>
          <cell r="BG215" t="e">
            <v>#DIV/0!</v>
          </cell>
          <cell r="BJ215">
            <v>0</v>
          </cell>
          <cell r="BK215">
            <v>0</v>
          </cell>
          <cell r="BL215" t="str">
            <v/>
          </cell>
          <cell r="BO215" t="str">
            <v/>
          </cell>
          <cell r="BP215" t="e">
            <v>#N/A</v>
          </cell>
          <cell r="BQ215" t="e">
            <v>#N/A</v>
          </cell>
          <cell r="BS215" t="e">
            <v>#N/A</v>
          </cell>
          <cell r="BT215" t="e">
            <v>#N/A</v>
          </cell>
        </row>
        <row r="216">
          <cell r="I216">
            <v>1</v>
          </cell>
          <cell r="J216" t="str">
            <v>式</v>
          </cell>
          <cell r="K216" t="str">
            <v/>
          </cell>
          <cell r="L216">
            <v>1575000</v>
          </cell>
          <cell r="M216" t="e">
            <v>#N/A</v>
          </cell>
          <cell r="V216" t="e">
            <v>#N/A</v>
          </cell>
          <cell r="W216" t="str">
            <v>なか１日</v>
          </cell>
          <cell r="X216" t="e">
            <v>#N/A</v>
          </cell>
          <cell r="Y216" t="e">
            <v>#N/A</v>
          </cell>
          <cell r="AD216" t="e">
            <v>#VALUE!</v>
          </cell>
          <cell r="AH216" t="str">
            <v/>
          </cell>
          <cell r="AP216">
            <v>3</v>
          </cell>
          <cell r="BD216" t="e">
            <v>#N/A</v>
          </cell>
          <cell r="BF216" t="e">
            <v>#N/A</v>
          </cell>
          <cell r="BG216" t="e">
            <v>#DIV/0!</v>
          </cell>
          <cell r="BJ216">
            <v>0</v>
          </cell>
          <cell r="BK216">
            <v>0</v>
          </cell>
          <cell r="BL216" t="str">
            <v/>
          </cell>
          <cell r="BO216" t="str">
            <v/>
          </cell>
          <cell r="BP216" t="e">
            <v>#N/A</v>
          </cell>
          <cell r="BQ216" t="e">
            <v>#N/A</v>
          </cell>
          <cell r="BS216" t="e">
            <v>#N/A</v>
          </cell>
          <cell r="BT216" t="e">
            <v>#N/A</v>
          </cell>
        </row>
        <row r="217">
          <cell r="I217">
            <v>1</v>
          </cell>
          <cell r="J217" t="str">
            <v>式</v>
          </cell>
          <cell r="K217" t="str">
            <v/>
          </cell>
          <cell r="L217">
            <v>335209400</v>
          </cell>
          <cell r="M217" t="e">
            <v>#N/A</v>
          </cell>
          <cell r="V217" t="e">
            <v>#N/A</v>
          </cell>
          <cell r="W217" t="str">
            <v>なか１０日</v>
          </cell>
          <cell r="X217" t="e">
            <v>#N/A</v>
          </cell>
          <cell r="Y217" t="e">
            <v>#N/A</v>
          </cell>
          <cell r="AD217" t="e">
            <v>#VALUE!</v>
          </cell>
          <cell r="AH217" t="str">
            <v/>
          </cell>
          <cell r="AP217">
            <v>1</v>
          </cell>
          <cell r="BD217" t="e">
            <v>#N/A</v>
          </cell>
          <cell r="BF217" t="e">
            <v>#N/A</v>
          </cell>
          <cell r="BG217" t="e">
            <v>#DIV/0!</v>
          </cell>
          <cell r="BJ217">
            <v>0</v>
          </cell>
          <cell r="BK217">
            <v>0</v>
          </cell>
          <cell r="BL217" t="str">
            <v/>
          </cell>
          <cell r="BO217" t="str">
            <v/>
          </cell>
          <cell r="BP217" t="e">
            <v>#N/A</v>
          </cell>
          <cell r="BQ217" t="e">
            <v>#N/A</v>
          </cell>
          <cell r="BS217" t="e">
            <v>#N/A</v>
          </cell>
          <cell r="BT217" t="e">
            <v>#N/A</v>
          </cell>
        </row>
        <row r="218">
          <cell r="I218">
            <v>1</v>
          </cell>
          <cell r="J218" t="str">
            <v>式</v>
          </cell>
          <cell r="K218" t="str">
            <v/>
          </cell>
          <cell r="L218">
            <v>18427500</v>
          </cell>
          <cell r="M218" t="e">
            <v>#N/A</v>
          </cell>
          <cell r="V218" t="e">
            <v>#N/A</v>
          </cell>
          <cell r="W218" t="str">
            <v>なか５日</v>
          </cell>
          <cell r="X218" t="e">
            <v>#N/A</v>
          </cell>
          <cell r="Y218" t="e">
            <v>#N/A</v>
          </cell>
          <cell r="AD218" t="e">
            <v>#VALUE!</v>
          </cell>
          <cell r="AH218" t="str">
            <v/>
          </cell>
          <cell r="AP218">
            <v>1</v>
          </cell>
          <cell r="BD218" t="e">
            <v>#N/A</v>
          </cell>
          <cell r="BF218" t="e">
            <v>#N/A</v>
          </cell>
          <cell r="BG218" t="e">
            <v>#DIV/0!</v>
          </cell>
          <cell r="BJ218">
            <v>0</v>
          </cell>
          <cell r="BK218">
            <v>0</v>
          </cell>
          <cell r="BL218" t="str">
            <v/>
          </cell>
          <cell r="BM218" t="str">
            <v>分割</v>
          </cell>
          <cell r="BO218" t="str">
            <v/>
          </cell>
          <cell r="BP218" t="e">
            <v>#N/A</v>
          </cell>
          <cell r="BQ218" t="e">
            <v>#N/A</v>
          </cell>
          <cell r="BS218" t="e">
            <v>#N/A</v>
          </cell>
          <cell r="BT218" t="e">
            <v>#N/A</v>
          </cell>
        </row>
        <row r="219">
          <cell r="I219">
            <v>1</v>
          </cell>
          <cell r="J219" t="str">
            <v>式</v>
          </cell>
          <cell r="K219" t="str">
            <v/>
          </cell>
          <cell r="L219">
            <v>1839600</v>
          </cell>
          <cell r="M219" t="e">
            <v>#N/A</v>
          </cell>
          <cell r="V219" t="e">
            <v>#N/A</v>
          </cell>
          <cell r="W219" t="str">
            <v>なか１日</v>
          </cell>
          <cell r="X219" t="e">
            <v>#N/A</v>
          </cell>
          <cell r="Y219" t="e">
            <v>#N/A</v>
          </cell>
          <cell r="AD219" t="e">
            <v>#VALUE!</v>
          </cell>
          <cell r="AH219" t="str">
            <v/>
          </cell>
          <cell r="AP219">
            <v>1</v>
          </cell>
          <cell r="BD219" t="e">
            <v>#N/A</v>
          </cell>
          <cell r="BF219" t="e">
            <v>#N/A</v>
          </cell>
          <cell r="BG219" t="e">
            <v>#DIV/0!</v>
          </cell>
          <cell r="BJ219">
            <v>0</v>
          </cell>
          <cell r="BK219">
            <v>0</v>
          </cell>
          <cell r="BL219" t="str">
            <v/>
          </cell>
          <cell r="BO219" t="str">
            <v/>
          </cell>
          <cell r="BP219" t="e">
            <v>#N/A</v>
          </cell>
          <cell r="BQ219" t="e">
            <v>#N/A</v>
          </cell>
          <cell r="BS219" t="e">
            <v>#N/A</v>
          </cell>
          <cell r="BT219" t="e">
            <v>#N/A</v>
          </cell>
        </row>
        <row r="220">
          <cell r="I220">
            <v>1</v>
          </cell>
          <cell r="J220" t="str">
            <v>式</v>
          </cell>
          <cell r="K220" t="str">
            <v/>
          </cell>
          <cell r="L220">
            <v>2352000</v>
          </cell>
          <cell r="M220" t="e">
            <v>#N/A</v>
          </cell>
          <cell r="V220" t="e">
            <v>#N/A</v>
          </cell>
          <cell r="W220" t="str">
            <v>なか１日</v>
          </cell>
          <cell r="X220" t="e">
            <v>#N/A</v>
          </cell>
          <cell r="Y220" t="e">
            <v>#N/A</v>
          </cell>
          <cell r="AD220" t="e">
            <v>#VALUE!</v>
          </cell>
          <cell r="AH220" t="str">
            <v/>
          </cell>
          <cell r="AP220">
            <v>1</v>
          </cell>
          <cell r="BD220" t="e">
            <v>#N/A</v>
          </cell>
          <cell r="BF220" t="e">
            <v>#N/A</v>
          </cell>
          <cell r="BG220" t="e">
            <v>#DIV/0!</v>
          </cell>
          <cell r="BJ220">
            <v>0</v>
          </cell>
          <cell r="BK220">
            <v>0</v>
          </cell>
          <cell r="BL220" t="str">
            <v/>
          </cell>
          <cell r="BO220" t="str">
            <v/>
          </cell>
          <cell r="BP220" t="e">
            <v>#N/A</v>
          </cell>
          <cell r="BQ220" t="e">
            <v>#N/A</v>
          </cell>
          <cell r="BS220" t="e">
            <v>#N/A</v>
          </cell>
          <cell r="BT220" t="e">
            <v>#N/A</v>
          </cell>
        </row>
        <row r="221">
          <cell r="I221">
            <v>1</v>
          </cell>
          <cell r="J221" t="str">
            <v>式</v>
          </cell>
          <cell r="K221" t="str">
            <v/>
          </cell>
          <cell r="L221">
            <v>445200</v>
          </cell>
          <cell r="M221" t="e">
            <v>#N/A</v>
          </cell>
          <cell r="V221" t="e">
            <v>#N/A</v>
          </cell>
          <cell r="W221" t="str">
            <v>なか１日</v>
          </cell>
          <cell r="X221" t="e">
            <v>#N/A</v>
          </cell>
          <cell r="Y221" t="e">
            <v>#N/A</v>
          </cell>
          <cell r="AD221" t="e">
            <v>#VALUE!</v>
          </cell>
          <cell r="AH221" t="str">
            <v/>
          </cell>
          <cell r="AP221">
            <v>3</v>
          </cell>
          <cell r="BD221" t="e">
            <v>#N/A</v>
          </cell>
          <cell r="BF221" t="e">
            <v>#N/A</v>
          </cell>
          <cell r="BG221" t="e">
            <v>#DIV/0!</v>
          </cell>
          <cell r="BJ221">
            <v>0</v>
          </cell>
          <cell r="BK221">
            <v>0</v>
          </cell>
          <cell r="BL221" t="str">
            <v/>
          </cell>
          <cell r="BO221" t="str">
            <v/>
          </cell>
          <cell r="BP221" t="e">
            <v>#N/A</v>
          </cell>
          <cell r="BQ221" t="e">
            <v>#N/A</v>
          </cell>
          <cell r="BS221" t="e">
            <v>#N/A</v>
          </cell>
          <cell r="BT221" t="e">
            <v>#N/A</v>
          </cell>
        </row>
        <row r="222">
          <cell r="I222">
            <v>1</v>
          </cell>
          <cell r="J222" t="str">
            <v>式</v>
          </cell>
          <cell r="K222" t="str">
            <v/>
          </cell>
          <cell r="L222">
            <v>2295300</v>
          </cell>
          <cell r="M222" t="e">
            <v>#N/A</v>
          </cell>
          <cell r="V222" t="e">
            <v>#N/A</v>
          </cell>
          <cell r="W222" t="str">
            <v>なか１日</v>
          </cell>
          <cell r="X222" t="e">
            <v>#N/A</v>
          </cell>
          <cell r="Y222" t="e">
            <v>#N/A</v>
          </cell>
          <cell r="AD222" t="e">
            <v>#VALUE!</v>
          </cell>
          <cell r="AH222" t="str">
            <v/>
          </cell>
          <cell r="AP222">
            <v>1</v>
          </cell>
          <cell r="BD222" t="e">
            <v>#N/A</v>
          </cell>
          <cell r="BF222" t="e">
            <v>#N/A</v>
          </cell>
          <cell r="BG222" t="e">
            <v>#DIV/0!</v>
          </cell>
          <cell r="BJ222">
            <v>0</v>
          </cell>
          <cell r="BK222">
            <v>0</v>
          </cell>
          <cell r="BL222" t="str">
            <v/>
          </cell>
          <cell r="BO222" t="str">
            <v/>
          </cell>
          <cell r="BP222" t="e">
            <v>#N/A</v>
          </cell>
          <cell r="BQ222" t="e">
            <v>#N/A</v>
          </cell>
          <cell r="BS222" t="e">
            <v>#N/A</v>
          </cell>
          <cell r="BT222" t="e">
            <v>#N/A</v>
          </cell>
        </row>
        <row r="223">
          <cell r="I223">
            <v>1</v>
          </cell>
          <cell r="J223" t="str">
            <v>式</v>
          </cell>
          <cell r="K223" t="str">
            <v/>
          </cell>
          <cell r="L223">
            <v>54152700</v>
          </cell>
          <cell r="M223" t="e">
            <v>#N/A</v>
          </cell>
          <cell r="V223" t="e">
            <v>#N/A</v>
          </cell>
          <cell r="W223" t="str">
            <v>なか１０日</v>
          </cell>
          <cell r="X223" t="e">
            <v>#N/A</v>
          </cell>
          <cell r="Y223" t="e">
            <v>#N/A</v>
          </cell>
          <cell r="AD223" t="e">
            <v>#VALUE!</v>
          </cell>
          <cell r="AH223" t="str">
            <v/>
          </cell>
          <cell r="AP223">
            <v>10</v>
          </cell>
          <cell r="BD223" t="e">
            <v>#N/A</v>
          </cell>
          <cell r="BF223" t="e">
            <v>#N/A</v>
          </cell>
          <cell r="BG223" t="e">
            <v>#DIV/0!</v>
          </cell>
          <cell r="BJ223">
            <v>0</v>
          </cell>
          <cell r="BK223">
            <v>0</v>
          </cell>
          <cell r="BL223" t="str">
            <v/>
          </cell>
          <cell r="BO223" t="str">
            <v/>
          </cell>
          <cell r="BP223" t="e">
            <v>#N/A</v>
          </cell>
          <cell r="BQ223" t="e">
            <v>#N/A</v>
          </cell>
          <cell r="BS223" t="e">
            <v>#N/A</v>
          </cell>
          <cell r="BT223" t="e">
            <v>#N/A</v>
          </cell>
        </row>
        <row r="224">
          <cell r="I224">
            <v>1</v>
          </cell>
          <cell r="J224" t="str">
            <v>式</v>
          </cell>
          <cell r="K224" t="str">
            <v/>
          </cell>
          <cell r="L224">
            <v>4315500</v>
          </cell>
          <cell r="M224" t="e">
            <v>#N/A</v>
          </cell>
          <cell r="V224" t="e">
            <v>#N/A</v>
          </cell>
          <cell r="W224" t="str">
            <v>なか１日</v>
          </cell>
          <cell r="X224" t="e">
            <v>#N/A</v>
          </cell>
          <cell r="Y224" t="e">
            <v>#N/A</v>
          </cell>
          <cell r="AD224" t="e">
            <v>#VALUE!</v>
          </cell>
          <cell r="AH224" t="str">
            <v/>
          </cell>
          <cell r="AP224">
            <v>1</v>
          </cell>
          <cell r="BD224" t="e">
            <v>#N/A</v>
          </cell>
          <cell r="BF224" t="e">
            <v>#N/A</v>
          </cell>
          <cell r="BG224" t="e">
            <v>#DIV/0!</v>
          </cell>
          <cell r="BJ224">
            <v>0</v>
          </cell>
          <cell r="BK224">
            <v>0</v>
          </cell>
          <cell r="BL224" t="str">
            <v/>
          </cell>
          <cell r="BO224" t="str">
            <v/>
          </cell>
          <cell r="BP224" t="e">
            <v>#N/A</v>
          </cell>
          <cell r="BQ224" t="e">
            <v>#N/A</v>
          </cell>
          <cell r="BS224" t="e">
            <v>#N/A</v>
          </cell>
          <cell r="BT224" t="e">
            <v>#N/A</v>
          </cell>
        </row>
        <row r="225">
          <cell r="I225">
            <v>1</v>
          </cell>
          <cell r="J225" t="str">
            <v>式</v>
          </cell>
          <cell r="K225" t="str">
            <v/>
          </cell>
          <cell r="L225">
            <v>1753500</v>
          </cell>
          <cell r="M225" t="e">
            <v>#N/A</v>
          </cell>
          <cell r="V225" t="e">
            <v>#N/A</v>
          </cell>
          <cell r="W225" t="str">
            <v>なか１日</v>
          </cell>
          <cell r="X225" t="e">
            <v>#N/A</v>
          </cell>
          <cell r="Y225" t="e">
            <v>#N/A</v>
          </cell>
          <cell r="AD225" t="e">
            <v>#VALUE!</v>
          </cell>
          <cell r="AH225" t="str">
            <v/>
          </cell>
          <cell r="AP225">
            <v>3</v>
          </cell>
          <cell r="BD225" t="e">
            <v>#N/A</v>
          </cell>
          <cell r="BF225" t="e">
            <v>#N/A</v>
          </cell>
          <cell r="BG225" t="e">
            <v>#DIV/0!</v>
          </cell>
          <cell r="BJ225">
            <v>0</v>
          </cell>
          <cell r="BK225">
            <v>0</v>
          </cell>
          <cell r="BL225" t="str">
            <v/>
          </cell>
          <cell r="BO225" t="str">
            <v/>
          </cell>
          <cell r="BP225" t="e">
            <v>#N/A</v>
          </cell>
          <cell r="BQ225" t="e">
            <v>#N/A</v>
          </cell>
          <cell r="BS225" t="e">
            <v>#N/A</v>
          </cell>
          <cell r="BT225" t="e">
            <v>#N/A</v>
          </cell>
        </row>
        <row r="226">
          <cell r="I226">
            <v>1</v>
          </cell>
          <cell r="J226" t="str">
            <v>式</v>
          </cell>
          <cell r="K226" t="str">
            <v/>
          </cell>
          <cell r="L226">
            <v>2900000</v>
          </cell>
          <cell r="M226" t="e">
            <v>#N/A</v>
          </cell>
          <cell r="V226" t="e">
            <v>#N/A</v>
          </cell>
          <cell r="W226" t="str">
            <v>なか１日</v>
          </cell>
          <cell r="X226" t="e">
            <v>#N/A</v>
          </cell>
          <cell r="Y226" t="e">
            <v>#N/A</v>
          </cell>
          <cell r="AD226" t="e">
            <v>#VALUE!</v>
          </cell>
          <cell r="AH226" t="str">
            <v/>
          </cell>
          <cell r="AP226">
            <v>3</v>
          </cell>
          <cell r="BD226" t="e">
            <v>#N/A</v>
          </cell>
          <cell r="BF226" t="e">
            <v>#N/A</v>
          </cell>
          <cell r="BG226" t="e">
            <v>#DIV/0!</v>
          </cell>
          <cell r="BJ226">
            <v>0</v>
          </cell>
          <cell r="BK226">
            <v>0</v>
          </cell>
          <cell r="BL226" t="str">
            <v>契約書</v>
          </cell>
          <cell r="BO226" t="str">
            <v/>
          </cell>
          <cell r="BP226" t="e">
            <v>#N/A</v>
          </cell>
          <cell r="BQ226" t="e">
            <v>#N/A</v>
          </cell>
          <cell r="BS226" t="e">
            <v>#N/A</v>
          </cell>
          <cell r="BT226" t="e">
            <v>#N/A</v>
          </cell>
        </row>
        <row r="227">
          <cell r="I227">
            <v>1</v>
          </cell>
          <cell r="J227" t="str">
            <v>式</v>
          </cell>
          <cell r="K227" t="str">
            <v/>
          </cell>
          <cell r="L227">
            <v>27720000</v>
          </cell>
          <cell r="M227" t="e">
            <v>#N/A</v>
          </cell>
          <cell r="V227" t="e">
            <v>#N/A</v>
          </cell>
          <cell r="W227" t="str">
            <v>なか５日</v>
          </cell>
          <cell r="X227" t="e">
            <v>#N/A</v>
          </cell>
          <cell r="Y227" t="e">
            <v>#N/A</v>
          </cell>
          <cell r="AD227" t="e">
            <v>#VALUE!</v>
          </cell>
          <cell r="AH227" t="str">
            <v/>
          </cell>
          <cell r="AP227">
            <v>1</v>
          </cell>
          <cell r="BD227" t="e">
            <v>#N/A</v>
          </cell>
          <cell r="BF227" t="e">
            <v>#N/A</v>
          </cell>
          <cell r="BG227" t="e">
            <v>#DIV/0!</v>
          </cell>
          <cell r="BJ227">
            <v>0</v>
          </cell>
          <cell r="BK227">
            <v>0</v>
          </cell>
          <cell r="BL227" t="str">
            <v/>
          </cell>
          <cell r="BO227" t="str">
            <v/>
          </cell>
          <cell r="BP227" t="e">
            <v>#N/A</v>
          </cell>
          <cell r="BQ227" t="e">
            <v>#N/A</v>
          </cell>
          <cell r="BS227" t="e">
            <v>#N/A</v>
          </cell>
          <cell r="BT227" t="e">
            <v>#N/A</v>
          </cell>
        </row>
        <row r="228">
          <cell r="I228">
            <v>1</v>
          </cell>
          <cell r="J228" t="str">
            <v>式</v>
          </cell>
          <cell r="K228" t="str">
            <v/>
          </cell>
          <cell r="L228">
            <v>514500</v>
          </cell>
          <cell r="M228" t="e">
            <v>#N/A</v>
          </cell>
          <cell r="V228" t="e">
            <v>#N/A</v>
          </cell>
          <cell r="W228" t="str">
            <v>なか１日</v>
          </cell>
          <cell r="X228" t="e">
            <v>#N/A</v>
          </cell>
          <cell r="Y228" t="e">
            <v>#N/A</v>
          </cell>
          <cell r="AD228" t="e">
            <v>#VALUE!</v>
          </cell>
          <cell r="AH228" t="str">
            <v/>
          </cell>
          <cell r="AP228">
            <v>3</v>
          </cell>
          <cell r="BD228" t="e">
            <v>#N/A</v>
          </cell>
          <cell r="BF228" t="e">
            <v>#N/A</v>
          </cell>
          <cell r="BG228" t="e">
            <v>#DIV/0!</v>
          </cell>
          <cell r="BJ228">
            <v>0</v>
          </cell>
          <cell r="BK228">
            <v>0</v>
          </cell>
          <cell r="BL228" t="str">
            <v/>
          </cell>
          <cell r="BM228" t="str">
            <v>分割</v>
          </cell>
          <cell r="BO228" t="str">
            <v/>
          </cell>
          <cell r="BP228" t="e">
            <v>#N/A</v>
          </cell>
          <cell r="BQ228" t="e">
            <v>#N/A</v>
          </cell>
          <cell r="BS228" t="e">
            <v>#N/A</v>
          </cell>
          <cell r="BT228" t="e">
            <v>#N/A</v>
          </cell>
        </row>
        <row r="229">
          <cell r="I229">
            <v>1</v>
          </cell>
          <cell r="J229" t="str">
            <v>式</v>
          </cell>
          <cell r="K229" t="str">
            <v/>
          </cell>
          <cell r="L229">
            <v>44142000</v>
          </cell>
          <cell r="M229" t="e">
            <v>#N/A</v>
          </cell>
          <cell r="V229" t="e">
            <v>#N/A</v>
          </cell>
          <cell r="W229" t="str">
            <v>なか５日</v>
          </cell>
          <cell r="X229" t="e">
            <v>#N/A</v>
          </cell>
          <cell r="Y229" t="e">
            <v>#N/A</v>
          </cell>
          <cell r="AD229" t="e">
            <v>#VALUE!</v>
          </cell>
          <cell r="AH229" t="str">
            <v/>
          </cell>
          <cell r="AP229">
            <v>1</v>
          </cell>
          <cell r="BD229" t="e">
            <v>#N/A</v>
          </cell>
          <cell r="BF229" t="e">
            <v>#N/A</v>
          </cell>
          <cell r="BG229" t="e">
            <v>#DIV/0!</v>
          </cell>
          <cell r="BJ229">
            <v>0</v>
          </cell>
          <cell r="BK229">
            <v>0</v>
          </cell>
          <cell r="BL229" t="str">
            <v/>
          </cell>
          <cell r="BO229" t="str">
            <v/>
          </cell>
          <cell r="BP229" t="e">
            <v>#N/A</v>
          </cell>
          <cell r="BQ229" t="e">
            <v>#N/A</v>
          </cell>
          <cell r="BS229" t="e">
            <v>#N/A</v>
          </cell>
          <cell r="BT229" t="e">
            <v>#N/A</v>
          </cell>
        </row>
        <row r="230">
          <cell r="I230">
            <v>1</v>
          </cell>
          <cell r="J230" t="str">
            <v>式</v>
          </cell>
          <cell r="K230" t="str">
            <v/>
          </cell>
          <cell r="L230">
            <v>1491000</v>
          </cell>
          <cell r="M230" t="e">
            <v>#N/A</v>
          </cell>
          <cell r="V230" t="e">
            <v>#N/A</v>
          </cell>
          <cell r="W230" t="str">
            <v>なか１日</v>
          </cell>
          <cell r="X230" t="e">
            <v>#N/A</v>
          </cell>
          <cell r="Y230" t="e">
            <v>#N/A</v>
          </cell>
          <cell r="AD230" t="e">
            <v>#VALUE!</v>
          </cell>
          <cell r="AH230" t="str">
            <v/>
          </cell>
          <cell r="AP230">
            <v>3</v>
          </cell>
          <cell r="BD230" t="e">
            <v>#N/A</v>
          </cell>
          <cell r="BF230" t="e">
            <v>#N/A</v>
          </cell>
          <cell r="BG230" t="e">
            <v>#DIV/0!</v>
          </cell>
          <cell r="BJ230">
            <v>0</v>
          </cell>
          <cell r="BK230">
            <v>0</v>
          </cell>
          <cell r="BL230" t="str">
            <v/>
          </cell>
          <cell r="BO230" t="str">
            <v/>
          </cell>
          <cell r="BP230" t="e">
            <v>#N/A</v>
          </cell>
          <cell r="BQ230" t="e">
            <v>#N/A</v>
          </cell>
          <cell r="BS230" t="e">
            <v>#N/A</v>
          </cell>
          <cell r="BT230" t="e">
            <v>#N/A</v>
          </cell>
        </row>
        <row r="231">
          <cell r="I231">
            <v>1</v>
          </cell>
          <cell r="J231" t="str">
            <v>式</v>
          </cell>
          <cell r="K231" t="str">
            <v/>
          </cell>
          <cell r="L231">
            <v>313522</v>
          </cell>
          <cell r="M231" t="e">
            <v>#N/A</v>
          </cell>
          <cell r="V231" t="e">
            <v>#N/A</v>
          </cell>
          <cell r="W231" t="str">
            <v>なか１日</v>
          </cell>
          <cell r="X231" t="e">
            <v>#N/A</v>
          </cell>
          <cell r="Y231" t="e">
            <v>#N/A</v>
          </cell>
          <cell r="AD231" t="e">
            <v>#VALUE!</v>
          </cell>
          <cell r="AH231" t="str">
            <v/>
          </cell>
          <cell r="AP231">
            <v>3</v>
          </cell>
          <cell r="BD231" t="e">
            <v>#N/A</v>
          </cell>
          <cell r="BF231" t="e">
            <v>#N/A</v>
          </cell>
          <cell r="BG231" t="e">
            <v>#DIV/0!</v>
          </cell>
          <cell r="BJ231">
            <v>0</v>
          </cell>
          <cell r="BK231">
            <v>0</v>
          </cell>
          <cell r="BL231" t="str">
            <v/>
          </cell>
          <cell r="BO231" t="str">
            <v/>
          </cell>
          <cell r="BP231" t="e">
            <v>#N/A</v>
          </cell>
          <cell r="BQ231" t="e">
            <v>#N/A</v>
          </cell>
          <cell r="BS231" t="e">
            <v>#N/A</v>
          </cell>
          <cell r="BT231" t="e">
            <v>#N/A</v>
          </cell>
        </row>
        <row r="232">
          <cell r="I232">
            <v>1</v>
          </cell>
          <cell r="J232" t="str">
            <v>式</v>
          </cell>
          <cell r="K232" t="str">
            <v/>
          </cell>
          <cell r="L232">
            <v>372750</v>
          </cell>
          <cell r="M232" t="e">
            <v>#N/A</v>
          </cell>
          <cell r="V232" t="e">
            <v>#N/A</v>
          </cell>
          <cell r="W232" t="str">
            <v>なか１日</v>
          </cell>
          <cell r="X232" t="e">
            <v>#N/A</v>
          </cell>
          <cell r="Y232" t="e">
            <v>#N/A</v>
          </cell>
          <cell r="AD232" t="e">
            <v>#VALUE!</v>
          </cell>
          <cell r="AH232" t="str">
            <v/>
          </cell>
          <cell r="AP232">
            <v>1</v>
          </cell>
          <cell r="BD232" t="e">
            <v>#N/A</v>
          </cell>
          <cell r="BF232" t="e">
            <v>#N/A</v>
          </cell>
          <cell r="BG232" t="e">
            <v>#DIV/0!</v>
          </cell>
          <cell r="BJ232">
            <v>0</v>
          </cell>
          <cell r="BK232">
            <v>0</v>
          </cell>
          <cell r="BL232" t="str">
            <v/>
          </cell>
          <cell r="BO232" t="str">
            <v/>
          </cell>
          <cell r="BP232" t="e">
            <v>#N/A</v>
          </cell>
          <cell r="BQ232" t="e">
            <v>#N/A</v>
          </cell>
          <cell r="BS232" t="e">
            <v>#N/A</v>
          </cell>
          <cell r="BT232" t="e">
            <v>#N/A</v>
          </cell>
        </row>
        <row r="233">
          <cell r="I233">
            <v>1</v>
          </cell>
          <cell r="J233" t="str">
            <v>式</v>
          </cell>
          <cell r="K233" t="str">
            <v/>
          </cell>
          <cell r="L233">
            <v>497700</v>
          </cell>
          <cell r="M233" t="e">
            <v>#N/A</v>
          </cell>
          <cell r="V233" t="e">
            <v>#N/A</v>
          </cell>
          <cell r="W233" t="str">
            <v>なか１日</v>
          </cell>
          <cell r="X233" t="e">
            <v>#N/A</v>
          </cell>
          <cell r="Y233" t="e">
            <v>#N/A</v>
          </cell>
          <cell r="AD233" t="e">
            <v>#VALUE!</v>
          </cell>
          <cell r="AH233" t="str">
            <v/>
          </cell>
          <cell r="AP233">
            <v>1</v>
          </cell>
          <cell r="BD233" t="e">
            <v>#N/A</v>
          </cell>
          <cell r="BF233" t="e">
            <v>#N/A</v>
          </cell>
          <cell r="BG233" t="e">
            <v>#DIV/0!</v>
          </cell>
          <cell r="BJ233">
            <v>0</v>
          </cell>
          <cell r="BK233">
            <v>0</v>
          </cell>
          <cell r="BL233" t="str">
            <v/>
          </cell>
          <cell r="BO233" t="str">
            <v/>
          </cell>
          <cell r="BP233" t="e">
            <v>#N/A</v>
          </cell>
          <cell r="BQ233" t="e">
            <v>#N/A</v>
          </cell>
          <cell r="BS233" t="e">
            <v>#N/A</v>
          </cell>
          <cell r="BT233" t="e">
            <v>#N/A</v>
          </cell>
        </row>
        <row r="234">
          <cell r="I234">
            <v>1</v>
          </cell>
          <cell r="J234" t="str">
            <v>式</v>
          </cell>
          <cell r="K234" t="str">
            <v/>
          </cell>
          <cell r="L234">
            <v>140700</v>
          </cell>
          <cell r="M234" t="e">
            <v>#N/A</v>
          </cell>
          <cell r="V234" t="e">
            <v>#N/A</v>
          </cell>
          <cell r="W234" t="str">
            <v>なか１日</v>
          </cell>
          <cell r="X234" t="e">
            <v>#N/A</v>
          </cell>
          <cell r="Y234" t="e">
            <v>#N/A</v>
          </cell>
          <cell r="AD234" t="e">
            <v>#VALUE!</v>
          </cell>
          <cell r="AH234" t="str">
            <v/>
          </cell>
          <cell r="AP234">
            <v>1</v>
          </cell>
          <cell r="BD234" t="e">
            <v>#N/A</v>
          </cell>
          <cell r="BF234" t="e">
            <v>#N/A</v>
          </cell>
          <cell r="BG234" t="e">
            <v>#DIV/0!</v>
          </cell>
          <cell r="BJ234">
            <v>0</v>
          </cell>
          <cell r="BK234">
            <v>0</v>
          </cell>
          <cell r="BL234" t="str">
            <v/>
          </cell>
          <cell r="BO234" t="str">
            <v/>
          </cell>
          <cell r="BP234" t="e">
            <v>#N/A</v>
          </cell>
          <cell r="BQ234" t="e">
            <v>#N/A</v>
          </cell>
          <cell r="BS234" t="e">
            <v>#N/A</v>
          </cell>
          <cell r="BT234" t="e">
            <v>#N/A</v>
          </cell>
        </row>
        <row r="235">
          <cell r="I235">
            <v>1</v>
          </cell>
          <cell r="J235" t="str">
            <v>式</v>
          </cell>
          <cell r="K235" t="str">
            <v/>
          </cell>
          <cell r="L235">
            <v>1310400</v>
          </cell>
          <cell r="M235" t="e">
            <v>#N/A</v>
          </cell>
          <cell r="V235" t="e">
            <v>#N/A</v>
          </cell>
          <cell r="W235" t="str">
            <v>なか１日</v>
          </cell>
          <cell r="X235" t="e">
            <v>#N/A</v>
          </cell>
          <cell r="Y235" t="e">
            <v>#N/A</v>
          </cell>
          <cell r="AD235" t="e">
            <v>#VALUE!</v>
          </cell>
          <cell r="AH235" t="str">
            <v/>
          </cell>
          <cell r="AP235">
            <v>3</v>
          </cell>
          <cell r="BD235" t="e">
            <v>#N/A</v>
          </cell>
          <cell r="BF235" t="e">
            <v>#N/A</v>
          </cell>
          <cell r="BG235" t="e">
            <v>#DIV/0!</v>
          </cell>
          <cell r="BJ235">
            <v>0</v>
          </cell>
          <cell r="BK235">
            <v>0</v>
          </cell>
          <cell r="BL235" t="str">
            <v/>
          </cell>
          <cell r="BO235" t="str">
            <v/>
          </cell>
          <cell r="BP235" t="e">
            <v>#N/A</v>
          </cell>
          <cell r="BQ235" t="e">
            <v>#N/A</v>
          </cell>
          <cell r="BS235" t="e">
            <v>#N/A</v>
          </cell>
          <cell r="BT235" t="e">
            <v>#N/A</v>
          </cell>
        </row>
        <row r="236">
          <cell r="I236">
            <v>1</v>
          </cell>
          <cell r="J236" t="str">
            <v>式</v>
          </cell>
          <cell r="K236" t="str">
            <v/>
          </cell>
          <cell r="L236">
            <v>415800</v>
          </cell>
          <cell r="M236" t="e">
            <v>#N/A</v>
          </cell>
          <cell r="V236" t="e">
            <v>#N/A</v>
          </cell>
          <cell r="W236" t="str">
            <v>なか１日</v>
          </cell>
          <cell r="X236" t="e">
            <v>#N/A</v>
          </cell>
          <cell r="Y236" t="e">
            <v>#N/A</v>
          </cell>
          <cell r="AD236" t="e">
            <v>#VALUE!</v>
          </cell>
          <cell r="AH236" t="str">
            <v/>
          </cell>
          <cell r="AP236">
            <v>3</v>
          </cell>
          <cell r="BD236" t="e">
            <v>#N/A</v>
          </cell>
          <cell r="BF236" t="e">
            <v>#N/A</v>
          </cell>
          <cell r="BG236" t="e">
            <v>#DIV/0!</v>
          </cell>
          <cell r="BJ236">
            <v>0</v>
          </cell>
          <cell r="BK236">
            <v>0</v>
          </cell>
          <cell r="BL236" t="str">
            <v/>
          </cell>
          <cell r="BO236" t="str">
            <v/>
          </cell>
          <cell r="BP236" t="e">
            <v>#N/A</v>
          </cell>
          <cell r="BQ236" t="e">
            <v>#N/A</v>
          </cell>
          <cell r="BS236" t="e">
            <v>#N/A</v>
          </cell>
          <cell r="BT236" t="e">
            <v>#N/A</v>
          </cell>
        </row>
        <row r="237">
          <cell r="I237">
            <v>1</v>
          </cell>
          <cell r="J237" t="str">
            <v>式</v>
          </cell>
          <cell r="K237" t="str">
            <v/>
          </cell>
          <cell r="L237">
            <v>1343737</v>
          </cell>
          <cell r="M237" t="e">
            <v>#N/A</v>
          </cell>
          <cell r="V237" t="e">
            <v>#N/A</v>
          </cell>
          <cell r="W237" t="str">
            <v>なか１日</v>
          </cell>
          <cell r="X237" t="e">
            <v>#N/A</v>
          </cell>
          <cell r="Y237" t="e">
            <v>#N/A</v>
          </cell>
          <cell r="AD237" t="e">
            <v>#VALUE!</v>
          </cell>
          <cell r="AH237" t="str">
            <v/>
          </cell>
          <cell r="AP237">
            <v>1</v>
          </cell>
          <cell r="BD237" t="e">
            <v>#N/A</v>
          </cell>
          <cell r="BF237" t="e">
            <v>#N/A</v>
          </cell>
          <cell r="BG237" t="e">
            <v>#DIV/0!</v>
          </cell>
          <cell r="BJ237">
            <v>0</v>
          </cell>
          <cell r="BK237">
            <v>0</v>
          </cell>
          <cell r="BL237" t="str">
            <v/>
          </cell>
          <cell r="BO237" t="str">
            <v/>
          </cell>
          <cell r="BP237" t="e">
            <v>#N/A</v>
          </cell>
          <cell r="BQ237" t="e">
            <v>#N/A</v>
          </cell>
          <cell r="BS237" t="e">
            <v>#N/A</v>
          </cell>
          <cell r="BT237" t="e">
            <v>#N/A</v>
          </cell>
        </row>
        <row r="238">
          <cell r="I238">
            <v>1</v>
          </cell>
          <cell r="J238" t="str">
            <v>式</v>
          </cell>
          <cell r="K238" t="str">
            <v/>
          </cell>
          <cell r="L238">
            <v>23761500</v>
          </cell>
          <cell r="M238" t="e">
            <v>#N/A</v>
          </cell>
          <cell r="V238" t="e">
            <v>#N/A</v>
          </cell>
          <cell r="W238" t="str">
            <v>なか５日</v>
          </cell>
          <cell r="X238" t="e">
            <v>#N/A</v>
          </cell>
          <cell r="Y238" t="e">
            <v>#N/A</v>
          </cell>
          <cell r="AD238" t="e">
            <v>#VALUE!</v>
          </cell>
          <cell r="AH238" t="str">
            <v/>
          </cell>
          <cell r="AP238">
            <v>1</v>
          </cell>
          <cell r="BD238" t="e">
            <v>#N/A</v>
          </cell>
          <cell r="BF238" t="e">
            <v>#N/A</v>
          </cell>
          <cell r="BG238" t="e">
            <v>#DIV/0!</v>
          </cell>
          <cell r="BJ238">
            <v>0</v>
          </cell>
          <cell r="BK238">
            <v>0</v>
          </cell>
          <cell r="BL238" t="str">
            <v/>
          </cell>
          <cell r="BO238" t="str">
            <v/>
          </cell>
          <cell r="BP238" t="e">
            <v>#N/A</v>
          </cell>
          <cell r="BQ238" t="e">
            <v>#N/A</v>
          </cell>
          <cell r="BS238" t="e">
            <v>#N/A</v>
          </cell>
          <cell r="BT238" t="e">
            <v>#N/A</v>
          </cell>
        </row>
        <row r="239">
          <cell r="I239">
            <v>1</v>
          </cell>
          <cell r="J239" t="str">
            <v>式</v>
          </cell>
          <cell r="K239" t="str">
            <v/>
          </cell>
          <cell r="L239">
            <v>885150</v>
          </cell>
          <cell r="M239" t="e">
            <v>#N/A</v>
          </cell>
          <cell r="V239" t="e">
            <v>#N/A</v>
          </cell>
          <cell r="W239" t="str">
            <v>なか１日</v>
          </cell>
          <cell r="X239" t="e">
            <v>#N/A</v>
          </cell>
          <cell r="Y239" t="e">
            <v>#N/A</v>
          </cell>
          <cell r="AD239" t="e">
            <v>#VALUE!</v>
          </cell>
          <cell r="AH239" t="str">
            <v/>
          </cell>
          <cell r="AP239">
            <v>3</v>
          </cell>
          <cell r="BD239" t="e">
            <v>#N/A</v>
          </cell>
          <cell r="BF239" t="e">
            <v>#N/A</v>
          </cell>
          <cell r="BG239" t="e">
            <v>#DIV/0!</v>
          </cell>
          <cell r="BJ239">
            <v>0</v>
          </cell>
          <cell r="BK239">
            <v>0</v>
          </cell>
          <cell r="BL239" t="str">
            <v/>
          </cell>
          <cell r="BM239" t="str">
            <v>分割</v>
          </cell>
          <cell r="BO239" t="str">
            <v/>
          </cell>
          <cell r="BP239" t="e">
            <v>#N/A</v>
          </cell>
          <cell r="BQ239" t="e">
            <v>#N/A</v>
          </cell>
          <cell r="BS239" t="e">
            <v>#N/A</v>
          </cell>
          <cell r="BT239" t="e">
            <v>#N/A</v>
          </cell>
        </row>
        <row r="240">
          <cell r="I240">
            <v>1</v>
          </cell>
          <cell r="J240" t="str">
            <v>式</v>
          </cell>
          <cell r="K240" t="str">
            <v/>
          </cell>
          <cell r="L240">
            <v>1388100</v>
          </cell>
          <cell r="M240" t="e">
            <v>#N/A</v>
          </cell>
          <cell r="V240" t="e">
            <v>#N/A</v>
          </cell>
          <cell r="W240" t="str">
            <v>なか１日</v>
          </cell>
          <cell r="X240" t="e">
            <v>#N/A</v>
          </cell>
          <cell r="Y240" t="e">
            <v>#N/A</v>
          </cell>
          <cell r="AD240" t="e">
            <v>#VALUE!</v>
          </cell>
          <cell r="AH240" t="str">
            <v/>
          </cell>
          <cell r="AP240">
            <v>1</v>
          </cell>
          <cell r="BD240" t="e">
            <v>#N/A</v>
          </cell>
          <cell r="BF240" t="e">
            <v>#N/A</v>
          </cell>
          <cell r="BG240" t="e">
            <v>#DIV/0!</v>
          </cell>
          <cell r="BJ240">
            <v>0</v>
          </cell>
          <cell r="BK240">
            <v>0</v>
          </cell>
          <cell r="BL240" t="str">
            <v/>
          </cell>
          <cell r="BO240" t="str">
            <v/>
          </cell>
          <cell r="BP240" t="e">
            <v>#N/A</v>
          </cell>
          <cell r="BQ240" t="e">
            <v>#N/A</v>
          </cell>
          <cell r="BS240" t="e">
            <v>#N/A</v>
          </cell>
          <cell r="BT240" t="e">
            <v>#N/A</v>
          </cell>
        </row>
        <row r="241">
          <cell r="I241">
            <v>1</v>
          </cell>
          <cell r="J241" t="str">
            <v>式</v>
          </cell>
          <cell r="K241" t="str">
            <v/>
          </cell>
          <cell r="L241">
            <v>827400</v>
          </cell>
          <cell r="M241" t="e">
            <v>#N/A</v>
          </cell>
          <cell r="V241" t="e">
            <v>#N/A</v>
          </cell>
          <cell r="W241" t="str">
            <v>なか１日</v>
          </cell>
          <cell r="X241" t="e">
            <v>#N/A</v>
          </cell>
          <cell r="Y241" t="e">
            <v>#N/A</v>
          </cell>
          <cell r="AD241" t="e">
            <v>#VALUE!</v>
          </cell>
          <cell r="AH241" t="str">
            <v/>
          </cell>
          <cell r="AP241">
            <v>3</v>
          </cell>
          <cell r="BD241" t="e">
            <v>#N/A</v>
          </cell>
          <cell r="BF241" t="e">
            <v>#N/A</v>
          </cell>
          <cell r="BG241" t="e">
            <v>#DIV/0!</v>
          </cell>
          <cell r="BJ241">
            <v>0</v>
          </cell>
          <cell r="BK241">
            <v>0</v>
          </cell>
          <cell r="BL241" t="str">
            <v/>
          </cell>
          <cell r="BO241" t="str">
            <v/>
          </cell>
          <cell r="BP241" t="e">
            <v>#N/A</v>
          </cell>
          <cell r="BQ241" t="e">
            <v>#N/A</v>
          </cell>
          <cell r="BS241" t="e">
            <v>#N/A</v>
          </cell>
          <cell r="BT241" t="e">
            <v>#N/A</v>
          </cell>
        </row>
        <row r="242">
          <cell r="I242">
            <v>1</v>
          </cell>
          <cell r="J242" t="str">
            <v>式</v>
          </cell>
          <cell r="K242" t="str">
            <v/>
          </cell>
          <cell r="L242">
            <v>8787450</v>
          </cell>
          <cell r="M242" t="e">
            <v>#N/A</v>
          </cell>
          <cell r="V242" t="e">
            <v>#N/A</v>
          </cell>
          <cell r="W242" t="str">
            <v>なか５日</v>
          </cell>
          <cell r="X242" t="e">
            <v>#N/A</v>
          </cell>
          <cell r="Y242" t="e">
            <v>#N/A</v>
          </cell>
          <cell r="AD242" t="e">
            <v>#VALUE!</v>
          </cell>
          <cell r="AH242" t="str">
            <v/>
          </cell>
          <cell r="AP242">
            <v>5</v>
          </cell>
          <cell r="BD242" t="e">
            <v>#N/A</v>
          </cell>
          <cell r="BF242" t="e">
            <v>#N/A</v>
          </cell>
          <cell r="BG242" t="e">
            <v>#DIV/0!</v>
          </cell>
          <cell r="BJ242">
            <v>0</v>
          </cell>
          <cell r="BK242">
            <v>0</v>
          </cell>
          <cell r="BL242" t="str">
            <v/>
          </cell>
          <cell r="BO242" t="str">
            <v/>
          </cell>
          <cell r="BP242" t="e">
            <v>#N/A</v>
          </cell>
          <cell r="BQ242" t="e">
            <v>#N/A</v>
          </cell>
          <cell r="BS242" t="e">
            <v>#N/A</v>
          </cell>
          <cell r="BT242" t="e">
            <v>#N/A</v>
          </cell>
        </row>
        <row r="243">
          <cell r="I243">
            <v>1</v>
          </cell>
          <cell r="J243" t="str">
            <v>式</v>
          </cell>
          <cell r="K243" t="str">
            <v/>
          </cell>
          <cell r="L243">
            <v>705600</v>
          </cell>
          <cell r="M243" t="e">
            <v>#N/A</v>
          </cell>
          <cell r="V243" t="e">
            <v>#N/A</v>
          </cell>
          <cell r="W243" t="str">
            <v>なか１日</v>
          </cell>
          <cell r="X243" t="e">
            <v>#N/A</v>
          </cell>
          <cell r="Y243" t="e">
            <v>#N/A</v>
          </cell>
          <cell r="AD243" t="e">
            <v>#VALUE!</v>
          </cell>
          <cell r="AH243" t="str">
            <v/>
          </cell>
          <cell r="AP243">
            <v>3</v>
          </cell>
          <cell r="BD243" t="e">
            <v>#N/A</v>
          </cell>
          <cell r="BF243" t="e">
            <v>#N/A</v>
          </cell>
          <cell r="BG243" t="e">
            <v>#DIV/0!</v>
          </cell>
          <cell r="BJ243">
            <v>0</v>
          </cell>
          <cell r="BK243">
            <v>0</v>
          </cell>
          <cell r="BL243" t="str">
            <v/>
          </cell>
          <cell r="BM243" t="str">
            <v>分割</v>
          </cell>
          <cell r="BO243" t="str">
            <v/>
          </cell>
          <cell r="BP243" t="e">
            <v>#N/A</v>
          </cell>
          <cell r="BQ243" t="e">
            <v>#N/A</v>
          </cell>
          <cell r="BS243" t="e">
            <v>#N/A</v>
          </cell>
          <cell r="BT243" t="e">
            <v>#N/A</v>
          </cell>
        </row>
        <row r="244">
          <cell r="I244">
            <v>1</v>
          </cell>
          <cell r="J244" t="str">
            <v>式</v>
          </cell>
          <cell r="K244" t="str">
            <v/>
          </cell>
          <cell r="L244">
            <v>7000000</v>
          </cell>
          <cell r="M244" t="e">
            <v>#N/A</v>
          </cell>
          <cell r="V244" t="e">
            <v>#N/A</v>
          </cell>
          <cell r="W244" t="str">
            <v>なか５日</v>
          </cell>
          <cell r="X244" t="e">
            <v>#N/A</v>
          </cell>
          <cell r="Y244" t="e">
            <v>#N/A</v>
          </cell>
          <cell r="AD244" t="e">
            <v>#VALUE!</v>
          </cell>
          <cell r="AH244" t="str">
            <v/>
          </cell>
          <cell r="AP244">
            <v>1</v>
          </cell>
          <cell r="BD244" t="e">
            <v>#N/A</v>
          </cell>
          <cell r="BF244" t="e">
            <v>#N/A</v>
          </cell>
          <cell r="BG244" t="e">
            <v>#DIV/0!</v>
          </cell>
          <cell r="BJ244">
            <v>0</v>
          </cell>
          <cell r="BK244">
            <v>0</v>
          </cell>
          <cell r="BL244" t="str">
            <v/>
          </cell>
          <cell r="BO244" t="str">
            <v/>
          </cell>
          <cell r="BP244" t="e">
            <v>#N/A</v>
          </cell>
          <cell r="BQ244" t="e">
            <v>#N/A</v>
          </cell>
          <cell r="BS244" t="e">
            <v>#N/A</v>
          </cell>
          <cell r="BT244" t="e">
            <v>#N/A</v>
          </cell>
        </row>
        <row r="245">
          <cell r="I245">
            <v>1</v>
          </cell>
          <cell r="J245" t="str">
            <v>式</v>
          </cell>
          <cell r="K245" t="str">
            <v/>
          </cell>
          <cell r="L245">
            <v>158550</v>
          </cell>
          <cell r="M245" t="e">
            <v>#N/A</v>
          </cell>
          <cell r="V245" t="e">
            <v>#N/A</v>
          </cell>
          <cell r="W245" t="str">
            <v>なか１日</v>
          </cell>
          <cell r="X245" t="e">
            <v>#N/A</v>
          </cell>
          <cell r="Y245" t="e">
            <v>#N/A</v>
          </cell>
          <cell r="AD245" t="e">
            <v>#VALUE!</v>
          </cell>
          <cell r="AH245" t="str">
            <v/>
          </cell>
          <cell r="AP245">
            <v>1</v>
          </cell>
          <cell r="BD245" t="e">
            <v>#N/A</v>
          </cell>
          <cell r="BF245" t="e">
            <v>#N/A</v>
          </cell>
          <cell r="BG245" t="e">
            <v>#DIV/0!</v>
          </cell>
          <cell r="BJ245">
            <v>0</v>
          </cell>
          <cell r="BK245">
            <v>0</v>
          </cell>
          <cell r="BL245" t="str">
            <v/>
          </cell>
          <cell r="BO245" t="str">
            <v/>
          </cell>
          <cell r="BP245" t="e">
            <v>#N/A</v>
          </cell>
          <cell r="BQ245" t="e">
            <v>#N/A</v>
          </cell>
          <cell r="BS245" t="e">
            <v>#N/A</v>
          </cell>
          <cell r="BT245" t="e">
            <v>#N/A</v>
          </cell>
        </row>
        <row r="246">
          <cell r="I246">
            <v>1</v>
          </cell>
          <cell r="J246" t="str">
            <v>式</v>
          </cell>
          <cell r="K246" t="str">
            <v/>
          </cell>
          <cell r="L246">
            <v>119999250</v>
          </cell>
          <cell r="M246" t="e">
            <v>#N/A</v>
          </cell>
          <cell r="V246" t="e">
            <v>#N/A</v>
          </cell>
          <cell r="W246" t="str">
            <v>なか１０日</v>
          </cell>
          <cell r="X246" t="e">
            <v>#N/A</v>
          </cell>
          <cell r="Y246" t="e">
            <v>#N/A</v>
          </cell>
          <cell r="AD246" t="e">
            <v>#VALUE!</v>
          </cell>
          <cell r="AH246" t="str">
            <v/>
          </cell>
          <cell r="AP246">
            <v>1</v>
          </cell>
          <cell r="BD246" t="e">
            <v>#N/A</v>
          </cell>
          <cell r="BF246" t="e">
            <v>#N/A</v>
          </cell>
          <cell r="BG246" t="e">
            <v>#DIV/0!</v>
          </cell>
          <cell r="BJ246">
            <v>0</v>
          </cell>
          <cell r="BK246">
            <v>0</v>
          </cell>
          <cell r="BL246" t="str">
            <v/>
          </cell>
          <cell r="BO246" t="str">
            <v/>
          </cell>
          <cell r="BP246" t="e">
            <v>#N/A</v>
          </cell>
          <cell r="BQ246" t="e">
            <v>#N/A</v>
          </cell>
          <cell r="BS246" t="e">
            <v>#N/A</v>
          </cell>
          <cell r="BT246" t="e">
            <v>#N/A</v>
          </cell>
        </row>
        <row r="247">
          <cell r="I247">
            <v>1</v>
          </cell>
          <cell r="J247" t="str">
            <v>式</v>
          </cell>
          <cell r="K247" t="str">
            <v/>
          </cell>
          <cell r="L247">
            <v>1596000</v>
          </cell>
          <cell r="M247" t="e">
            <v>#N/A</v>
          </cell>
          <cell r="V247" t="e">
            <v>#N/A</v>
          </cell>
          <cell r="W247" t="str">
            <v>なか１日</v>
          </cell>
          <cell r="X247" t="e">
            <v>#N/A</v>
          </cell>
          <cell r="Y247" t="e">
            <v>#N/A</v>
          </cell>
          <cell r="AD247" t="e">
            <v>#VALUE!</v>
          </cell>
          <cell r="AH247" t="str">
            <v/>
          </cell>
          <cell r="AP247">
            <v>3</v>
          </cell>
          <cell r="BD247" t="e">
            <v>#N/A</v>
          </cell>
          <cell r="BF247" t="e">
            <v>#N/A</v>
          </cell>
          <cell r="BG247" t="e">
            <v>#DIV/0!</v>
          </cell>
          <cell r="BJ247">
            <v>0</v>
          </cell>
          <cell r="BK247">
            <v>0</v>
          </cell>
          <cell r="BL247" t="str">
            <v/>
          </cell>
          <cell r="BO247" t="str">
            <v/>
          </cell>
          <cell r="BP247" t="e">
            <v>#N/A</v>
          </cell>
          <cell r="BQ247" t="e">
            <v>#N/A</v>
          </cell>
          <cell r="BS247" t="e">
            <v>#N/A</v>
          </cell>
          <cell r="BT247" t="e">
            <v>#N/A</v>
          </cell>
        </row>
        <row r="248">
          <cell r="I248">
            <v>1</v>
          </cell>
          <cell r="J248" t="str">
            <v>式</v>
          </cell>
          <cell r="K248" t="str">
            <v/>
          </cell>
          <cell r="L248">
            <v>1291500</v>
          </cell>
          <cell r="M248" t="e">
            <v>#N/A</v>
          </cell>
          <cell r="V248" t="e">
            <v>#N/A</v>
          </cell>
          <cell r="W248" t="str">
            <v>なか１日</v>
          </cell>
          <cell r="X248" t="e">
            <v>#N/A</v>
          </cell>
          <cell r="Y248" t="e">
            <v>#N/A</v>
          </cell>
          <cell r="AD248" t="e">
            <v>#VALUE!</v>
          </cell>
          <cell r="AH248" t="str">
            <v/>
          </cell>
          <cell r="AP248">
            <v>3</v>
          </cell>
          <cell r="BD248" t="e">
            <v>#N/A</v>
          </cell>
          <cell r="BF248" t="e">
            <v>#N/A</v>
          </cell>
          <cell r="BG248" t="e">
            <v>#DIV/0!</v>
          </cell>
          <cell r="BJ248">
            <v>0</v>
          </cell>
          <cell r="BK248">
            <v>0</v>
          </cell>
          <cell r="BL248" t="str">
            <v/>
          </cell>
          <cell r="BO248" t="str">
            <v/>
          </cell>
          <cell r="BP248" t="e">
            <v>#N/A</v>
          </cell>
          <cell r="BQ248" t="e">
            <v>#N/A</v>
          </cell>
          <cell r="BS248" t="e">
            <v>#N/A</v>
          </cell>
          <cell r="BT248" t="e">
            <v>#N/A</v>
          </cell>
        </row>
        <row r="249">
          <cell r="I249">
            <v>1</v>
          </cell>
          <cell r="J249" t="str">
            <v>式</v>
          </cell>
          <cell r="K249" t="str">
            <v/>
          </cell>
          <cell r="L249">
            <v>211050</v>
          </cell>
          <cell r="M249" t="e">
            <v>#N/A</v>
          </cell>
          <cell r="V249" t="e">
            <v>#N/A</v>
          </cell>
          <cell r="W249" t="str">
            <v>なか１日</v>
          </cell>
          <cell r="X249" t="e">
            <v>#N/A</v>
          </cell>
          <cell r="Y249" t="e">
            <v>#N/A</v>
          </cell>
          <cell r="AD249" t="e">
            <v>#VALUE!</v>
          </cell>
          <cell r="AH249" t="str">
            <v/>
          </cell>
          <cell r="AP249">
            <v>1</v>
          </cell>
          <cell r="BD249" t="e">
            <v>#N/A</v>
          </cell>
          <cell r="BF249" t="e">
            <v>#N/A</v>
          </cell>
          <cell r="BG249" t="e">
            <v>#DIV/0!</v>
          </cell>
          <cell r="BJ249">
            <v>0</v>
          </cell>
          <cell r="BK249">
            <v>0</v>
          </cell>
          <cell r="BL249" t="str">
            <v/>
          </cell>
          <cell r="BO249" t="str">
            <v/>
          </cell>
          <cell r="BP249" t="e">
            <v>#N/A</v>
          </cell>
          <cell r="BQ249" t="e">
            <v>#N/A</v>
          </cell>
          <cell r="BS249" t="e">
            <v>#N/A</v>
          </cell>
          <cell r="BT249" t="e">
            <v>#N/A</v>
          </cell>
        </row>
        <row r="250">
          <cell r="I250">
            <v>1</v>
          </cell>
          <cell r="J250" t="str">
            <v>式</v>
          </cell>
          <cell r="K250" t="str">
            <v/>
          </cell>
          <cell r="L250">
            <v>1550850</v>
          </cell>
          <cell r="M250" t="e">
            <v>#N/A</v>
          </cell>
          <cell r="V250" t="e">
            <v>#N/A</v>
          </cell>
          <cell r="W250" t="str">
            <v>なか１日</v>
          </cell>
          <cell r="X250" t="e">
            <v>#N/A</v>
          </cell>
          <cell r="Y250" t="e">
            <v>#N/A</v>
          </cell>
          <cell r="AD250" t="e">
            <v>#VALUE!</v>
          </cell>
          <cell r="AH250" t="str">
            <v/>
          </cell>
          <cell r="AP250">
            <v>1</v>
          </cell>
          <cell r="BD250" t="e">
            <v>#N/A</v>
          </cell>
          <cell r="BF250" t="e">
            <v>#N/A</v>
          </cell>
          <cell r="BG250" t="e">
            <v>#DIV/0!</v>
          </cell>
          <cell r="BJ250">
            <v>0</v>
          </cell>
          <cell r="BK250">
            <v>0</v>
          </cell>
          <cell r="BL250" t="str">
            <v/>
          </cell>
          <cell r="BM250" t="str">
            <v>分割</v>
          </cell>
          <cell r="BO250" t="str">
            <v/>
          </cell>
          <cell r="BP250" t="e">
            <v>#N/A</v>
          </cell>
          <cell r="BQ250" t="e">
            <v>#N/A</v>
          </cell>
          <cell r="BS250" t="e">
            <v>#N/A</v>
          </cell>
          <cell r="BT250" t="e">
            <v>#N/A</v>
          </cell>
        </row>
        <row r="251">
          <cell r="I251">
            <v>1</v>
          </cell>
          <cell r="J251" t="str">
            <v>式</v>
          </cell>
          <cell r="K251" t="str">
            <v/>
          </cell>
          <cell r="L251">
            <v>3675000</v>
          </cell>
          <cell r="M251" t="e">
            <v>#N/A</v>
          </cell>
          <cell r="V251" t="e">
            <v>#N/A</v>
          </cell>
          <cell r="W251" t="str">
            <v>なか１日</v>
          </cell>
          <cell r="X251" t="e">
            <v>#N/A</v>
          </cell>
          <cell r="Y251" t="e">
            <v>#N/A</v>
          </cell>
          <cell r="AD251" t="e">
            <v>#VALUE!</v>
          </cell>
          <cell r="AH251" t="str">
            <v/>
          </cell>
          <cell r="AP251">
            <v>1</v>
          </cell>
          <cell r="BD251" t="e">
            <v>#N/A</v>
          </cell>
          <cell r="BF251" t="e">
            <v>#N/A</v>
          </cell>
          <cell r="BG251" t="e">
            <v>#DIV/0!</v>
          </cell>
          <cell r="BJ251">
            <v>0</v>
          </cell>
          <cell r="BK251">
            <v>0</v>
          </cell>
          <cell r="BL251" t="str">
            <v/>
          </cell>
          <cell r="BO251" t="str">
            <v/>
          </cell>
          <cell r="BP251" t="e">
            <v>#N/A</v>
          </cell>
          <cell r="BQ251" t="e">
            <v>#N/A</v>
          </cell>
          <cell r="BS251" t="e">
            <v>#N/A</v>
          </cell>
          <cell r="BT251" t="e">
            <v>#N/A</v>
          </cell>
        </row>
        <row r="252">
          <cell r="I252">
            <v>1</v>
          </cell>
          <cell r="J252" t="str">
            <v>式</v>
          </cell>
          <cell r="K252" t="str">
            <v/>
          </cell>
          <cell r="L252">
            <v>3796800</v>
          </cell>
          <cell r="M252" t="e">
            <v>#N/A</v>
          </cell>
          <cell r="V252" t="e">
            <v>#N/A</v>
          </cell>
          <cell r="W252" t="str">
            <v>なか１日</v>
          </cell>
          <cell r="X252" t="e">
            <v>#N/A</v>
          </cell>
          <cell r="Y252" t="e">
            <v>#N/A</v>
          </cell>
          <cell r="AD252" t="e">
            <v>#VALUE!</v>
          </cell>
          <cell r="AH252" t="str">
            <v/>
          </cell>
          <cell r="AP252">
            <v>5</v>
          </cell>
          <cell r="BD252" t="e">
            <v>#N/A</v>
          </cell>
          <cell r="BF252" t="e">
            <v>#N/A</v>
          </cell>
          <cell r="BG252" t="e">
            <v>#DIV/0!</v>
          </cell>
          <cell r="BJ252">
            <v>0</v>
          </cell>
          <cell r="BK252">
            <v>0</v>
          </cell>
          <cell r="BL252" t="str">
            <v/>
          </cell>
          <cell r="BM252" t="str">
            <v>分割</v>
          </cell>
          <cell r="BO252" t="str">
            <v/>
          </cell>
          <cell r="BP252" t="e">
            <v>#N/A</v>
          </cell>
          <cell r="BQ252" t="e">
            <v>#N/A</v>
          </cell>
          <cell r="BS252" t="e">
            <v>#N/A</v>
          </cell>
          <cell r="BT252" t="e">
            <v>#N/A</v>
          </cell>
        </row>
        <row r="253">
          <cell r="I253">
            <v>1</v>
          </cell>
          <cell r="J253" t="str">
            <v>式</v>
          </cell>
          <cell r="K253" t="str">
            <v/>
          </cell>
          <cell r="L253">
            <v>940800</v>
          </cell>
          <cell r="M253" t="e">
            <v>#N/A</v>
          </cell>
          <cell r="V253" t="e">
            <v>#N/A</v>
          </cell>
          <cell r="W253" t="str">
            <v>なか１日</v>
          </cell>
          <cell r="X253" t="e">
            <v>#N/A</v>
          </cell>
          <cell r="Y253" t="e">
            <v>#N/A</v>
          </cell>
          <cell r="AD253" t="e">
            <v>#VALUE!</v>
          </cell>
          <cell r="AH253" t="str">
            <v/>
          </cell>
          <cell r="AP253">
            <v>1</v>
          </cell>
          <cell r="BD253" t="e">
            <v>#N/A</v>
          </cell>
          <cell r="BF253" t="e">
            <v>#N/A</v>
          </cell>
          <cell r="BG253" t="e">
            <v>#DIV/0!</v>
          </cell>
          <cell r="BJ253">
            <v>0</v>
          </cell>
          <cell r="BK253">
            <v>0</v>
          </cell>
          <cell r="BL253" t="str">
            <v/>
          </cell>
          <cell r="BO253" t="str">
            <v/>
          </cell>
          <cell r="BP253" t="e">
            <v>#N/A</v>
          </cell>
          <cell r="BQ253" t="e">
            <v>#N/A</v>
          </cell>
          <cell r="BS253" t="e">
            <v>#N/A</v>
          </cell>
          <cell r="BT253" t="e">
            <v>#N/A</v>
          </cell>
        </row>
        <row r="254">
          <cell r="I254">
            <v>1</v>
          </cell>
          <cell r="J254" t="str">
            <v>式</v>
          </cell>
          <cell r="K254" t="str">
            <v/>
          </cell>
          <cell r="L254">
            <v>409338</v>
          </cell>
          <cell r="M254" t="e">
            <v>#N/A</v>
          </cell>
          <cell r="V254" t="e">
            <v>#N/A</v>
          </cell>
          <cell r="W254" t="str">
            <v>なか１日</v>
          </cell>
          <cell r="X254" t="e">
            <v>#N/A</v>
          </cell>
          <cell r="Y254" t="e">
            <v>#N/A</v>
          </cell>
          <cell r="AD254" t="e">
            <v>#VALUE!</v>
          </cell>
          <cell r="AH254" t="str">
            <v/>
          </cell>
          <cell r="AP254">
            <v>3</v>
          </cell>
          <cell r="BD254" t="e">
            <v>#N/A</v>
          </cell>
          <cell r="BF254" t="e">
            <v>#N/A</v>
          </cell>
          <cell r="BG254" t="e">
            <v>#DIV/0!</v>
          </cell>
          <cell r="BJ254">
            <v>0</v>
          </cell>
          <cell r="BK254">
            <v>0</v>
          </cell>
          <cell r="BL254" t="str">
            <v/>
          </cell>
          <cell r="BO254" t="str">
            <v/>
          </cell>
          <cell r="BP254" t="e">
            <v>#N/A</v>
          </cell>
          <cell r="BQ254" t="e">
            <v>#N/A</v>
          </cell>
          <cell r="BS254" t="e">
            <v>#N/A</v>
          </cell>
          <cell r="BT254" t="e">
            <v>#N/A</v>
          </cell>
        </row>
        <row r="255">
          <cell r="I255">
            <v>1</v>
          </cell>
          <cell r="J255" t="str">
            <v>式</v>
          </cell>
          <cell r="K255" t="str">
            <v/>
          </cell>
          <cell r="L255">
            <v>3291750</v>
          </cell>
          <cell r="M255" t="e">
            <v>#N/A</v>
          </cell>
          <cell r="V255" t="e">
            <v>#N/A</v>
          </cell>
          <cell r="W255" t="str">
            <v>なか１日</v>
          </cell>
          <cell r="X255" t="e">
            <v>#N/A</v>
          </cell>
          <cell r="Y255" t="e">
            <v>#N/A</v>
          </cell>
          <cell r="AD255" t="e">
            <v>#VALUE!</v>
          </cell>
          <cell r="AH255" t="str">
            <v/>
          </cell>
          <cell r="AP255">
            <v>5</v>
          </cell>
          <cell r="BD255" t="e">
            <v>#N/A</v>
          </cell>
          <cell r="BF255" t="e">
            <v>#N/A</v>
          </cell>
          <cell r="BG255" t="e">
            <v>#DIV/0!</v>
          </cell>
          <cell r="BJ255">
            <v>0</v>
          </cell>
          <cell r="BK255">
            <v>0</v>
          </cell>
          <cell r="BL255" t="str">
            <v/>
          </cell>
          <cell r="BO255" t="str">
            <v/>
          </cell>
          <cell r="BP255" t="e">
            <v>#N/A</v>
          </cell>
          <cell r="BQ255" t="e">
            <v>#N/A</v>
          </cell>
          <cell r="BS255" t="e">
            <v>#N/A</v>
          </cell>
          <cell r="BT255" t="e">
            <v>#N/A</v>
          </cell>
        </row>
        <row r="256">
          <cell r="I256">
            <v>1</v>
          </cell>
          <cell r="J256" t="str">
            <v>式</v>
          </cell>
          <cell r="K256" t="str">
            <v/>
          </cell>
          <cell r="L256">
            <v>1308846</v>
          </cell>
          <cell r="M256" t="e">
            <v>#N/A</v>
          </cell>
          <cell r="V256" t="e">
            <v>#N/A</v>
          </cell>
          <cell r="W256" t="str">
            <v>なか１日</v>
          </cell>
          <cell r="X256" t="e">
            <v>#N/A</v>
          </cell>
          <cell r="Y256" t="e">
            <v>#N/A</v>
          </cell>
          <cell r="AD256" t="e">
            <v>#VALUE!</v>
          </cell>
          <cell r="AH256" t="str">
            <v/>
          </cell>
          <cell r="AP256">
            <v>1</v>
          </cell>
          <cell r="BD256" t="e">
            <v>#N/A</v>
          </cell>
          <cell r="BF256" t="e">
            <v>#N/A</v>
          </cell>
          <cell r="BG256" t="e">
            <v>#DIV/0!</v>
          </cell>
          <cell r="BJ256">
            <v>0</v>
          </cell>
          <cell r="BK256">
            <v>0</v>
          </cell>
          <cell r="BL256" t="str">
            <v/>
          </cell>
          <cell r="BM256" t="str">
            <v>分割</v>
          </cell>
          <cell r="BO256" t="str">
            <v/>
          </cell>
          <cell r="BP256" t="e">
            <v>#N/A</v>
          </cell>
          <cell r="BQ256" t="e">
            <v>#N/A</v>
          </cell>
          <cell r="BS256" t="e">
            <v>#N/A</v>
          </cell>
          <cell r="BT256" t="e">
            <v>#N/A</v>
          </cell>
        </row>
        <row r="257">
          <cell r="I257">
            <v>1</v>
          </cell>
          <cell r="J257" t="str">
            <v>式</v>
          </cell>
          <cell r="K257" t="str">
            <v/>
          </cell>
          <cell r="L257">
            <v>3486000</v>
          </cell>
          <cell r="M257" t="e">
            <v>#N/A</v>
          </cell>
          <cell r="V257" t="e">
            <v>#N/A</v>
          </cell>
          <cell r="W257" t="str">
            <v>なか１日</v>
          </cell>
          <cell r="X257" t="e">
            <v>#N/A</v>
          </cell>
          <cell r="Y257" t="e">
            <v>#N/A</v>
          </cell>
          <cell r="AD257" t="e">
            <v>#VALUE!</v>
          </cell>
          <cell r="AH257" t="str">
            <v/>
          </cell>
          <cell r="AP257">
            <v>1</v>
          </cell>
          <cell r="BD257" t="e">
            <v>#N/A</v>
          </cell>
          <cell r="BF257" t="e">
            <v>#N/A</v>
          </cell>
          <cell r="BG257" t="e">
            <v>#DIV/0!</v>
          </cell>
          <cell r="BJ257">
            <v>0</v>
          </cell>
          <cell r="BK257">
            <v>0</v>
          </cell>
          <cell r="BL257" t="str">
            <v/>
          </cell>
          <cell r="BO257" t="str">
            <v/>
          </cell>
          <cell r="BP257" t="e">
            <v>#N/A</v>
          </cell>
          <cell r="BQ257" t="e">
            <v>#N/A</v>
          </cell>
          <cell r="BS257" t="e">
            <v>#N/A</v>
          </cell>
          <cell r="BT257" t="e">
            <v>#N/A</v>
          </cell>
        </row>
        <row r="258">
          <cell r="I258">
            <v>1</v>
          </cell>
          <cell r="J258" t="str">
            <v>式</v>
          </cell>
          <cell r="K258" t="str">
            <v/>
          </cell>
          <cell r="L258">
            <v>403200</v>
          </cell>
          <cell r="M258" t="e">
            <v>#N/A</v>
          </cell>
          <cell r="V258" t="e">
            <v>#N/A</v>
          </cell>
          <cell r="W258" t="str">
            <v>なか１日</v>
          </cell>
          <cell r="X258" t="e">
            <v>#N/A</v>
          </cell>
          <cell r="Y258" t="e">
            <v>#N/A</v>
          </cell>
          <cell r="AD258" t="e">
            <v>#VALUE!</v>
          </cell>
          <cell r="AH258" t="str">
            <v/>
          </cell>
          <cell r="AP258">
            <v>3</v>
          </cell>
          <cell r="BD258" t="e">
            <v>#N/A</v>
          </cell>
          <cell r="BF258" t="e">
            <v>#N/A</v>
          </cell>
          <cell r="BG258" t="e">
            <v>#DIV/0!</v>
          </cell>
          <cell r="BJ258">
            <v>0</v>
          </cell>
          <cell r="BK258">
            <v>0</v>
          </cell>
          <cell r="BL258" t="str">
            <v/>
          </cell>
          <cell r="BO258" t="str">
            <v/>
          </cell>
          <cell r="BP258" t="e">
            <v>#N/A</v>
          </cell>
          <cell r="BQ258" t="e">
            <v>#N/A</v>
          </cell>
          <cell r="BS258" t="e">
            <v>#N/A</v>
          </cell>
          <cell r="BT258" t="e">
            <v>#N/A</v>
          </cell>
        </row>
        <row r="259">
          <cell r="I259">
            <v>1</v>
          </cell>
          <cell r="J259" t="str">
            <v>式</v>
          </cell>
          <cell r="K259" t="str">
            <v/>
          </cell>
          <cell r="L259">
            <v>4515000</v>
          </cell>
          <cell r="M259" t="e">
            <v>#N/A</v>
          </cell>
          <cell r="V259" t="e">
            <v>#N/A</v>
          </cell>
          <cell r="W259" t="str">
            <v>なか１日</v>
          </cell>
          <cell r="X259" t="e">
            <v>#N/A</v>
          </cell>
          <cell r="Y259" t="e">
            <v>#N/A</v>
          </cell>
          <cell r="AD259" t="e">
            <v>#VALUE!</v>
          </cell>
          <cell r="AH259" t="str">
            <v/>
          </cell>
          <cell r="AP259">
            <v>5</v>
          </cell>
          <cell r="BD259" t="e">
            <v>#N/A</v>
          </cell>
          <cell r="BF259" t="e">
            <v>#N/A</v>
          </cell>
          <cell r="BG259" t="e">
            <v>#DIV/0!</v>
          </cell>
          <cell r="BJ259">
            <v>0</v>
          </cell>
          <cell r="BK259">
            <v>0</v>
          </cell>
          <cell r="BL259" t="str">
            <v/>
          </cell>
          <cell r="BO259" t="str">
            <v/>
          </cell>
          <cell r="BP259" t="e">
            <v>#N/A</v>
          </cell>
          <cell r="BQ259" t="e">
            <v>#N/A</v>
          </cell>
          <cell r="BS259" t="e">
            <v>#N/A</v>
          </cell>
          <cell r="BT259" t="e">
            <v>#N/A</v>
          </cell>
        </row>
        <row r="260">
          <cell r="I260">
            <v>1</v>
          </cell>
          <cell r="J260" t="str">
            <v>式</v>
          </cell>
          <cell r="K260" t="str">
            <v/>
          </cell>
          <cell r="L260">
            <v>1296750</v>
          </cell>
          <cell r="M260" t="e">
            <v>#N/A</v>
          </cell>
          <cell r="V260" t="e">
            <v>#N/A</v>
          </cell>
          <cell r="W260" t="str">
            <v>なか１日</v>
          </cell>
          <cell r="X260" t="e">
            <v>#N/A</v>
          </cell>
          <cell r="Y260" t="e">
            <v>#N/A</v>
          </cell>
          <cell r="AD260" t="e">
            <v>#VALUE!</v>
          </cell>
          <cell r="AH260" t="str">
            <v/>
          </cell>
          <cell r="AP260">
            <v>1</v>
          </cell>
          <cell r="BD260" t="e">
            <v>#N/A</v>
          </cell>
          <cell r="BF260" t="e">
            <v>#N/A</v>
          </cell>
          <cell r="BG260" t="e">
            <v>#DIV/0!</v>
          </cell>
          <cell r="BJ260">
            <v>0</v>
          </cell>
          <cell r="BK260">
            <v>0</v>
          </cell>
          <cell r="BL260" t="str">
            <v/>
          </cell>
          <cell r="BO260" t="str">
            <v/>
          </cell>
          <cell r="BP260" t="e">
            <v>#N/A</v>
          </cell>
          <cell r="BQ260" t="e">
            <v>#N/A</v>
          </cell>
          <cell r="BS260" t="e">
            <v>#N/A</v>
          </cell>
          <cell r="BT260" t="e">
            <v>#N/A</v>
          </cell>
        </row>
        <row r="261">
          <cell r="I261">
            <v>1</v>
          </cell>
          <cell r="J261" t="str">
            <v>式</v>
          </cell>
          <cell r="K261" t="str">
            <v/>
          </cell>
          <cell r="L261">
            <v>1317750</v>
          </cell>
          <cell r="M261" t="e">
            <v>#N/A</v>
          </cell>
          <cell r="V261" t="e">
            <v>#N/A</v>
          </cell>
          <cell r="W261" t="str">
            <v>なか１日</v>
          </cell>
          <cell r="X261" t="e">
            <v>#N/A</v>
          </cell>
          <cell r="Y261" t="e">
            <v>#N/A</v>
          </cell>
          <cell r="AD261" t="e">
            <v>#VALUE!</v>
          </cell>
          <cell r="AH261" t="str">
            <v/>
          </cell>
          <cell r="AP261">
            <v>1</v>
          </cell>
          <cell r="BD261" t="e">
            <v>#N/A</v>
          </cell>
          <cell r="BF261" t="e">
            <v>#N/A</v>
          </cell>
          <cell r="BG261" t="e">
            <v>#DIV/0!</v>
          </cell>
          <cell r="BJ261">
            <v>0</v>
          </cell>
          <cell r="BK261">
            <v>0</v>
          </cell>
          <cell r="BL261" t="str">
            <v/>
          </cell>
          <cell r="BO261" t="str">
            <v/>
          </cell>
          <cell r="BP261" t="e">
            <v>#N/A</v>
          </cell>
          <cell r="BQ261" t="e">
            <v>#N/A</v>
          </cell>
          <cell r="BS261" t="e">
            <v>#N/A</v>
          </cell>
          <cell r="BT261" t="e">
            <v>#N/A</v>
          </cell>
        </row>
        <row r="262">
          <cell r="I262">
            <v>1</v>
          </cell>
          <cell r="J262" t="str">
            <v>式</v>
          </cell>
          <cell r="K262" t="str">
            <v/>
          </cell>
          <cell r="L262">
            <v>1806000</v>
          </cell>
          <cell r="M262" t="e">
            <v>#N/A</v>
          </cell>
          <cell r="V262" t="e">
            <v>#N/A</v>
          </cell>
          <cell r="W262" t="str">
            <v>なか１日</v>
          </cell>
          <cell r="X262" t="e">
            <v>#N/A</v>
          </cell>
          <cell r="Y262" t="e">
            <v>#N/A</v>
          </cell>
          <cell r="AD262" t="e">
            <v>#VALUE!</v>
          </cell>
          <cell r="AH262" t="str">
            <v/>
          </cell>
          <cell r="AP262">
            <v>1</v>
          </cell>
          <cell r="BD262" t="e">
            <v>#N/A</v>
          </cell>
          <cell r="BF262" t="e">
            <v>#N/A</v>
          </cell>
          <cell r="BG262" t="e">
            <v>#DIV/0!</v>
          </cell>
          <cell r="BJ262">
            <v>0</v>
          </cell>
          <cell r="BK262">
            <v>0</v>
          </cell>
          <cell r="BL262" t="str">
            <v/>
          </cell>
          <cell r="BO262" t="str">
            <v/>
          </cell>
          <cell r="BP262" t="e">
            <v>#N/A</v>
          </cell>
          <cell r="BQ262" t="e">
            <v>#N/A</v>
          </cell>
          <cell r="BS262" t="e">
            <v>#N/A</v>
          </cell>
          <cell r="BT262" t="e">
            <v>#N/A</v>
          </cell>
        </row>
        <row r="263">
          <cell r="I263">
            <v>1</v>
          </cell>
          <cell r="J263" t="str">
            <v>式</v>
          </cell>
          <cell r="K263" t="str">
            <v/>
          </cell>
          <cell r="L263">
            <v>19026000</v>
          </cell>
          <cell r="M263" t="e">
            <v>#N/A</v>
          </cell>
          <cell r="V263" t="e">
            <v>#N/A</v>
          </cell>
          <cell r="W263" t="str">
            <v>なか５日</v>
          </cell>
          <cell r="X263" t="e">
            <v>#N/A</v>
          </cell>
          <cell r="Y263" t="e">
            <v>#N/A</v>
          </cell>
          <cell r="AD263" t="e">
            <v>#VALUE!</v>
          </cell>
          <cell r="AH263" t="str">
            <v/>
          </cell>
          <cell r="AP263">
            <v>1</v>
          </cell>
          <cell r="BD263" t="e">
            <v>#N/A</v>
          </cell>
          <cell r="BF263" t="e">
            <v>#N/A</v>
          </cell>
          <cell r="BG263" t="e">
            <v>#DIV/0!</v>
          </cell>
          <cell r="BJ263">
            <v>0</v>
          </cell>
          <cell r="BK263">
            <v>0</v>
          </cell>
          <cell r="BL263" t="str">
            <v/>
          </cell>
          <cell r="BO263" t="str">
            <v/>
          </cell>
          <cell r="BP263" t="e">
            <v>#N/A</v>
          </cell>
          <cell r="BQ263" t="e">
            <v>#N/A</v>
          </cell>
          <cell r="BS263" t="e">
            <v>#N/A</v>
          </cell>
          <cell r="BT263" t="e">
            <v>#N/A</v>
          </cell>
        </row>
        <row r="264">
          <cell r="I264">
            <v>1</v>
          </cell>
          <cell r="J264" t="str">
            <v>式</v>
          </cell>
          <cell r="K264" t="str">
            <v/>
          </cell>
          <cell r="L264">
            <v>651000</v>
          </cell>
          <cell r="M264" t="e">
            <v>#N/A</v>
          </cell>
          <cell r="V264" t="e">
            <v>#N/A</v>
          </cell>
          <cell r="W264" t="str">
            <v>なか１日</v>
          </cell>
          <cell r="X264" t="e">
            <v>#N/A</v>
          </cell>
          <cell r="Y264" t="e">
            <v>#N/A</v>
          </cell>
          <cell r="AD264" t="e">
            <v>#VALUE!</v>
          </cell>
          <cell r="AH264" t="str">
            <v/>
          </cell>
          <cell r="AP264">
            <v>1</v>
          </cell>
          <cell r="BD264" t="e">
            <v>#N/A</v>
          </cell>
          <cell r="BF264" t="e">
            <v>#N/A</v>
          </cell>
          <cell r="BG264" t="e">
            <v>#DIV/0!</v>
          </cell>
          <cell r="BJ264">
            <v>0</v>
          </cell>
          <cell r="BK264">
            <v>0</v>
          </cell>
          <cell r="BL264" t="str">
            <v/>
          </cell>
          <cell r="BO264" t="str">
            <v/>
          </cell>
          <cell r="BP264" t="e">
            <v>#N/A</v>
          </cell>
          <cell r="BQ264" t="e">
            <v>#N/A</v>
          </cell>
          <cell r="BS264" t="e">
            <v>#N/A</v>
          </cell>
          <cell r="BT264" t="e">
            <v>#N/A</v>
          </cell>
        </row>
        <row r="265">
          <cell r="I265">
            <v>1</v>
          </cell>
          <cell r="J265" t="str">
            <v>式</v>
          </cell>
          <cell r="K265" t="str">
            <v/>
          </cell>
          <cell r="L265">
            <v>3727500</v>
          </cell>
          <cell r="M265" t="e">
            <v>#N/A</v>
          </cell>
          <cell r="V265" t="e">
            <v>#N/A</v>
          </cell>
          <cell r="W265" t="str">
            <v>なか１日</v>
          </cell>
          <cell r="X265" t="e">
            <v>#N/A</v>
          </cell>
          <cell r="Y265" t="e">
            <v>#N/A</v>
          </cell>
          <cell r="AD265" t="e">
            <v>#VALUE!</v>
          </cell>
          <cell r="AH265" t="str">
            <v/>
          </cell>
          <cell r="AP265">
            <v>1</v>
          </cell>
          <cell r="BD265" t="e">
            <v>#N/A</v>
          </cell>
          <cell r="BF265" t="e">
            <v>#N/A</v>
          </cell>
          <cell r="BG265" t="e">
            <v>#DIV/0!</v>
          </cell>
          <cell r="BJ265">
            <v>0</v>
          </cell>
          <cell r="BK265">
            <v>0</v>
          </cell>
          <cell r="BL265" t="str">
            <v/>
          </cell>
          <cell r="BO265" t="str">
            <v/>
          </cell>
          <cell r="BP265" t="e">
            <v>#N/A</v>
          </cell>
          <cell r="BQ265" t="e">
            <v>#N/A</v>
          </cell>
          <cell r="BS265" t="e">
            <v>#N/A</v>
          </cell>
          <cell r="BT265" t="e">
            <v>#N/A</v>
          </cell>
        </row>
        <row r="266">
          <cell r="I266">
            <v>1</v>
          </cell>
          <cell r="J266" t="str">
            <v>式</v>
          </cell>
          <cell r="K266" t="str">
            <v/>
          </cell>
          <cell r="L266">
            <v>4693500</v>
          </cell>
          <cell r="M266" t="e">
            <v>#N/A</v>
          </cell>
          <cell r="V266" t="e">
            <v>#N/A</v>
          </cell>
          <cell r="W266" t="str">
            <v>なか１日</v>
          </cell>
          <cell r="X266" t="e">
            <v>#N/A</v>
          </cell>
          <cell r="Y266" t="e">
            <v>#N/A</v>
          </cell>
          <cell r="AD266" t="e">
            <v>#VALUE!</v>
          </cell>
          <cell r="AH266" t="str">
            <v/>
          </cell>
          <cell r="AP266">
            <v>1</v>
          </cell>
          <cell r="BD266" t="e">
            <v>#N/A</v>
          </cell>
          <cell r="BF266" t="e">
            <v>#N/A</v>
          </cell>
          <cell r="BG266" t="e">
            <v>#DIV/0!</v>
          </cell>
          <cell r="BJ266">
            <v>0</v>
          </cell>
          <cell r="BK266">
            <v>0</v>
          </cell>
          <cell r="BL266" t="str">
            <v/>
          </cell>
          <cell r="BO266" t="str">
            <v/>
          </cell>
          <cell r="BP266" t="e">
            <v>#N/A</v>
          </cell>
          <cell r="BQ266" t="e">
            <v>#N/A</v>
          </cell>
          <cell r="BS266" t="e">
            <v>#N/A</v>
          </cell>
          <cell r="BT266" t="e">
            <v>#N/A</v>
          </cell>
        </row>
        <row r="267">
          <cell r="I267">
            <v>1</v>
          </cell>
          <cell r="J267" t="str">
            <v>式</v>
          </cell>
          <cell r="K267" t="str">
            <v/>
          </cell>
          <cell r="L267">
            <v>1391250</v>
          </cell>
          <cell r="M267" t="e">
            <v>#N/A</v>
          </cell>
          <cell r="V267" t="e">
            <v>#N/A</v>
          </cell>
          <cell r="W267" t="str">
            <v>なか１日</v>
          </cell>
          <cell r="X267" t="e">
            <v>#N/A</v>
          </cell>
          <cell r="Y267" t="e">
            <v>#N/A</v>
          </cell>
          <cell r="AD267" t="e">
            <v>#VALUE!</v>
          </cell>
          <cell r="AH267" t="str">
            <v/>
          </cell>
          <cell r="AP267">
            <v>3</v>
          </cell>
          <cell r="BD267" t="e">
            <v>#N/A</v>
          </cell>
          <cell r="BF267" t="e">
            <v>#N/A</v>
          </cell>
          <cell r="BG267" t="e">
            <v>#DIV/0!</v>
          </cell>
          <cell r="BJ267">
            <v>0</v>
          </cell>
          <cell r="BK267">
            <v>0</v>
          </cell>
          <cell r="BL267" t="str">
            <v/>
          </cell>
          <cell r="BO267" t="str">
            <v/>
          </cell>
          <cell r="BP267" t="e">
            <v>#N/A</v>
          </cell>
          <cell r="BQ267" t="e">
            <v>#N/A</v>
          </cell>
          <cell r="BS267" t="e">
            <v>#N/A</v>
          </cell>
          <cell r="BT267" t="e">
            <v>#N/A</v>
          </cell>
        </row>
        <row r="268">
          <cell r="I268">
            <v>1</v>
          </cell>
          <cell r="J268" t="str">
            <v>式</v>
          </cell>
          <cell r="K268" t="str">
            <v/>
          </cell>
          <cell r="L268">
            <v>346500</v>
          </cell>
          <cell r="M268" t="e">
            <v>#N/A</v>
          </cell>
          <cell r="V268" t="e">
            <v>#N/A</v>
          </cell>
          <cell r="W268" t="str">
            <v>なか１日</v>
          </cell>
          <cell r="X268" t="e">
            <v>#N/A</v>
          </cell>
          <cell r="Y268" t="e">
            <v>#N/A</v>
          </cell>
          <cell r="AD268" t="e">
            <v>#VALUE!</v>
          </cell>
          <cell r="AH268" t="str">
            <v/>
          </cell>
          <cell r="AP268">
            <v>3</v>
          </cell>
          <cell r="BD268" t="e">
            <v>#N/A</v>
          </cell>
          <cell r="BF268" t="e">
            <v>#N/A</v>
          </cell>
          <cell r="BG268" t="e">
            <v>#DIV/0!</v>
          </cell>
          <cell r="BJ268">
            <v>0</v>
          </cell>
          <cell r="BK268">
            <v>0</v>
          </cell>
          <cell r="BL268" t="str">
            <v/>
          </cell>
          <cell r="BO268" t="str">
            <v/>
          </cell>
          <cell r="BP268" t="e">
            <v>#N/A</v>
          </cell>
          <cell r="BQ268" t="e">
            <v>#N/A</v>
          </cell>
          <cell r="BS268" t="e">
            <v>#N/A</v>
          </cell>
          <cell r="BT268" t="e">
            <v>#N/A</v>
          </cell>
        </row>
        <row r="269">
          <cell r="I269">
            <v>1</v>
          </cell>
          <cell r="J269" t="str">
            <v>式</v>
          </cell>
          <cell r="K269" t="str">
            <v/>
          </cell>
          <cell r="L269">
            <v>1408050</v>
          </cell>
          <cell r="M269" t="e">
            <v>#N/A</v>
          </cell>
          <cell r="V269" t="e">
            <v>#N/A</v>
          </cell>
          <cell r="W269" t="str">
            <v>なか１日</v>
          </cell>
          <cell r="X269" t="e">
            <v>#N/A</v>
          </cell>
          <cell r="Y269" t="e">
            <v>#N/A</v>
          </cell>
          <cell r="AD269" t="e">
            <v>#VALUE!</v>
          </cell>
          <cell r="AH269" t="str">
            <v/>
          </cell>
          <cell r="AP269">
            <v>1</v>
          </cell>
          <cell r="BD269" t="e">
            <v>#N/A</v>
          </cell>
          <cell r="BF269" t="e">
            <v>#N/A</v>
          </cell>
          <cell r="BG269" t="e">
            <v>#DIV/0!</v>
          </cell>
          <cell r="BJ269">
            <v>0</v>
          </cell>
          <cell r="BK269">
            <v>0</v>
          </cell>
          <cell r="BL269" t="str">
            <v/>
          </cell>
          <cell r="BO269" t="str">
            <v/>
          </cell>
          <cell r="BP269" t="e">
            <v>#N/A</v>
          </cell>
          <cell r="BQ269" t="e">
            <v>#N/A</v>
          </cell>
          <cell r="BS269" t="e">
            <v>#N/A</v>
          </cell>
          <cell r="BT269" t="e">
            <v>#N/A</v>
          </cell>
        </row>
        <row r="270">
          <cell r="I270">
            <v>1</v>
          </cell>
          <cell r="J270" t="str">
            <v>式</v>
          </cell>
          <cell r="K270" t="str">
            <v/>
          </cell>
          <cell r="L270">
            <v>196350</v>
          </cell>
          <cell r="M270" t="e">
            <v>#N/A</v>
          </cell>
          <cell r="V270" t="e">
            <v>#N/A</v>
          </cell>
          <cell r="W270" t="str">
            <v>なか１日</v>
          </cell>
          <cell r="X270" t="e">
            <v>#N/A</v>
          </cell>
          <cell r="Y270" t="e">
            <v>#N/A</v>
          </cell>
          <cell r="AD270" t="e">
            <v>#VALUE!</v>
          </cell>
          <cell r="AH270" t="str">
            <v/>
          </cell>
          <cell r="AP270">
            <v>1</v>
          </cell>
          <cell r="BD270" t="e">
            <v>#N/A</v>
          </cell>
          <cell r="BF270" t="e">
            <v>#N/A</v>
          </cell>
          <cell r="BG270" t="e">
            <v>#DIV/0!</v>
          </cell>
          <cell r="BJ270">
            <v>0</v>
          </cell>
          <cell r="BK270">
            <v>0</v>
          </cell>
          <cell r="BL270" t="str">
            <v/>
          </cell>
          <cell r="BO270" t="str">
            <v/>
          </cell>
          <cell r="BP270" t="e">
            <v>#N/A</v>
          </cell>
          <cell r="BQ270" t="e">
            <v>#N/A</v>
          </cell>
          <cell r="BS270" t="e">
            <v>#N/A</v>
          </cell>
          <cell r="BT270" t="e">
            <v>#N/A</v>
          </cell>
        </row>
        <row r="271">
          <cell r="I271">
            <v>1</v>
          </cell>
          <cell r="J271" t="str">
            <v>式</v>
          </cell>
          <cell r="K271" t="str">
            <v/>
          </cell>
          <cell r="L271">
            <v>1299900</v>
          </cell>
          <cell r="M271" t="e">
            <v>#N/A</v>
          </cell>
          <cell r="V271" t="e">
            <v>#N/A</v>
          </cell>
          <cell r="W271" t="str">
            <v>なか１日</v>
          </cell>
          <cell r="X271" t="e">
            <v>#N/A</v>
          </cell>
          <cell r="Y271" t="e">
            <v>#N/A</v>
          </cell>
          <cell r="AD271" t="e">
            <v>#VALUE!</v>
          </cell>
          <cell r="AH271" t="str">
            <v/>
          </cell>
          <cell r="AP271">
            <v>3</v>
          </cell>
          <cell r="BD271" t="e">
            <v>#N/A</v>
          </cell>
          <cell r="BF271" t="e">
            <v>#N/A</v>
          </cell>
          <cell r="BG271" t="e">
            <v>#DIV/0!</v>
          </cell>
          <cell r="BJ271">
            <v>0</v>
          </cell>
          <cell r="BK271">
            <v>0</v>
          </cell>
          <cell r="BL271" t="str">
            <v/>
          </cell>
          <cell r="BO271" t="str">
            <v/>
          </cell>
          <cell r="BP271" t="e">
            <v>#N/A</v>
          </cell>
          <cell r="BQ271" t="e">
            <v>#N/A</v>
          </cell>
          <cell r="BS271" t="e">
            <v>#N/A</v>
          </cell>
          <cell r="BT271" t="e">
            <v>#N/A</v>
          </cell>
        </row>
        <row r="272">
          <cell r="I272">
            <v>1</v>
          </cell>
          <cell r="J272" t="str">
            <v>式</v>
          </cell>
          <cell r="K272" t="str">
            <v/>
          </cell>
          <cell r="L272">
            <v>11760000</v>
          </cell>
          <cell r="M272" t="e">
            <v>#N/A</v>
          </cell>
          <cell r="V272" t="e">
            <v>#N/A</v>
          </cell>
          <cell r="W272" t="str">
            <v>なか５日</v>
          </cell>
          <cell r="X272" t="e">
            <v>#N/A</v>
          </cell>
          <cell r="Y272" t="e">
            <v>#N/A</v>
          </cell>
          <cell r="AD272" t="e">
            <v>#VALUE!</v>
          </cell>
          <cell r="AH272" t="str">
            <v/>
          </cell>
          <cell r="AP272">
            <v>7</v>
          </cell>
          <cell r="BD272" t="e">
            <v>#N/A</v>
          </cell>
          <cell r="BF272" t="e">
            <v>#N/A</v>
          </cell>
          <cell r="BG272" t="e">
            <v>#DIV/0!</v>
          </cell>
          <cell r="BJ272">
            <v>0</v>
          </cell>
          <cell r="BK272">
            <v>0</v>
          </cell>
          <cell r="BL272" t="str">
            <v/>
          </cell>
          <cell r="BO272" t="str">
            <v/>
          </cell>
          <cell r="BP272" t="e">
            <v>#N/A</v>
          </cell>
          <cell r="BQ272" t="e">
            <v>#N/A</v>
          </cell>
          <cell r="BS272" t="e">
            <v>#N/A</v>
          </cell>
          <cell r="BT272" t="e">
            <v>#N/A</v>
          </cell>
        </row>
        <row r="273">
          <cell r="I273">
            <v>1</v>
          </cell>
          <cell r="J273" t="str">
            <v>式</v>
          </cell>
          <cell r="K273" t="str">
            <v/>
          </cell>
          <cell r="L273">
            <v>1525650</v>
          </cell>
          <cell r="M273" t="e">
            <v>#N/A</v>
          </cell>
          <cell r="V273" t="e">
            <v>#N/A</v>
          </cell>
          <cell r="W273" t="str">
            <v>なか１日</v>
          </cell>
          <cell r="X273" t="e">
            <v>#N/A</v>
          </cell>
          <cell r="Y273" t="e">
            <v>#N/A</v>
          </cell>
          <cell r="AD273" t="e">
            <v>#VALUE!</v>
          </cell>
          <cell r="AH273" t="str">
            <v/>
          </cell>
          <cell r="AP273">
            <v>1</v>
          </cell>
          <cell r="BD273" t="e">
            <v>#N/A</v>
          </cell>
          <cell r="BF273" t="e">
            <v>#N/A</v>
          </cell>
          <cell r="BG273" t="e">
            <v>#DIV/0!</v>
          </cell>
          <cell r="BJ273">
            <v>0</v>
          </cell>
          <cell r="BK273">
            <v>0</v>
          </cell>
          <cell r="BL273" t="str">
            <v/>
          </cell>
          <cell r="BO273" t="str">
            <v/>
          </cell>
          <cell r="BP273" t="e">
            <v>#N/A</v>
          </cell>
          <cell r="BQ273" t="e">
            <v>#N/A</v>
          </cell>
          <cell r="BS273" t="e">
            <v>#N/A</v>
          </cell>
          <cell r="BT273" t="e">
            <v>#N/A</v>
          </cell>
        </row>
        <row r="274">
          <cell r="I274">
            <v>1</v>
          </cell>
          <cell r="J274" t="str">
            <v>式</v>
          </cell>
          <cell r="K274" t="str">
            <v/>
          </cell>
          <cell r="L274">
            <v>262752</v>
          </cell>
          <cell r="M274" t="e">
            <v>#N/A</v>
          </cell>
          <cell r="V274" t="e">
            <v>#N/A</v>
          </cell>
          <cell r="W274" t="str">
            <v>なか１日</v>
          </cell>
          <cell r="X274" t="e">
            <v>#N/A</v>
          </cell>
          <cell r="Y274" t="e">
            <v>#N/A</v>
          </cell>
          <cell r="AD274" t="e">
            <v>#VALUE!</v>
          </cell>
          <cell r="AH274" t="str">
            <v/>
          </cell>
          <cell r="AP274">
            <v>1</v>
          </cell>
          <cell r="BD274" t="e">
            <v>#N/A</v>
          </cell>
          <cell r="BF274" t="e">
            <v>#N/A</v>
          </cell>
          <cell r="BG274" t="e">
            <v>#DIV/0!</v>
          </cell>
          <cell r="BJ274">
            <v>0</v>
          </cell>
          <cell r="BK274">
            <v>0</v>
          </cell>
          <cell r="BL274" t="str">
            <v/>
          </cell>
          <cell r="BO274" t="str">
            <v/>
          </cell>
          <cell r="BP274" t="e">
            <v>#N/A</v>
          </cell>
          <cell r="BQ274" t="e">
            <v>#N/A</v>
          </cell>
          <cell r="BS274" t="e">
            <v>#N/A</v>
          </cell>
          <cell r="BT274" t="e">
            <v>#N/A</v>
          </cell>
        </row>
        <row r="275">
          <cell r="I275">
            <v>1</v>
          </cell>
          <cell r="J275" t="str">
            <v>式</v>
          </cell>
          <cell r="K275" t="str">
            <v/>
          </cell>
          <cell r="L275">
            <v>823200</v>
          </cell>
          <cell r="M275" t="e">
            <v>#N/A</v>
          </cell>
          <cell r="V275" t="e">
            <v>#N/A</v>
          </cell>
          <cell r="W275" t="str">
            <v>なか１日</v>
          </cell>
          <cell r="X275" t="e">
            <v>#N/A</v>
          </cell>
          <cell r="Y275" t="e">
            <v>#N/A</v>
          </cell>
          <cell r="AD275" t="e">
            <v>#VALUE!</v>
          </cell>
          <cell r="AH275" t="str">
            <v/>
          </cell>
          <cell r="AP275">
            <v>1</v>
          </cell>
          <cell r="BD275" t="e">
            <v>#N/A</v>
          </cell>
          <cell r="BF275" t="e">
            <v>#N/A</v>
          </cell>
          <cell r="BG275" t="e">
            <v>#DIV/0!</v>
          </cell>
          <cell r="BJ275">
            <v>0</v>
          </cell>
          <cell r="BK275">
            <v>0</v>
          </cell>
          <cell r="BL275" t="str">
            <v/>
          </cell>
          <cell r="BO275" t="str">
            <v/>
          </cell>
          <cell r="BP275" t="e">
            <v>#N/A</v>
          </cell>
          <cell r="BQ275" t="e">
            <v>#N/A</v>
          </cell>
          <cell r="BS275" t="e">
            <v>#N/A</v>
          </cell>
          <cell r="BT275" t="e">
            <v>#N/A</v>
          </cell>
        </row>
        <row r="276">
          <cell r="I276">
            <v>1</v>
          </cell>
          <cell r="J276" t="str">
            <v>式</v>
          </cell>
          <cell r="K276" t="str">
            <v/>
          </cell>
          <cell r="L276">
            <v>7791000</v>
          </cell>
          <cell r="M276" t="e">
            <v>#N/A</v>
          </cell>
          <cell r="V276" t="e">
            <v>#N/A</v>
          </cell>
          <cell r="W276" t="str">
            <v>なか５日</v>
          </cell>
          <cell r="X276" t="e">
            <v>#N/A</v>
          </cell>
          <cell r="Y276" t="e">
            <v>#N/A</v>
          </cell>
          <cell r="AD276" t="e">
            <v>#VALUE!</v>
          </cell>
          <cell r="AH276" t="str">
            <v/>
          </cell>
          <cell r="AP276">
            <v>1</v>
          </cell>
          <cell r="BD276" t="e">
            <v>#N/A</v>
          </cell>
          <cell r="BF276" t="e">
            <v>#N/A</v>
          </cell>
          <cell r="BG276" t="e">
            <v>#DIV/0!</v>
          </cell>
          <cell r="BJ276">
            <v>0</v>
          </cell>
          <cell r="BK276">
            <v>0</v>
          </cell>
          <cell r="BL276" t="str">
            <v/>
          </cell>
          <cell r="BO276" t="str">
            <v/>
          </cell>
          <cell r="BP276" t="e">
            <v>#N/A</v>
          </cell>
          <cell r="BQ276" t="e">
            <v>#N/A</v>
          </cell>
          <cell r="BS276" t="e">
            <v>#N/A</v>
          </cell>
          <cell r="BT276" t="e">
            <v>#N/A</v>
          </cell>
        </row>
        <row r="277">
          <cell r="I277">
            <v>1</v>
          </cell>
          <cell r="J277" t="str">
            <v>式</v>
          </cell>
          <cell r="K277" t="str">
            <v/>
          </cell>
          <cell r="L277">
            <v>428881</v>
          </cell>
          <cell r="M277" t="e">
            <v>#N/A</v>
          </cell>
          <cell r="V277" t="e">
            <v>#N/A</v>
          </cell>
          <cell r="W277" t="str">
            <v>なか１日</v>
          </cell>
          <cell r="X277" t="e">
            <v>#N/A</v>
          </cell>
          <cell r="Y277" t="e">
            <v>#N/A</v>
          </cell>
          <cell r="AD277" t="e">
            <v>#VALUE!</v>
          </cell>
          <cell r="AH277" t="str">
            <v/>
          </cell>
          <cell r="AP277">
            <v>3</v>
          </cell>
          <cell r="BD277" t="e">
            <v>#N/A</v>
          </cell>
          <cell r="BF277" t="e">
            <v>#N/A</v>
          </cell>
          <cell r="BG277" t="e">
            <v>#DIV/0!</v>
          </cell>
          <cell r="BJ277">
            <v>0</v>
          </cell>
          <cell r="BK277">
            <v>0</v>
          </cell>
          <cell r="BL277" t="str">
            <v/>
          </cell>
          <cell r="BO277" t="str">
            <v/>
          </cell>
          <cell r="BP277" t="e">
            <v>#N/A</v>
          </cell>
          <cell r="BQ277" t="e">
            <v>#N/A</v>
          </cell>
          <cell r="BS277" t="e">
            <v>#N/A</v>
          </cell>
          <cell r="BT277" t="e">
            <v>#N/A</v>
          </cell>
        </row>
        <row r="278">
          <cell r="I278">
            <v>1</v>
          </cell>
          <cell r="J278" t="str">
            <v>式</v>
          </cell>
          <cell r="K278" t="str">
            <v/>
          </cell>
          <cell r="L278">
            <v>1373400</v>
          </cell>
          <cell r="M278" t="e">
            <v>#N/A</v>
          </cell>
          <cell r="V278" t="e">
            <v>#N/A</v>
          </cell>
          <cell r="W278" t="str">
            <v>なか１日</v>
          </cell>
          <cell r="X278" t="e">
            <v>#N/A</v>
          </cell>
          <cell r="Y278" t="e">
            <v>#N/A</v>
          </cell>
          <cell r="AD278" t="e">
            <v>#VALUE!</v>
          </cell>
          <cell r="AH278" t="str">
            <v/>
          </cell>
          <cell r="AP278">
            <v>1</v>
          </cell>
          <cell r="BD278" t="e">
            <v>#N/A</v>
          </cell>
          <cell r="BF278" t="e">
            <v>#N/A</v>
          </cell>
          <cell r="BG278" t="e">
            <v>#DIV/0!</v>
          </cell>
          <cell r="BJ278">
            <v>0</v>
          </cell>
          <cell r="BK278">
            <v>0</v>
          </cell>
          <cell r="BL278" t="str">
            <v/>
          </cell>
          <cell r="BO278" t="str">
            <v/>
          </cell>
          <cell r="BP278" t="e">
            <v>#N/A</v>
          </cell>
          <cell r="BQ278" t="e">
            <v>#N/A</v>
          </cell>
          <cell r="BS278" t="e">
            <v>#N/A</v>
          </cell>
          <cell r="BT278" t="e">
            <v>#N/A</v>
          </cell>
        </row>
        <row r="279">
          <cell r="I279">
            <v>1</v>
          </cell>
          <cell r="J279" t="str">
            <v>式</v>
          </cell>
          <cell r="K279" t="str">
            <v/>
          </cell>
          <cell r="L279">
            <v>1657500</v>
          </cell>
          <cell r="M279" t="e">
            <v>#N/A</v>
          </cell>
          <cell r="V279" t="e">
            <v>#N/A</v>
          </cell>
          <cell r="W279" t="str">
            <v>なか１日</v>
          </cell>
          <cell r="X279" t="e">
            <v>#N/A</v>
          </cell>
          <cell r="Y279" t="e">
            <v>#N/A</v>
          </cell>
          <cell r="AD279" t="e">
            <v>#VALUE!</v>
          </cell>
          <cell r="AH279" t="str">
            <v/>
          </cell>
          <cell r="AP279">
            <v>3</v>
          </cell>
          <cell r="BD279" t="e">
            <v>#N/A</v>
          </cell>
          <cell r="BF279" t="e">
            <v>#N/A</v>
          </cell>
          <cell r="BG279" t="e">
            <v>#DIV/0!</v>
          </cell>
          <cell r="BJ279">
            <v>0</v>
          </cell>
          <cell r="BK279">
            <v>0</v>
          </cell>
          <cell r="BL279" t="str">
            <v/>
          </cell>
          <cell r="BO279" t="str">
            <v/>
          </cell>
          <cell r="BP279" t="e">
            <v>#N/A</v>
          </cell>
          <cell r="BQ279" t="e">
            <v>#N/A</v>
          </cell>
          <cell r="BS279" t="e">
            <v>#N/A</v>
          </cell>
          <cell r="BT279" t="e">
            <v>#N/A</v>
          </cell>
        </row>
        <row r="280">
          <cell r="I280">
            <v>1</v>
          </cell>
          <cell r="J280" t="str">
            <v>式</v>
          </cell>
          <cell r="K280" t="str">
            <v/>
          </cell>
          <cell r="L280">
            <v>3519810</v>
          </cell>
          <cell r="M280" t="e">
            <v>#N/A</v>
          </cell>
          <cell r="V280" t="e">
            <v>#N/A</v>
          </cell>
          <cell r="W280" t="str">
            <v>なか１日</v>
          </cell>
          <cell r="X280" t="e">
            <v>#N/A</v>
          </cell>
          <cell r="Y280" t="e">
            <v>#N/A</v>
          </cell>
          <cell r="AD280" t="e">
            <v>#VALUE!</v>
          </cell>
          <cell r="AH280" t="str">
            <v/>
          </cell>
          <cell r="AP280">
            <v>5</v>
          </cell>
          <cell r="BD280" t="e">
            <v>#N/A</v>
          </cell>
          <cell r="BF280" t="e">
            <v>#N/A</v>
          </cell>
          <cell r="BG280" t="e">
            <v>#DIV/0!</v>
          </cell>
          <cell r="BJ280">
            <v>0</v>
          </cell>
          <cell r="BK280">
            <v>0</v>
          </cell>
          <cell r="BL280" t="str">
            <v/>
          </cell>
          <cell r="BO280" t="str">
            <v/>
          </cell>
          <cell r="BP280" t="e">
            <v>#N/A</v>
          </cell>
          <cell r="BQ280" t="e">
            <v>#N/A</v>
          </cell>
          <cell r="BS280" t="e">
            <v>#N/A</v>
          </cell>
          <cell r="BT280" t="e">
            <v>#N/A</v>
          </cell>
        </row>
        <row r="281">
          <cell r="I281">
            <v>1</v>
          </cell>
          <cell r="J281" t="str">
            <v>式</v>
          </cell>
          <cell r="K281" t="str">
            <v/>
          </cell>
          <cell r="L281">
            <v>357000</v>
          </cell>
          <cell r="M281" t="e">
            <v>#N/A</v>
          </cell>
          <cell r="V281" t="e">
            <v>#N/A</v>
          </cell>
          <cell r="W281" t="str">
            <v>なか１日</v>
          </cell>
          <cell r="X281" t="e">
            <v>#N/A</v>
          </cell>
          <cell r="Y281" t="e">
            <v>#N/A</v>
          </cell>
          <cell r="AD281" t="e">
            <v>#VALUE!</v>
          </cell>
          <cell r="AH281" t="str">
            <v/>
          </cell>
          <cell r="AP281">
            <v>3</v>
          </cell>
          <cell r="BD281" t="e">
            <v>#N/A</v>
          </cell>
          <cell r="BF281" t="e">
            <v>#N/A</v>
          </cell>
          <cell r="BG281" t="e">
            <v>#DIV/0!</v>
          </cell>
          <cell r="BJ281">
            <v>0</v>
          </cell>
          <cell r="BK281">
            <v>0</v>
          </cell>
          <cell r="BL281" t="str">
            <v/>
          </cell>
          <cell r="BO281" t="str">
            <v/>
          </cell>
          <cell r="BP281" t="e">
            <v>#N/A</v>
          </cell>
          <cell r="BQ281" t="e">
            <v>#N/A</v>
          </cell>
          <cell r="BS281" t="e">
            <v>#N/A</v>
          </cell>
          <cell r="BT281" t="e">
            <v>#N/A</v>
          </cell>
        </row>
        <row r="282">
          <cell r="I282">
            <v>1</v>
          </cell>
          <cell r="J282" t="str">
            <v>式</v>
          </cell>
          <cell r="K282" t="str">
            <v/>
          </cell>
          <cell r="L282">
            <v>903000</v>
          </cell>
          <cell r="M282" t="e">
            <v>#N/A</v>
          </cell>
          <cell r="V282" t="e">
            <v>#N/A</v>
          </cell>
          <cell r="W282" t="str">
            <v>なか１日</v>
          </cell>
          <cell r="X282" t="e">
            <v>#N/A</v>
          </cell>
          <cell r="Y282" t="e">
            <v>#N/A</v>
          </cell>
          <cell r="AD282" t="e">
            <v>#VALUE!</v>
          </cell>
          <cell r="AH282" t="str">
            <v/>
          </cell>
          <cell r="AP282">
            <v>1</v>
          </cell>
          <cell r="BD282" t="e">
            <v>#N/A</v>
          </cell>
          <cell r="BF282" t="e">
            <v>#N/A</v>
          </cell>
          <cell r="BG282" t="e">
            <v>#DIV/0!</v>
          </cell>
          <cell r="BJ282">
            <v>0</v>
          </cell>
          <cell r="BK282">
            <v>0</v>
          </cell>
          <cell r="BL282" t="str">
            <v/>
          </cell>
          <cell r="BO282" t="str">
            <v/>
          </cell>
          <cell r="BP282" t="e">
            <v>#N/A</v>
          </cell>
          <cell r="BQ282" t="e">
            <v>#N/A</v>
          </cell>
          <cell r="BS282" t="e">
            <v>#N/A</v>
          </cell>
          <cell r="BT282" t="e">
            <v>#N/A</v>
          </cell>
        </row>
        <row r="283">
          <cell r="I283">
            <v>1</v>
          </cell>
          <cell r="J283" t="str">
            <v>式</v>
          </cell>
          <cell r="K283" t="str">
            <v/>
          </cell>
          <cell r="L283">
            <v>1752450</v>
          </cell>
          <cell r="M283" t="e">
            <v>#N/A</v>
          </cell>
          <cell r="V283" t="e">
            <v>#N/A</v>
          </cell>
          <cell r="W283" t="str">
            <v>なか１日</v>
          </cell>
          <cell r="X283" t="e">
            <v>#N/A</v>
          </cell>
          <cell r="Y283" t="e">
            <v>#N/A</v>
          </cell>
          <cell r="AD283" t="e">
            <v>#VALUE!</v>
          </cell>
          <cell r="AH283" t="str">
            <v/>
          </cell>
          <cell r="AP283">
            <v>1</v>
          </cell>
          <cell r="BD283" t="e">
            <v>#N/A</v>
          </cell>
          <cell r="BF283" t="e">
            <v>#N/A</v>
          </cell>
          <cell r="BG283" t="e">
            <v>#DIV/0!</v>
          </cell>
          <cell r="BJ283">
            <v>0</v>
          </cell>
          <cell r="BK283">
            <v>0</v>
          </cell>
          <cell r="BL283" t="str">
            <v/>
          </cell>
          <cell r="BO283" t="str">
            <v/>
          </cell>
          <cell r="BP283" t="e">
            <v>#N/A</v>
          </cell>
          <cell r="BQ283" t="e">
            <v>#N/A</v>
          </cell>
          <cell r="BS283" t="e">
            <v>#N/A</v>
          </cell>
          <cell r="BT283" t="e">
            <v>#N/A</v>
          </cell>
        </row>
        <row r="284">
          <cell r="I284">
            <v>1</v>
          </cell>
          <cell r="J284" t="str">
            <v>式</v>
          </cell>
          <cell r="K284" t="str">
            <v/>
          </cell>
          <cell r="L284">
            <v>299250</v>
          </cell>
          <cell r="M284" t="e">
            <v>#N/A</v>
          </cell>
          <cell r="V284" t="e">
            <v>#N/A</v>
          </cell>
          <cell r="W284" t="str">
            <v>なか１日</v>
          </cell>
          <cell r="X284" t="e">
            <v>#N/A</v>
          </cell>
          <cell r="Y284" t="e">
            <v>#N/A</v>
          </cell>
          <cell r="AD284" t="e">
            <v>#VALUE!</v>
          </cell>
          <cell r="AH284" t="str">
            <v/>
          </cell>
          <cell r="AP284">
            <v>3</v>
          </cell>
          <cell r="BD284" t="e">
            <v>#N/A</v>
          </cell>
          <cell r="BF284" t="e">
            <v>#N/A</v>
          </cell>
          <cell r="BG284" t="e">
            <v>#DIV/0!</v>
          </cell>
          <cell r="BJ284">
            <v>0</v>
          </cell>
          <cell r="BK284">
            <v>0</v>
          </cell>
          <cell r="BL284" t="str">
            <v/>
          </cell>
          <cell r="BO284" t="str">
            <v/>
          </cell>
          <cell r="BP284" t="e">
            <v>#N/A</v>
          </cell>
          <cell r="BQ284" t="e">
            <v>#N/A</v>
          </cell>
          <cell r="BS284" t="e">
            <v>#N/A</v>
          </cell>
          <cell r="BT284" t="e">
            <v>#N/A</v>
          </cell>
        </row>
        <row r="285">
          <cell r="I285">
            <v>1</v>
          </cell>
          <cell r="J285" t="str">
            <v>式</v>
          </cell>
          <cell r="K285" t="str">
            <v/>
          </cell>
          <cell r="L285">
            <v>109200</v>
          </cell>
          <cell r="M285" t="e">
            <v>#N/A</v>
          </cell>
          <cell r="V285" t="e">
            <v>#N/A</v>
          </cell>
          <cell r="W285" t="str">
            <v>なか１日</v>
          </cell>
          <cell r="X285" t="e">
            <v>#N/A</v>
          </cell>
          <cell r="Y285" t="e">
            <v>#N/A</v>
          </cell>
          <cell r="AD285" t="e">
            <v>#VALUE!</v>
          </cell>
          <cell r="AH285" t="str">
            <v/>
          </cell>
          <cell r="AP285">
            <v>1</v>
          </cell>
          <cell r="BD285" t="e">
            <v>#N/A</v>
          </cell>
          <cell r="BF285" t="e">
            <v>#N/A</v>
          </cell>
          <cell r="BG285" t="e">
            <v>#DIV/0!</v>
          </cell>
          <cell r="BJ285">
            <v>0</v>
          </cell>
          <cell r="BK285">
            <v>0</v>
          </cell>
          <cell r="BL285" t="str">
            <v/>
          </cell>
          <cell r="BO285" t="str">
            <v/>
          </cell>
          <cell r="BP285" t="e">
            <v>#N/A</v>
          </cell>
          <cell r="BQ285" t="e">
            <v>#N/A</v>
          </cell>
          <cell r="BS285" t="e">
            <v>#N/A</v>
          </cell>
          <cell r="BT285" t="e">
            <v>#N/A</v>
          </cell>
        </row>
        <row r="286">
          <cell r="I286">
            <v>1</v>
          </cell>
          <cell r="J286" t="str">
            <v>式</v>
          </cell>
          <cell r="K286" t="str">
            <v/>
          </cell>
          <cell r="L286">
            <v>1799700</v>
          </cell>
          <cell r="M286" t="e">
            <v>#N/A</v>
          </cell>
          <cell r="V286" t="e">
            <v>#N/A</v>
          </cell>
          <cell r="W286" t="str">
            <v>なか１日</v>
          </cell>
          <cell r="X286" t="e">
            <v>#N/A</v>
          </cell>
          <cell r="Y286" t="e">
            <v>#N/A</v>
          </cell>
          <cell r="AD286" t="e">
            <v>#VALUE!</v>
          </cell>
          <cell r="AH286" t="str">
            <v/>
          </cell>
          <cell r="AP286">
            <v>3</v>
          </cell>
          <cell r="BD286" t="e">
            <v>#N/A</v>
          </cell>
          <cell r="BF286" t="e">
            <v>#N/A</v>
          </cell>
          <cell r="BG286" t="e">
            <v>#DIV/0!</v>
          </cell>
          <cell r="BJ286">
            <v>0</v>
          </cell>
          <cell r="BK286">
            <v>0</v>
          </cell>
          <cell r="BL286" t="str">
            <v/>
          </cell>
          <cell r="BO286" t="str">
            <v/>
          </cell>
          <cell r="BP286" t="e">
            <v>#N/A</v>
          </cell>
          <cell r="BQ286" t="e">
            <v>#N/A</v>
          </cell>
          <cell r="BS286" t="e">
            <v>#N/A</v>
          </cell>
          <cell r="BT286" t="e">
            <v>#N/A</v>
          </cell>
        </row>
        <row r="287">
          <cell r="I287">
            <v>1</v>
          </cell>
          <cell r="J287" t="str">
            <v>式</v>
          </cell>
          <cell r="K287" t="str">
            <v/>
          </cell>
          <cell r="L287">
            <v>736050</v>
          </cell>
          <cell r="M287" t="e">
            <v>#N/A</v>
          </cell>
          <cell r="V287" t="e">
            <v>#N/A</v>
          </cell>
          <cell r="W287" t="str">
            <v>なか１日</v>
          </cell>
          <cell r="X287" t="e">
            <v>#N/A</v>
          </cell>
          <cell r="Y287" t="e">
            <v>#N/A</v>
          </cell>
          <cell r="AD287" t="e">
            <v>#VALUE!</v>
          </cell>
          <cell r="AH287" t="str">
            <v/>
          </cell>
          <cell r="AP287">
            <v>1</v>
          </cell>
          <cell r="BD287" t="e">
            <v>#N/A</v>
          </cell>
          <cell r="BF287" t="e">
            <v>#N/A</v>
          </cell>
          <cell r="BG287" t="e">
            <v>#DIV/0!</v>
          </cell>
          <cell r="BJ287">
            <v>0</v>
          </cell>
          <cell r="BK287">
            <v>0</v>
          </cell>
          <cell r="BL287" t="str">
            <v/>
          </cell>
          <cell r="BO287" t="str">
            <v/>
          </cell>
          <cell r="BP287" t="e">
            <v>#N/A</v>
          </cell>
          <cell r="BQ287" t="e">
            <v>#N/A</v>
          </cell>
          <cell r="BS287" t="e">
            <v>#N/A</v>
          </cell>
          <cell r="BT287" t="e">
            <v>#N/A</v>
          </cell>
        </row>
        <row r="288">
          <cell r="I288">
            <v>1</v>
          </cell>
          <cell r="J288" t="str">
            <v>式</v>
          </cell>
          <cell r="K288" t="str">
            <v/>
          </cell>
          <cell r="L288">
            <v>241500</v>
          </cell>
          <cell r="M288" t="e">
            <v>#N/A</v>
          </cell>
          <cell r="V288" t="e">
            <v>#N/A</v>
          </cell>
          <cell r="W288" t="str">
            <v>なか１日</v>
          </cell>
          <cell r="X288" t="e">
            <v>#N/A</v>
          </cell>
          <cell r="Y288" t="e">
            <v>#N/A</v>
          </cell>
          <cell r="AD288" t="e">
            <v>#VALUE!</v>
          </cell>
          <cell r="AH288" t="str">
            <v/>
          </cell>
          <cell r="AP288">
            <v>3</v>
          </cell>
          <cell r="BD288" t="e">
            <v>#N/A</v>
          </cell>
          <cell r="BF288" t="e">
            <v>#N/A</v>
          </cell>
          <cell r="BG288" t="e">
            <v>#DIV/0!</v>
          </cell>
          <cell r="BJ288">
            <v>0</v>
          </cell>
          <cell r="BK288">
            <v>0</v>
          </cell>
          <cell r="BL288" t="str">
            <v/>
          </cell>
          <cell r="BO288" t="str">
            <v/>
          </cell>
          <cell r="BP288" t="e">
            <v>#N/A</v>
          </cell>
          <cell r="BQ288" t="e">
            <v>#N/A</v>
          </cell>
          <cell r="BS288" t="e">
            <v>#N/A</v>
          </cell>
          <cell r="BT288" t="e">
            <v>#N/A</v>
          </cell>
        </row>
        <row r="289">
          <cell r="I289">
            <v>1</v>
          </cell>
          <cell r="J289" t="str">
            <v>式</v>
          </cell>
          <cell r="K289" t="str">
            <v/>
          </cell>
          <cell r="L289">
            <v>110250</v>
          </cell>
          <cell r="M289" t="e">
            <v>#N/A</v>
          </cell>
          <cell r="V289" t="e">
            <v>#N/A</v>
          </cell>
          <cell r="W289" t="str">
            <v>なか１日</v>
          </cell>
          <cell r="X289" t="e">
            <v>#N/A</v>
          </cell>
          <cell r="Y289" t="e">
            <v>#N/A</v>
          </cell>
          <cell r="AD289" t="e">
            <v>#VALUE!</v>
          </cell>
          <cell r="AH289" t="str">
            <v/>
          </cell>
          <cell r="AP289">
            <v>3</v>
          </cell>
          <cell r="BD289" t="e">
            <v>#N/A</v>
          </cell>
          <cell r="BF289" t="e">
            <v>#N/A</v>
          </cell>
          <cell r="BG289" t="e">
            <v>#DIV/0!</v>
          </cell>
          <cell r="BJ289">
            <v>0</v>
          </cell>
          <cell r="BK289">
            <v>0</v>
          </cell>
          <cell r="BL289" t="str">
            <v/>
          </cell>
          <cell r="BO289" t="str">
            <v/>
          </cell>
          <cell r="BP289" t="e">
            <v>#N/A</v>
          </cell>
          <cell r="BQ289" t="e">
            <v>#N/A</v>
          </cell>
          <cell r="BS289" t="e">
            <v>#N/A</v>
          </cell>
          <cell r="BT289" t="e">
            <v>#N/A</v>
          </cell>
        </row>
        <row r="290">
          <cell r="I290">
            <v>1</v>
          </cell>
          <cell r="J290" t="str">
            <v>式</v>
          </cell>
          <cell r="K290" t="str">
            <v/>
          </cell>
          <cell r="L290">
            <v>498750</v>
          </cell>
          <cell r="M290" t="e">
            <v>#N/A</v>
          </cell>
          <cell r="V290" t="e">
            <v>#N/A</v>
          </cell>
          <cell r="W290" t="str">
            <v>なか１日</v>
          </cell>
          <cell r="X290" t="e">
            <v>#N/A</v>
          </cell>
          <cell r="Y290" t="e">
            <v>#N/A</v>
          </cell>
          <cell r="AD290" t="e">
            <v>#VALUE!</v>
          </cell>
          <cell r="AH290" t="str">
            <v/>
          </cell>
          <cell r="AP290">
            <v>1</v>
          </cell>
          <cell r="BD290" t="e">
            <v>#N/A</v>
          </cell>
          <cell r="BF290" t="e">
            <v>#N/A</v>
          </cell>
          <cell r="BG290" t="e">
            <v>#DIV/0!</v>
          </cell>
          <cell r="BJ290">
            <v>0</v>
          </cell>
          <cell r="BK290">
            <v>0</v>
          </cell>
          <cell r="BL290" t="str">
            <v/>
          </cell>
          <cell r="BM290" t="str">
            <v>分割</v>
          </cell>
          <cell r="BO290" t="str">
            <v/>
          </cell>
          <cell r="BP290" t="e">
            <v>#N/A</v>
          </cell>
          <cell r="BQ290" t="e">
            <v>#N/A</v>
          </cell>
          <cell r="BS290" t="e">
            <v>#N/A</v>
          </cell>
          <cell r="BT290" t="e">
            <v>#N/A</v>
          </cell>
        </row>
        <row r="291">
          <cell r="I291">
            <v>1</v>
          </cell>
          <cell r="J291" t="str">
            <v>式</v>
          </cell>
          <cell r="K291" t="str">
            <v/>
          </cell>
          <cell r="L291">
            <v>149990</v>
          </cell>
          <cell r="M291" t="e">
            <v>#N/A</v>
          </cell>
          <cell r="V291" t="e">
            <v>#N/A</v>
          </cell>
          <cell r="W291" t="str">
            <v>なか１日</v>
          </cell>
          <cell r="X291" t="e">
            <v>#N/A</v>
          </cell>
          <cell r="Y291" t="e">
            <v>#N/A</v>
          </cell>
          <cell r="AD291" t="e">
            <v>#VALUE!</v>
          </cell>
          <cell r="AH291" t="str">
            <v/>
          </cell>
          <cell r="AP291">
            <v>3</v>
          </cell>
          <cell r="BD291" t="e">
            <v>#N/A</v>
          </cell>
          <cell r="BF291" t="e">
            <v>#N/A</v>
          </cell>
          <cell r="BG291" t="e">
            <v>#DIV/0!</v>
          </cell>
          <cell r="BJ291">
            <v>0</v>
          </cell>
          <cell r="BK291">
            <v>0</v>
          </cell>
          <cell r="BL291" t="str">
            <v/>
          </cell>
          <cell r="BO291" t="str">
            <v/>
          </cell>
          <cell r="BP291" t="e">
            <v>#N/A</v>
          </cell>
          <cell r="BQ291" t="e">
            <v>#N/A</v>
          </cell>
          <cell r="BS291" t="e">
            <v>#N/A</v>
          </cell>
          <cell r="BT291" t="e">
            <v>#N/A</v>
          </cell>
        </row>
        <row r="292">
          <cell r="I292">
            <v>1</v>
          </cell>
          <cell r="J292" t="str">
            <v>式</v>
          </cell>
          <cell r="K292" t="str">
            <v/>
          </cell>
          <cell r="L292">
            <v>945000</v>
          </cell>
          <cell r="M292" t="e">
            <v>#N/A</v>
          </cell>
          <cell r="V292" t="e">
            <v>#N/A</v>
          </cell>
          <cell r="W292" t="str">
            <v>なか１日</v>
          </cell>
          <cell r="X292" t="e">
            <v>#N/A</v>
          </cell>
          <cell r="Y292" t="e">
            <v>#N/A</v>
          </cell>
          <cell r="AD292" t="e">
            <v>#VALUE!</v>
          </cell>
          <cell r="AH292" t="str">
            <v/>
          </cell>
          <cell r="AP292">
            <v>3</v>
          </cell>
          <cell r="BD292" t="e">
            <v>#N/A</v>
          </cell>
          <cell r="BF292" t="e">
            <v>#N/A</v>
          </cell>
          <cell r="BG292" t="e">
            <v>#DIV/0!</v>
          </cell>
          <cell r="BJ292">
            <v>0</v>
          </cell>
          <cell r="BK292">
            <v>0</v>
          </cell>
          <cell r="BL292" t="str">
            <v/>
          </cell>
          <cell r="BO292" t="str">
            <v/>
          </cell>
          <cell r="BP292" t="e">
            <v>#N/A</v>
          </cell>
          <cell r="BQ292" t="e">
            <v>#N/A</v>
          </cell>
          <cell r="BS292" t="e">
            <v>#N/A</v>
          </cell>
          <cell r="BT292" t="e">
            <v>#N/A</v>
          </cell>
        </row>
        <row r="293">
          <cell r="I293">
            <v>1</v>
          </cell>
          <cell r="J293" t="str">
            <v>式</v>
          </cell>
          <cell r="K293" t="str">
            <v/>
          </cell>
          <cell r="L293">
            <v>202650</v>
          </cell>
          <cell r="M293" t="e">
            <v>#N/A</v>
          </cell>
          <cell r="V293" t="e">
            <v>#N/A</v>
          </cell>
          <cell r="W293" t="str">
            <v>なか１日</v>
          </cell>
          <cell r="X293" t="e">
            <v>#N/A</v>
          </cell>
          <cell r="Y293" t="e">
            <v>#N/A</v>
          </cell>
          <cell r="AD293" t="e">
            <v>#VALUE!</v>
          </cell>
          <cell r="AH293" t="str">
            <v/>
          </cell>
          <cell r="AP293">
            <v>3</v>
          </cell>
          <cell r="BD293" t="e">
            <v>#N/A</v>
          </cell>
          <cell r="BF293" t="e">
            <v>#N/A</v>
          </cell>
          <cell r="BG293" t="e">
            <v>#DIV/0!</v>
          </cell>
          <cell r="BJ293">
            <v>0</v>
          </cell>
          <cell r="BK293">
            <v>0</v>
          </cell>
          <cell r="BL293" t="str">
            <v/>
          </cell>
          <cell r="BO293" t="str">
            <v/>
          </cell>
          <cell r="BP293" t="e">
            <v>#N/A</v>
          </cell>
          <cell r="BQ293" t="e">
            <v>#N/A</v>
          </cell>
          <cell r="BS293" t="e">
            <v>#N/A</v>
          </cell>
          <cell r="BT293" t="e">
            <v>#N/A</v>
          </cell>
        </row>
        <row r="294">
          <cell r="I294">
            <v>1</v>
          </cell>
          <cell r="J294" t="str">
            <v>式</v>
          </cell>
          <cell r="K294" t="str">
            <v/>
          </cell>
          <cell r="L294">
            <v>10206000</v>
          </cell>
          <cell r="M294" t="e">
            <v>#N/A</v>
          </cell>
          <cell r="V294" t="e">
            <v>#N/A</v>
          </cell>
          <cell r="W294" t="str">
            <v>なか５日</v>
          </cell>
          <cell r="X294" t="e">
            <v>#N/A</v>
          </cell>
          <cell r="Y294" t="e">
            <v>#N/A</v>
          </cell>
          <cell r="AD294" t="e">
            <v>#VALUE!</v>
          </cell>
          <cell r="AH294" t="str">
            <v/>
          </cell>
          <cell r="AP294">
            <v>7</v>
          </cell>
          <cell r="BD294" t="e">
            <v>#N/A</v>
          </cell>
          <cell r="BF294" t="e">
            <v>#N/A</v>
          </cell>
          <cell r="BG294" t="e">
            <v>#DIV/0!</v>
          </cell>
          <cell r="BJ294">
            <v>0</v>
          </cell>
          <cell r="BK294">
            <v>0</v>
          </cell>
          <cell r="BL294" t="str">
            <v/>
          </cell>
          <cell r="BO294" t="str">
            <v/>
          </cell>
          <cell r="BP294" t="e">
            <v>#N/A</v>
          </cell>
          <cell r="BQ294" t="e">
            <v>#N/A</v>
          </cell>
          <cell r="BS294" t="e">
            <v>#N/A</v>
          </cell>
          <cell r="BT294" t="e">
            <v>#N/A</v>
          </cell>
        </row>
        <row r="295">
          <cell r="I295">
            <v>1</v>
          </cell>
          <cell r="J295" t="str">
            <v>式</v>
          </cell>
          <cell r="K295" t="str">
            <v/>
          </cell>
          <cell r="L295">
            <v>7266000</v>
          </cell>
          <cell r="M295" t="e">
            <v>#N/A</v>
          </cell>
          <cell r="V295" t="e">
            <v>#N/A</v>
          </cell>
          <cell r="W295" t="str">
            <v>なか５日</v>
          </cell>
          <cell r="X295" t="e">
            <v>#N/A</v>
          </cell>
          <cell r="Y295" t="e">
            <v>#N/A</v>
          </cell>
          <cell r="AD295" t="e">
            <v>#VALUE!</v>
          </cell>
          <cell r="AH295" t="str">
            <v/>
          </cell>
          <cell r="AP295">
            <v>5</v>
          </cell>
          <cell r="BD295" t="e">
            <v>#N/A</v>
          </cell>
          <cell r="BF295" t="e">
            <v>#N/A</v>
          </cell>
          <cell r="BG295" t="e">
            <v>#DIV/0!</v>
          </cell>
          <cell r="BJ295">
            <v>0</v>
          </cell>
          <cell r="BK295">
            <v>0</v>
          </cell>
          <cell r="BL295" t="str">
            <v/>
          </cell>
          <cell r="BO295" t="str">
            <v/>
          </cell>
          <cell r="BP295" t="e">
            <v>#N/A</v>
          </cell>
          <cell r="BQ295" t="e">
            <v>#N/A</v>
          </cell>
          <cell r="BS295" t="e">
            <v>#N/A</v>
          </cell>
          <cell r="BT295" t="e">
            <v>#N/A</v>
          </cell>
        </row>
        <row r="296">
          <cell r="I296">
            <v>1</v>
          </cell>
          <cell r="J296" t="str">
            <v>式</v>
          </cell>
          <cell r="K296" t="str">
            <v/>
          </cell>
          <cell r="L296">
            <v>509250</v>
          </cell>
          <cell r="M296" t="e">
            <v>#N/A</v>
          </cell>
          <cell r="V296" t="e">
            <v>#N/A</v>
          </cell>
          <cell r="W296" t="str">
            <v>なか１日</v>
          </cell>
          <cell r="X296" t="e">
            <v>#N/A</v>
          </cell>
          <cell r="Y296" t="e">
            <v>#N/A</v>
          </cell>
          <cell r="AD296" t="e">
            <v>#VALUE!</v>
          </cell>
          <cell r="AH296" t="str">
            <v/>
          </cell>
          <cell r="AP296">
            <v>1</v>
          </cell>
          <cell r="BD296" t="e">
            <v>#N/A</v>
          </cell>
          <cell r="BF296" t="e">
            <v>#N/A</v>
          </cell>
          <cell r="BG296" t="e">
            <v>#DIV/0!</v>
          </cell>
          <cell r="BJ296">
            <v>0</v>
          </cell>
          <cell r="BK296">
            <v>0</v>
          </cell>
          <cell r="BL296" t="str">
            <v/>
          </cell>
          <cell r="BO296" t="str">
            <v/>
          </cell>
          <cell r="BP296" t="e">
            <v>#N/A</v>
          </cell>
          <cell r="BQ296" t="e">
            <v>#N/A</v>
          </cell>
          <cell r="BS296" t="e">
            <v>#N/A</v>
          </cell>
          <cell r="BT296" t="e">
            <v>#N/A</v>
          </cell>
        </row>
        <row r="297">
          <cell r="I297">
            <v>1</v>
          </cell>
          <cell r="J297" t="str">
            <v>式</v>
          </cell>
          <cell r="K297" t="str">
            <v/>
          </cell>
          <cell r="L297">
            <v>3801000</v>
          </cell>
          <cell r="M297" t="e">
            <v>#N/A</v>
          </cell>
          <cell r="V297" t="e">
            <v>#N/A</v>
          </cell>
          <cell r="W297" t="str">
            <v>なか１日</v>
          </cell>
          <cell r="X297" t="e">
            <v>#N/A</v>
          </cell>
          <cell r="Y297" t="e">
            <v>#N/A</v>
          </cell>
          <cell r="AD297" t="e">
            <v>#VALUE!</v>
          </cell>
          <cell r="AH297" t="str">
            <v/>
          </cell>
          <cell r="AP297">
            <v>5</v>
          </cell>
          <cell r="BD297" t="e">
            <v>#N/A</v>
          </cell>
          <cell r="BF297" t="e">
            <v>#N/A</v>
          </cell>
          <cell r="BG297" t="e">
            <v>#DIV/0!</v>
          </cell>
          <cell r="BJ297">
            <v>0</v>
          </cell>
          <cell r="BK297">
            <v>0</v>
          </cell>
          <cell r="BL297" t="str">
            <v/>
          </cell>
          <cell r="BO297" t="str">
            <v/>
          </cell>
          <cell r="BP297" t="e">
            <v>#N/A</v>
          </cell>
          <cell r="BQ297" t="e">
            <v>#N/A</v>
          </cell>
          <cell r="BS297" t="e">
            <v>#N/A</v>
          </cell>
          <cell r="BT297" t="e">
            <v>#N/A</v>
          </cell>
        </row>
        <row r="298">
          <cell r="I298">
            <v>1</v>
          </cell>
          <cell r="J298" t="str">
            <v>式</v>
          </cell>
          <cell r="K298" t="str">
            <v/>
          </cell>
          <cell r="L298">
            <v>4336500</v>
          </cell>
          <cell r="M298" t="e">
            <v>#N/A</v>
          </cell>
          <cell r="V298" t="e">
            <v>#N/A</v>
          </cell>
          <cell r="W298" t="str">
            <v>なか１日</v>
          </cell>
          <cell r="X298" t="e">
            <v>#N/A</v>
          </cell>
          <cell r="Y298" t="e">
            <v>#N/A</v>
          </cell>
          <cell r="AD298" t="e">
            <v>#VALUE!</v>
          </cell>
          <cell r="AH298" t="str">
            <v/>
          </cell>
          <cell r="AP298">
            <v>1</v>
          </cell>
          <cell r="BD298" t="e">
            <v>#N/A</v>
          </cell>
          <cell r="BF298" t="e">
            <v>#N/A</v>
          </cell>
          <cell r="BG298" t="e">
            <v>#DIV/0!</v>
          </cell>
          <cell r="BJ298">
            <v>0</v>
          </cell>
          <cell r="BK298">
            <v>0</v>
          </cell>
          <cell r="BL298" t="str">
            <v/>
          </cell>
          <cell r="BO298" t="str">
            <v/>
          </cell>
          <cell r="BP298" t="e">
            <v>#N/A</v>
          </cell>
          <cell r="BQ298" t="e">
            <v>#N/A</v>
          </cell>
          <cell r="BS298" t="e">
            <v>#N/A</v>
          </cell>
          <cell r="BT298" t="e">
            <v>#N/A</v>
          </cell>
        </row>
        <row r="299">
          <cell r="I299">
            <v>1</v>
          </cell>
          <cell r="J299" t="str">
            <v>式</v>
          </cell>
          <cell r="K299" t="str">
            <v/>
          </cell>
          <cell r="L299">
            <v>535500</v>
          </cell>
          <cell r="M299" t="e">
            <v>#N/A</v>
          </cell>
          <cell r="V299" t="e">
            <v>#N/A</v>
          </cell>
          <cell r="W299" t="str">
            <v>なか１日</v>
          </cell>
          <cell r="X299" t="e">
            <v>#N/A</v>
          </cell>
          <cell r="Y299" t="e">
            <v>#N/A</v>
          </cell>
          <cell r="AD299" t="e">
            <v>#VALUE!</v>
          </cell>
          <cell r="AH299" t="str">
            <v/>
          </cell>
          <cell r="AP299">
            <v>3</v>
          </cell>
          <cell r="BD299" t="e">
            <v>#N/A</v>
          </cell>
          <cell r="BF299" t="e">
            <v>#N/A</v>
          </cell>
          <cell r="BG299" t="e">
            <v>#DIV/0!</v>
          </cell>
          <cell r="BJ299">
            <v>0</v>
          </cell>
          <cell r="BK299">
            <v>0</v>
          </cell>
          <cell r="BL299" t="str">
            <v/>
          </cell>
          <cell r="BO299" t="str">
            <v/>
          </cell>
          <cell r="BP299" t="e">
            <v>#N/A</v>
          </cell>
          <cell r="BQ299" t="e">
            <v>#N/A</v>
          </cell>
          <cell r="BS299" t="e">
            <v>#N/A</v>
          </cell>
          <cell r="BT299" t="e">
            <v>#N/A</v>
          </cell>
        </row>
        <row r="300">
          <cell r="I300">
            <v>1</v>
          </cell>
          <cell r="J300" t="str">
            <v>式</v>
          </cell>
          <cell r="K300" t="str">
            <v/>
          </cell>
          <cell r="L300">
            <v>240450</v>
          </cell>
          <cell r="M300" t="e">
            <v>#N/A</v>
          </cell>
          <cell r="V300" t="e">
            <v>#N/A</v>
          </cell>
          <cell r="W300" t="str">
            <v>なか１日</v>
          </cell>
          <cell r="X300" t="e">
            <v>#N/A</v>
          </cell>
          <cell r="Y300" t="e">
            <v>#N/A</v>
          </cell>
          <cell r="AD300" t="e">
            <v>#VALUE!</v>
          </cell>
          <cell r="AH300" t="str">
            <v/>
          </cell>
          <cell r="AP300">
            <v>3</v>
          </cell>
          <cell r="BD300" t="e">
            <v>#N/A</v>
          </cell>
          <cell r="BF300" t="e">
            <v>#N/A</v>
          </cell>
          <cell r="BG300" t="e">
            <v>#DIV/0!</v>
          </cell>
          <cell r="BJ300">
            <v>0</v>
          </cell>
          <cell r="BK300">
            <v>0</v>
          </cell>
          <cell r="BL300" t="str">
            <v/>
          </cell>
          <cell r="BO300" t="str">
            <v/>
          </cell>
          <cell r="BP300" t="e">
            <v>#N/A</v>
          </cell>
          <cell r="BQ300" t="e">
            <v>#N/A</v>
          </cell>
          <cell r="BS300" t="e">
            <v>#N/A</v>
          </cell>
          <cell r="BT300" t="e">
            <v>#N/A</v>
          </cell>
        </row>
        <row r="301">
          <cell r="I301">
            <v>1</v>
          </cell>
          <cell r="J301" t="str">
            <v>式</v>
          </cell>
          <cell r="K301" t="str">
            <v/>
          </cell>
          <cell r="L301">
            <v>8946000</v>
          </cell>
          <cell r="M301" t="e">
            <v>#N/A</v>
          </cell>
          <cell r="V301" t="e">
            <v>#N/A</v>
          </cell>
          <cell r="W301" t="str">
            <v>なか５日</v>
          </cell>
          <cell r="X301" t="e">
            <v>#N/A</v>
          </cell>
          <cell r="Y301" t="e">
            <v>#N/A</v>
          </cell>
          <cell r="AD301" t="e">
            <v>#VALUE!</v>
          </cell>
          <cell r="AH301" t="str">
            <v/>
          </cell>
          <cell r="AP301">
            <v>5</v>
          </cell>
          <cell r="BD301" t="e">
            <v>#N/A</v>
          </cell>
          <cell r="BF301" t="e">
            <v>#N/A</v>
          </cell>
          <cell r="BG301" t="e">
            <v>#DIV/0!</v>
          </cell>
          <cell r="BJ301">
            <v>0</v>
          </cell>
          <cell r="BK301">
            <v>0</v>
          </cell>
          <cell r="BL301" t="str">
            <v/>
          </cell>
          <cell r="BO301" t="str">
            <v/>
          </cell>
          <cell r="BP301" t="e">
            <v>#N/A</v>
          </cell>
          <cell r="BQ301" t="e">
            <v>#N/A</v>
          </cell>
          <cell r="BS301" t="e">
            <v>#N/A</v>
          </cell>
          <cell r="BT301" t="e">
            <v>#N/A</v>
          </cell>
        </row>
        <row r="302">
          <cell r="I302">
            <v>1</v>
          </cell>
          <cell r="J302" t="str">
            <v>式</v>
          </cell>
          <cell r="K302" t="str">
            <v/>
          </cell>
          <cell r="L302">
            <v>8610000</v>
          </cell>
          <cell r="M302" t="e">
            <v>#N/A</v>
          </cell>
          <cell r="V302" t="e">
            <v>#N/A</v>
          </cell>
          <cell r="W302" t="str">
            <v>なか５日</v>
          </cell>
          <cell r="X302" t="e">
            <v>#N/A</v>
          </cell>
          <cell r="Y302" t="e">
            <v>#N/A</v>
          </cell>
          <cell r="AD302" t="e">
            <v>#VALUE!</v>
          </cell>
          <cell r="AH302" t="str">
            <v/>
          </cell>
          <cell r="AP302">
            <v>5</v>
          </cell>
          <cell r="BD302" t="e">
            <v>#N/A</v>
          </cell>
          <cell r="BF302" t="e">
            <v>#N/A</v>
          </cell>
          <cell r="BG302" t="e">
            <v>#DIV/0!</v>
          </cell>
          <cell r="BJ302">
            <v>0</v>
          </cell>
          <cell r="BK302">
            <v>0</v>
          </cell>
          <cell r="BL302" t="str">
            <v/>
          </cell>
          <cell r="BO302" t="str">
            <v/>
          </cell>
          <cell r="BP302" t="e">
            <v>#N/A</v>
          </cell>
          <cell r="BQ302" t="e">
            <v>#N/A</v>
          </cell>
          <cell r="BS302" t="e">
            <v>#N/A</v>
          </cell>
          <cell r="BT302" t="e">
            <v>#N/A</v>
          </cell>
        </row>
        <row r="303">
          <cell r="I303">
            <v>1</v>
          </cell>
          <cell r="J303" t="str">
            <v>式</v>
          </cell>
          <cell r="K303" t="str">
            <v/>
          </cell>
          <cell r="L303">
            <v>883050</v>
          </cell>
          <cell r="M303" t="e">
            <v>#N/A</v>
          </cell>
          <cell r="V303" t="e">
            <v>#N/A</v>
          </cell>
          <cell r="W303" t="str">
            <v>なか１日</v>
          </cell>
          <cell r="X303" t="e">
            <v>#N/A</v>
          </cell>
          <cell r="Y303" t="e">
            <v>#N/A</v>
          </cell>
          <cell r="AD303" t="e">
            <v>#VALUE!</v>
          </cell>
          <cell r="AH303" t="str">
            <v/>
          </cell>
          <cell r="AP303">
            <v>1</v>
          </cell>
          <cell r="BD303" t="e">
            <v>#N/A</v>
          </cell>
          <cell r="BF303" t="e">
            <v>#N/A</v>
          </cell>
          <cell r="BG303" t="e">
            <v>#DIV/0!</v>
          </cell>
          <cell r="BJ303">
            <v>0</v>
          </cell>
          <cell r="BK303">
            <v>0</v>
          </cell>
          <cell r="BL303" t="str">
            <v/>
          </cell>
          <cell r="BO303" t="str">
            <v/>
          </cell>
          <cell r="BP303" t="e">
            <v>#N/A</v>
          </cell>
          <cell r="BQ303" t="e">
            <v>#N/A</v>
          </cell>
          <cell r="BS303" t="e">
            <v>#N/A</v>
          </cell>
          <cell r="BT303" t="e">
            <v>#N/A</v>
          </cell>
        </row>
        <row r="304">
          <cell r="I304">
            <v>1</v>
          </cell>
          <cell r="J304" t="str">
            <v>式</v>
          </cell>
          <cell r="K304" t="str">
            <v/>
          </cell>
          <cell r="L304">
            <v>434700</v>
          </cell>
          <cell r="M304" t="e">
            <v>#N/A</v>
          </cell>
          <cell r="V304" t="e">
            <v>#N/A</v>
          </cell>
          <cell r="W304" t="str">
            <v>なか１日</v>
          </cell>
          <cell r="X304" t="e">
            <v>#N/A</v>
          </cell>
          <cell r="Y304" t="e">
            <v>#N/A</v>
          </cell>
          <cell r="AD304" t="e">
            <v>#VALUE!</v>
          </cell>
          <cell r="AH304" t="str">
            <v/>
          </cell>
          <cell r="AP304">
            <v>1</v>
          </cell>
          <cell r="BD304" t="e">
            <v>#N/A</v>
          </cell>
          <cell r="BF304" t="e">
            <v>#N/A</v>
          </cell>
          <cell r="BG304" t="e">
            <v>#DIV/0!</v>
          </cell>
          <cell r="BJ304">
            <v>0</v>
          </cell>
          <cell r="BK304">
            <v>0</v>
          </cell>
          <cell r="BL304" t="str">
            <v/>
          </cell>
          <cell r="BO304" t="str">
            <v/>
          </cell>
          <cell r="BP304" t="e">
            <v>#N/A</v>
          </cell>
          <cell r="BQ304" t="e">
            <v>#N/A</v>
          </cell>
          <cell r="BS304" t="e">
            <v>#N/A</v>
          </cell>
          <cell r="BT304" t="e">
            <v>#N/A</v>
          </cell>
        </row>
        <row r="305">
          <cell r="I305">
            <v>1</v>
          </cell>
          <cell r="J305" t="str">
            <v>式</v>
          </cell>
          <cell r="K305" t="str">
            <v/>
          </cell>
          <cell r="L305">
            <v>531300</v>
          </cell>
          <cell r="M305" t="e">
            <v>#N/A</v>
          </cell>
          <cell r="V305" t="e">
            <v>#N/A</v>
          </cell>
          <cell r="W305" t="str">
            <v>なか１日</v>
          </cell>
          <cell r="X305" t="e">
            <v>#N/A</v>
          </cell>
          <cell r="Y305" t="e">
            <v>#N/A</v>
          </cell>
          <cell r="AD305" t="e">
            <v>#VALUE!</v>
          </cell>
          <cell r="AH305" t="str">
            <v/>
          </cell>
          <cell r="AP305">
            <v>3</v>
          </cell>
          <cell r="BD305" t="e">
            <v>#N/A</v>
          </cell>
          <cell r="BF305" t="e">
            <v>#N/A</v>
          </cell>
          <cell r="BG305" t="e">
            <v>#DIV/0!</v>
          </cell>
          <cell r="BJ305">
            <v>0</v>
          </cell>
          <cell r="BK305">
            <v>0</v>
          </cell>
          <cell r="BL305" t="str">
            <v/>
          </cell>
          <cell r="BO305" t="str">
            <v/>
          </cell>
          <cell r="BP305" t="e">
            <v>#N/A</v>
          </cell>
          <cell r="BQ305" t="e">
            <v>#N/A</v>
          </cell>
          <cell r="BS305" t="e">
            <v>#N/A</v>
          </cell>
          <cell r="BT305" t="e">
            <v>#N/A</v>
          </cell>
        </row>
        <row r="306">
          <cell r="I306">
            <v>1</v>
          </cell>
          <cell r="J306" t="str">
            <v>式</v>
          </cell>
          <cell r="K306" t="str">
            <v/>
          </cell>
          <cell r="L306">
            <v>173250</v>
          </cell>
          <cell r="M306" t="e">
            <v>#N/A</v>
          </cell>
          <cell r="V306" t="e">
            <v>#N/A</v>
          </cell>
          <cell r="W306" t="str">
            <v>なか１日</v>
          </cell>
          <cell r="X306" t="e">
            <v>#N/A</v>
          </cell>
          <cell r="Y306" t="e">
            <v>#N/A</v>
          </cell>
          <cell r="AD306" t="e">
            <v>#VALUE!</v>
          </cell>
          <cell r="AH306" t="str">
            <v/>
          </cell>
          <cell r="AP306">
            <v>3</v>
          </cell>
          <cell r="BD306" t="e">
            <v>#N/A</v>
          </cell>
          <cell r="BF306" t="e">
            <v>#N/A</v>
          </cell>
          <cell r="BG306" t="e">
            <v>#DIV/0!</v>
          </cell>
          <cell r="BJ306">
            <v>0</v>
          </cell>
          <cell r="BK306">
            <v>0</v>
          </cell>
          <cell r="BL306" t="str">
            <v/>
          </cell>
          <cell r="BO306" t="str">
            <v/>
          </cell>
          <cell r="BP306" t="e">
            <v>#N/A</v>
          </cell>
          <cell r="BQ306" t="e">
            <v>#N/A</v>
          </cell>
          <cell r="BS306" t="e">
            <v>#N/A</v>
          </cell>
          <cell r="BT306" t="e">
            <v>#N/A</v>
          </cell>
        </row>
        <row r="307">
          <cell r="I307">
            <v>1</v>
          </cell>
          <cell r="J307" t="str">
            <v>式</v>
          </cell>
          <cell r="K307" t="str">
            <v/>
          </cell>
          <cell r="L307">
            <v>877800</v>
          </cell>
          <cell r="M307" t="e">
            <v>#N/A</v>
          </cell>
          <cell r="V307" t="e">
            <v>#N/A</v>
          </cell>
          <cell r="W307" t="str">
            <v>なか１日</v>
          </cell>
          <cell r="X307" t="e">
            <v>#N/A</v>
          </cell>
          <cell r="Y307" t="e">
            <v>#N/A</v>
          </cell>
          <cell r="AD307" t="e">
            <v>#VALUE!</v>
          </cell>
          <cell r="AH307" t="str">
            <v/>
          </cell>
          <cell r="AP307">
            <v>1</v>
          </cell>
          <cell r="BD307" t="e">
            <v>#N/A</v>
          </cell>
          <cell r="BF307" t="e">
            <v>#N/A</v>
          </cell>
          <cell r="BG307" t="e">
            <v>#DIV/0!</v>
          </cell>
          <cell r="BJ307">
            <v>0</v>
          </cell>
          <cell r="BK307">
            <v>0</v>
          </cell>
          <cell r="BL307" t="str">
            <v/>
          </cell>
          <cell r="BO307" t="str">
            <v/>
          </cell>
          <cell r="BP307" t="e">
            <v>#N/A</v>
          </cell>
          <cell r="BQ307" t="e">
            <v>#N/A</v>
          </cell>
          <cell r="BS307" t="e">
            <v>#N/A</v>
          </cell>
          <cell r="BT307" t="e">
            <v>#N/A</v>
          </cell>
        </row>
        <row r="308">
          <cell r="I308">
            <v>1</v>
          </cell>
          <cell r="J308" t="str">
            <v>式</v>
          </cell>
          <cell r="K308" t="str">
            <v/>
          </cell>
          <cell r="L308">
            <v>2423400</v>
          </cell>
          <cell r="M308" t="e">
            <v>#N/A</v>
          </cell>
          <cell r="V308" t="e">
            <v>#N/A</v>
          </cell>
          <cell r="W308" t="str">
            <v>なか１日</v>
          </cell>
          <cell r="X308" t="e">
            <v>#N/A</v>
          </cell>
          <cell r="Y308" t="e">
            <v>#N/A</v>
          </cell>
          <cell r="AD308" t="e">
            <v>#VALUE!</v>
          </cell>
          <cell r="AH308" t="str">
            <v/>
          </cell>
          <cell r="AP308">
            <v>1</v>
          </cell>
          <cell r="BD308" t="e">
            <v>#N/A</v>
          </cell>
          <cell r="BF308" t="e">
            <v>#N/A</v>
          </cell>
          <cell r="BG308" t="e">
            <v>#DIV/0!</v>
          </cell>
          <cell r="BJ308">
            <v>0</v>
          </cell>
          <cell r="BK308">
            <v>0</v>
          </cell>
          <cell r="BL308" t="str">
            <v/>
          </cell>
          <cell r="BO308" t="str">
            <v/>
          </cell>
          <cell r="BP308" t="e">
            <v>#N/A</v>
          </cell>
          <cell r="BQ308" t="e">
            <v>#N/A</v>
          </cell>
          <cell r="BS308" t="e">
            <v>#N/A</v>
          </cell>
          <cell r="BT308" t="e">
            <v>#N/A</v>
          </cell>
        </row>
        <row r="309">
          <cell r="I309">
            <v>1</v>
          </cell>
          <cell r="J309" t="str">
            <v>式</v>
          </cell>
          <cell r="K309" t="str">
            <v/>
          </cell>
          <cell r="L309">
            <v>6090000</v>
          </cell>
          <cell r="M309" t="e">
            <v>#N/A</v>
          </cell>
          <cell r="V309" t="e">
            <v>#N/A</v>
          </cell>
          <cell r="W309" t="str">
            <v>なか５日</v>
          </cell>
          <cell r="X309" t="e">
            <v>#N/A</v>
          </cell>
          <cell r="Y309" t="e">
            <v>#N/A</v>
          </cell>
          <cell r="AD309" t="e">
            <v>#VALUE!</v>
          </cell>
          <cell r="AH309" t="str">
            <v/>
          </cell>
          <cell r="AP309">
            <v>5</v>
          </cell>
          <cell r="BD309" t="e">
            <v>#N/A</v>
          </cell>
          <cell r="BF309" t="e">
            <v>#N/A</v>
          </cell>
          <cell r="BG309" t="e">
            <v>#DIV/0!</v>
          </cell>
          <cell r="BJ309">
            <v>0</v>
          </cell>
          <cell r="BK309">
            <v>0</v>
          </cell>
          <cell r="BL309" t="str">
            <v/>
          </cell>
          <cell r="BO309" t="str">
            <v/>
          </cell>
          <cell r="BP309" t="e">
            <v>#N/A</v>
          </cell>
          <cell r="BQ309" t="e">
            <v>#N/A</v>
          </cell>
          <cell r="BS309" t="e">
            <v>#N/A</v>
          </cell>
          <cell r="BT309" t="e">
            <v>#N/A</v>
          </cell>
        </row>
        <row r="310">
          <cell r="I310">
            <v>1</v>
          </cell>
          <cell r="J310" t="str">
            <v>式</v>
          </cell>
          <cell r="K310" t="str">
            <v/>
          </cell>
          <cell r="L310">
            <v>647850</v>
          </cell>
          <cell r="M310" t="e">
            <v>#N/A</v>
          </cell>
          <cell r="V310" t="e">
            <v>#N/A</v>
          </cell>
          <cell r="W310" t="str">
            <v>なか１日</v>
          </cell>
          <cell r="X310" t="e">
            <v>#N/A</v>
          </cell>
          <cell r="Y310" t="e">
            <v>#N/A</v>
          </cell>
          <cell r="AD310" t="e">
            <v>#VALUE!</v>
          </cell>
          <cell r="AH310" t="str">
            <v/>
          </cell>
          <cell r="AP310">
            <v>1</v>
          </cell>
          <cell r="BD310" t="e">
            <v>#N/A</v>
          </cell>
          <cell r="BF310" t="e">
            <v>#N/A</v>
          </cell>
          <cell r="BG310" t="e">
            <v>#DIV/0!</v>
          </cell>
          <cell r="BJ310">
            <v>0</v>
          </cell>
          <cell r="BK310">
            <v>0</v>
          </cell>
          <cell r="BL310" t="str">
            <v/>
          </cell>
          <cell r="BO310" t="str">
            <v/>
          </cell>
          <cell r="BP310" t="e">
            <v>#N/A</v>
          </cell>
          <cell r="BQ310" t="e">
            <v>#N/A</v>
          </cell>
          <cell r="BS310" t="e">
            <v>#N/A</v>
          </cell>
          <cell r="BT310" t="e">
            <v>#N/A</v>
          </cell>
        </row>
        <row r="311">
          <cell r="I311">
            <v>1</v>
          </cell>
          <cell r="J311" t="str">
            <v>式</v>
          </cell>
          <cell r="K311">
            <v>4439</v>
          </cell>
          <cell r="L311">
            <v>4439</v>
          </cell>
          <cell r="M311" t="e">
            <v>#N/A</v>
          </cell>
          <cell r="V311" t="e">
            <v>#N/A</v>
          </cell>
          <cell r="W311" t="str">
            <v>なか１日</v>
          </cell>
          <cell r="X311" t="e">
            <v>#N/A</v>
          </cell>
          <cell r="Y311" t="e">
            <v>#N/A</v>
          </cell>
          <cell r="AD311" t="e">
            <v>#VALUE!</v>
          </cell>
          <cell r="AH311" t="str">
            <v/>
          </cell>
          <cell r="AP311">
            <v>1</v>
          </cell>
          <cell r="BD311" t="e">
            <v>#N/A</v>
          </cell>
          <cell r="BF311" t="e">
            <v>#N/A</v>
          </cell>
          <cell r="BG311" t="e">
            <v>#DIV/0!</v>
          </cell>
          <cell r="BJ311">
            <v>0</v>
          </cell>
          <cell r="BK311">
            <v>0</v>
          </cell>
          <cell r="BL311" t="str">
            <v>契約書</v>
          </cell>
          <cell r="BO311" t="str">
            <v/>
          </cell>
          <cell r="BP311" t="e">
            <v>#N/A</v>
          </cell>
          <cell r="BQ311" t="e">
            <v>#N/A</v>
          </cell>
          <cell r="BS311" t="e">
            <v>#N/A</v>
          </cell>
          <cell r="BT311" t="e">
            <v>#N/A</v>
          </cell>
        </row>
        <row r="312">
          <cell r="I312">
            <v>1</v>
          </cell>
          <cell r="J312" t="str">
            <v>式</v>
          </cell>
          <cell r="K312" t="str">
            <v/>
          </cell>
          <cell r="L312">
            <v>328650</v>
          </cell>
          <cell r="M312" t="e">
            <v>#N/A</v>
          </cell>
          <cell r="V312" t="e">
            <v>#N/A</v>
          </cell>
          <cell r="W312" t="str">
            <v>なか１日</v>
          </cell>
          <cell r="X312" t="e">
            <v>#N/A</v>
          </cell>
          <cell r="Y312" t="e">
            <v>#N/A</v>
          </cell>
          <cell r="AD312" t="e">
            <v>#VALUE!</v>
          </cell>
          <cell r="AH312" t="str">
            <v/>
          </cell>
          <cell r="AP312">
            <v>1</v>
          </cell>
          <cell r="BD312" t="e">
            <v>#N/A</v>
          </cell>
          <cell r="BF312" t="e">
            <v>#N/A</v>
          </cell>
          <cell r="BG312" t="e">
            <v>#DIV/0!</v>
          </cell>
          <cell r="BJ312">
            <v>0</v>
          </cell>
          <cell r="BK312">
            <v>0</v>
          </cell>
          <cell r="BL312" t="str">
            <v/>
          </cell>
          <cell r="BO312" t="str">
            <v/>
          </cell>
          <cell r="BP312" t="e">
            <v>#N/A</v>
          </cell>
          <cell r="BQ312" t="e">
            <v>#N/A</v>
          </cell>
          <cell r="BS312" t="e">
            <v>#N/A</v>
          </cell>
          <cell r="BT312" t="e">
            <v>#N/A</v>
          </cell>
        </row>
        <row r="313">
          <cell r="I313">
            <v>1</v>
          </cell>
          <cell r="J313" t="str">
            <v>式</v>
          </cell>
          <cell r="K313" t="str">
            <v/>
          </cell>
          <cell r="L313">
            <v>2226000</v>
          </cell>
          <cell r="M313" t="e">
            <v>#N/A</v>
          </cell>
          <cell r="V313" t="e">
            <v>#N/A</v>
          </cell>
          <cell r="W313" t="str">
            <v>なか１日</v>
          </cell>
          <cell r="X313" t="e">
            <v>#N/A</v>
          </cell>
          <cell r="Y313" t="e">
            <v>#N/A</v>
          </cell>
          <cell r="AD313" t="e">
            <v>#VALUE!</v>
          </cell>
          <cell r="AH313" t="str">
            <v/>
          </cell>
          <cell r="AP313">
            <v>3</v>
          </cell>
          <cell r="BD313" t="e">
            <v>#N/A</v>
          </cell>
          <cell r="BF313" t="e">
            <v>#N/A</v>
          </cell>
          <cell r="BG313" t="e">
            <v>#DIV/0!</v>
          </cell>
          <cell r="BJ313">
            <v>0</v>
          </cell>
          <cell r="BK313">
            <v>0</v>
          </cell>
          <cell r="BL313" t="str">
            <v/>
          </cell>
          <cell r="BO313" t="str">
            <v/>
          </cell>
          <cell r="BP313" t="e">
            <v>#N/A</v>
          </cell>
          <cell r="BQ313" t="e">
            <v>#N/A</v>
          </cell>
          <cell r="BS313" t="e">
            <v>#N/A</v>
          </cell>
          <cell r="BT313" t="e">
            <v>#N/A</v>
          </cell>
        </row>
        <row r="314">
          <cell r="I314">
            <v>1</v>
          </cell>
          <cell r="J314" t="str">
            <v>式</v>
          </cell>
          <cell r="K314" t="str">
            <v/>
          </cell>
          <cell r="L314">
            <v>2932650</v>
          </cell>
          <cell r="M314" t="e">
            <v>#N/A</v>
          </cell>
          <cell r="V314" t="e">
            <v>#N/A</v>
          </cell>
          <cell r="W314" t="str">
            <v>なか１日</v>
          </cell>
          <cell r="X314" t="e">
            <v>#N/A</v>
          </cell>
          <cell r="Y314" t="e">
            <v>#N/A</v>
          </cell>
          <cell r="AD314" t="e">
            <v>#VALUE!</v>
          </cell>
          <cell r="AH314" t="str">
            <v/>
          </cell>
          <cell r="AP314">
            <v>1</v>
          </cell>
          <cell r="BD314" t="e">
            <v>#N/A</v>
          </cell>
          <cell r="BF314" t="e">
            <v>#N/A</v>
          </cell>
          <cell r="BG314" t="e">
            <v>#DIV/0!</v>
          </cell>
          <cell r="BJ314">
            <v>0</v>
          </cell>
          <cell r="BK314">
            <v>0</v>
          </cell>
          <cell r="BL314" t="str">
            <v/>
          </cell>
          <cell r="BO314" t="str">
            <v/>
          </cell>
          <cell r="BP314" t="e">
            <v>#N/A</v>
          </cell>
          <cell r="BQ314" t="e">
            <v>#N/A</v>
          </cell>
          <cell r="BS314" t="e">
            <v>#N/A</v>
          </cell>
          <cell r="BT314" t="e">
            <v>#N/A</v>
          </cell>
        </row>
        <row r="315">
          <cell r="I315">
            <v>1</v>
          </cell>
          <cell r="J315" t="str">
            <v>式</v>
          </cell>
          <cell r="K315" t="str">
            <v/>
          </cell>
          <cell r="L315">
            <v>693000</v>
          </cell>
          <cell r="M315" t="e">
            <v>#N/A</v>
          </cell>
          <cell r="V315" t="e">
            <v>#N/A</v>
          </cell>
          <cell r="W315" t="str">
            <v>なか１日</v>
          </cell>
          <cell r="X315" t="e">
            <v>#N/A</v>
          </cell>
          <cell r="Y315" t="e">
            <v>#N/A</v>
          </cell>
          <cell r="AD315" t="e">
            <v>#VALUE!</v>
          </cell>
          <cell r="AH315" t="str">
            <v/>
          </cell>
          <cell r="AP315">
            <v>1</v>
          </cell>
          <cell r="BD315" t="e">
            <v>#N/A</v>
          </cell>
          <cell r="BF315" t="e">
            <v>#N/A</v>
          </cell>
          <cell r="BG315" t="e">
            <v>#DIV/0!</v>
          </cell>
          <cell r="BJ315">
            <v>0</v>
          </cell>
          <cell r="BK315">
            <v>0</v>
          </cell>
          <cell r="BL315" t="str">
            <v/>
          </cell>
          <cell r="BO315" t="str">
            <v/>
          </cell>
          <cell r="BP315" t="e">
            <v>#N/A</v>
          </cell>
          <cell r="BQ315" t="e">
            <v>#N/A</v>
          </cell>
          <cell r="BS315" t="e">
            <v>#N/A</v>
          </cell>
          <cell r="BT315" t="e">
            <v>#N/A</v>
          </cell>
        </row>
        <row r="316">
          <cell r="I316">
            <v>1</v>
          </cell>
          <cell r="J316" t="str">
            <v>式</v>
          </cell>
          <cell r="K316" t="str">
            <v/>
          </cell>
          <cell r="L316">
            <v>462000</v>
          </cell>
          <cell r="M316" t="e">
            <v>#N/A</v>
          </cell>
          <cell r="V316" t="e">
            <v>#N/A</v>
          </cell>
          <cell r="W316" t="str">
            <v>なか１日</v>
          </cell>
          <cell r="X316" t="e">
            <v>#N/A</v>
          </cell>
          <cell r="Y316" t="e">
            <v>#N/A</v>
          </cell>
          <cell r="AD316" t="e">
            <v>#VALUE!</v>
          </cell>
          <cell r="AH316" t="str">
            <v/>
          </cell>
          <cell r="AP316">
            <v>3</v>
          </cell>
          <cell r="BD316" t="e">
            <v>#N/A</v>
          </cell>
          <cell r="BF316" t="e">
            <v>#N/A</v>
          </cell>
          <cell r="BG316" t="e">
            <v>#DIV/0!</v>
          </cell>
          <cell r="BJ316">
            <v>0</v>
          </cell>
          <cell r="BK316">
            <v>0</v>
          </cell>
          <cell r="BL316" t="str">
            <v/>
          </cell>
          <cell r="BO316" t="str">
            <v/>
          </cell>
          <cell r="BP316" t="e">
            <v>#N/A</v>
          </cell>
          <cell r="BQ316" t="e">
            <v>#N/A</v>
          </cell>
          <cell r="BS316" t="e">
            <v>#N/A</v>
          </cell>
          <cell r="BT316" t="e">
            <v>#N/A</v>
          </cell>
        </row>
        <row r="317">
          <cell r="I317">
            <v>1</v>
          </cell>
          <cell r="J317" t="str">
            <v>式</v>
          </cell>
          <cell r="K317" t="str">
            <v/>
          </cell>
          <cell r="L317">
            <v>1291500</v>
          </cell>
          <cell r="M317" t="e">
            <v>#N/A</v>
          </cell>
          <cell r="V317" t="e">
            <v>#N/A</v>
          </cell>
          <cell r="W317" t="str">
            <v>なか１日</v>
          </cell>
          <cell r="X317" t="e">
            <v>#N/A</v>
          </cell>
          <cell r="Y317" t="e">
            <v>#N/A</v>
          </cell>
          <cell r="AD317" t="e">
            <v>#VALUE!</v>
          </cell>
          <cell r="AH317" t="str">
            <v/>
          </cell>
          <cell r="AP317">
            <v>1</v>
          </cell>
          <cell r="BD317" t="e">
            <v>#N/A</v>
          </cell>
          <cell r="BF317" t="e">
            <v>#N/A</v>
          </cell>
          <cell r="BG317" t="e">
            <v>#DIV/0!</v>
          </cell>
          <cell r="BJ317">
            <v>0</v>
          </cell>
          <cell r="BK317">
            <v>0</v>
          </cell>
          <cell r="BL317" t="str">
            <v/>
          </cell>
          <cell r="BO317" t="str">
            <v/>
          </cell>
          <cell r="BP317" t="e">
            <v>#N/A</v>
          </cell>
          <cell r="BQ317" t="e">
            <v>#N/A</v>
          </cell>
          <cell r="BS317" t="e">
            <v>#N/A</v>
          </cell>
          <cell r="BT317" t="e">
            <v>#N/A</v>
          </cell>
        </row>
        <row r="318">
          <cell r="I318">
            <v>1</v>
          </cell>
          <cell r="J318" t="str">
            <v>式</v>
          </cell>
          <cell r="K318" t="str">
            <v/>
          </cell>
          <cell r="L318">
            <v>3318000</v>
          </cell>
          <cell r="M318" t="e">
            <v>#N/A</v>
          </cell>
          <cell r="V318" t="e">
            <v>#N/A</v>
          </cell>
          <cell r="W318" t="str">
            <v>なか１日</v>
          </cell>
          <cell r="X318" t="e">
            <v>#N/A</v>
          </cell>
          <cell r="Y318" t="e">
            <v>#N/A</v>
          </cell>
          <cell r="AD318" t="e">
            <v>#VALUE!</v>
          </cell>
          <cell r="AH318" t="str">
            <v/>
          </cell>
          <cell r="AP318">
            <v>5</v>
          </cell>
          <cell r="BD318" t="e">
            <v>#N/A</v>
          </cell>
          <cell r="BF318" t="e">
            <v>#N/A</v>
          </cell>
          <cell r="BG318" t="e">
            <v>#DIV/0!</v>
          </cell>
          <cell r="BJ318">
            <v>0</v>
          </cell>
          <cell r="BK318">
            <v>0</v>
          </cell>
          <cell r="BL318" t="str">
            <v/>
          </cell>
          <cell r="BO318" t="str">
            <v/>
          </cell>
          <cell r="BP318" t="e">
            <v>#N/A</v>
          </cell>
          <cell r="BQ318" t="e">
            <v>#N/A</v>
          </cell>
          <cell r="BS318" t="e">
            <v>#N/A</v>
          </cell>
          <cell r="BT318" t="e">
            <v>#N/A</v>
          </cell>
        </row>
        <row r="319">
          <cell r="I319">
            <v>1</v>
          </cell>
          <cell r="J319" t="str">
            <v>式</v>
          </cell>
          <cell r="K319" t="str">
            <v/>
          </cell>
          <cell r="L319">
            <v>1428000</v>
          </cell>
          <cell r="M319" t="e">
            <v>#N/A</v>
          </cell>
          <cell r="V319" t="e">
            <v>#N/A</v>
          </cell>
          <cell r="W319" t="str">
            <v>なか１日</v>
          </cell>
          <cell r="X319" t="e">
            <v>#N/A</v>
          </cell>
          <cell r="Y319" t="e">
            <v>#N/A</v>
          </cell>
          <cell r="AD319" t="e">
            <v>#VALUE!</v>
          </cell>
          <cell r="AH319" t="str">
            <v/>
          </cell>
          <cell r="AP319">
            <v>3</v>
          </cell>
          <cell r="BD319" t="e">
            <v>#N/A</v>
          </cell>
          <cell r="BF319" t="e">
            <v>#N/A</v>
          </cell>
          <cell r="BG319" t="e">
            <v>#DIV/0!</v>
          </cell>
          <cell r="BJ319">
            <v>0</v>
          </cell>
          <cell r="BK319">
            <v>0</v>
          </cell>
          <cell r="BL319" t="str">
            <v/>
          </cell>
          <cell r="BO319" t="str">
            <v/>
          </cell>
          <cell r="BP319" t="e">
            <v>#N/A</v>
          </cell>
          <cell r="BQ319" t="e">
            <v>#N/A</v>
          </cell>
          <cell r="BS319" t="e">
            <v>#N/A</v>
          </cell>
          <cell r="BT319" t="e">
            <v>#N/A</v>
          </cell>
        </row>
        <row r="320">
          <cell r="I320">
            <v>1</v>
          </cell>
          <cell r="J320" t="str">
            <v>式</v>
          </cell>
          <cell r="K320" t="str">
            <v/>
          </cell>
          <cell r="L320">
            <v>945000</v>
          </cell>
          <cell r="M320" t="e">
            <v>#N/A</v>
          </cell>
          <cell r="V320" t="e">
            <v>#N/A</v>
          </cell>
          <cell r="W320" t="str">
            <v>なか１日</v>
          </cell>
          <cell r="X320" t="e">
            <v>#N/A</v>
          </cell>
          <cell r="Y320" t="e">
            <v>#N/A</v>
          </cell>
          <cell r="AD320" t="e">
            <v>#VALUE!</v>
          </cell>
          <cell r="AH320" t="str">
            <v/>
          </cell>
          <cell r="AP320">
            <v>3</v>
          </cell>
          <cell r="BD320" t="e">
            <v>#N/A</v>
          </cell>
          <cell r="BF320" t="e">
            <v>#N/A</v>
          </cell>
          <cell r="BG320" t="e">
            <v>#DIV/0!</v>
          </cell>
          <cell r="BJ320">
            <v>0</v>
          </cell>
          <cell r="BK320">
            <v>0</v>
          </cell>
          <cell r="BL320" t="str">
            <v/>
          </cell>
          <cell r="BO320" t="str">
            <v/>
          </cell>
          <cell r="BP320" t="e">
            <v>#N/A</v>
          </cell>
          <cell r="BQ320" t="e">
            <v>#N/A</v>
          </cell>
          <cell r="BS320" t="e">
            <v>#N/A</v>
          </cell>
          <cell r="BT320" t="e">
            <v>#N/A</v>
          </cell>
        </row>
        <row r="321">
          <cell r="I321">
            <v>1</v>
          </cell>
          <cell r="J321" t="str">
            <v>式</v>
          </cell>
          <cell r="K321" t="str">
            <v/>
          </cell>
          <cell r="L321">
            <v>1055250</v>
          </cell>
          <cell r="M321" t="e">
            <v>#N/A</v>
          </cell>
          <cell r="V321" t="e">
            <v>#N/A</v>
          </cell>
          <cell r="W321" t="str">
            <v>なか１日</v>
          </cell>
          <cell r="X321" t="e">
            <v>#N/A</v>
          </cell>
          <cell r="Y321" t="e">
            <v>#N/A</v>
          </cell>
          <cell r="AD321" t="e">
            <v>#VALUE!</v>
          </cell>
          <cell r="AH321" t="str">
            <v/>
          </cell>
          <cell r="AP321">
            <v>1</v>
          </cell>
          <cell r="BD321" t="e">
            <v>#N/A</v>
          </cell>
          <cell r="BF321" t="e">
            <v>#N/A</v>
          </cell>
          <cell r="BG321" t="e">
            <v>#DIV/0!</v>
          </cell>
          <cell r="BJ321">
            <v>0</v>
          </cell>
          <cell r="BK321">
            <v>0</v>
          </cell>
          <cell r="BL321" t="str">
            <v/>
          </cell>
          <cell r="BO321" t="str">
            <v/>
          </cell>
          <cell r="BP321" t="e">
            <v>#N/A</v>
          </cell>
          <cell r="BQ321" t="e">
            <v>#N/A</v>
          </cell>
          <cell r="BS321" t="e">
            <v>#N/A</v>
          </cell>
          <cell r="BT321" t="e">
            <v>#N/A</v>
          </cell>
        </row>
        <row r="322">
          <cell r="I322">
            <v>1</v>
          </cell>
          <cell r="J322" t="str">
            <v>式</v>
          </cell>
          <cell r="K322" t="str">
            <v/>
          </cell>
          <cell r="L322">
            <v>241500</v>
          </cell>
          <cell r="M322" t="e">
            <v>#N/A</v>
          </cell>
          <cell r="V322" t="e">
            <v>#N/A</v>
          </cell>
          <cell r="W322" t="str">
            <v>なか１日</v>
          </cell>
          <cell r="X322" t="e">
            <v>#N/A</v>
          </cell>
          <cell r="Y322" t="e">
            <v>#N/A</v>
          </cell>
          <cell r="AD322" t="e">
            <v>#VALUE!</v>
          </cell>
          <cell r="AH322" t="str">
            <v/>
          </cell>
          <cell r="AP322">
            <v>3</v>
          </cell>
          <cell r="BD322" t="e">
            <v>#N/A</v>
          </cell>
          <cell r="BF322" t="e">
            <v>#N/A</v>
          </cell>
          <cell r="BG322" t="e">
            <v>#DIV/0!</v>
          </cell>
          <cell r="BJ322">
            <v>0</v>
          </cell>
          <cell r="BK322">
            <v>0</v>
          </cell>
          <cell r="BL322" t="str">
            <v/>
          </cell>
          <cell r="BO322" t="str">
            <v/>
          </cell>
          <cell r="BP322" t="e">
            <v>#N/A</v>
          </cell>
          <cell r="BQ322" t="e">
            <v>#N/A</v>
          </cell>
          <cell r="BS322" t="e">
            <v>#N/A</v>
          </cell>
          <cell r="BT322" t="e">
            <v>#N/A</v>
          </cell>
        </row>
        <row r="323">
          <cell r="I323">
            <v>1</v>
          </cell>
          <cell r="J323" t="str">
            <v>式</v>
          </cell>
          <cell r="K323" t="str">
            <v/>
          </cell>
          <cell r="L323">
            <v>609000</v>
          </cell>
          <cell r="M323" t="e">
            <v>#N/A</v>
          </cell>
          <cell r="V323" t="e">
            <v>#N/A</v>
          </cell>
          <cell r="W323" t="str">
            <v>なか１日</v>
          </cell>
          <cell r="X323" t="e">
            <v>#N/A</v>
          </cell>
          <cell r="Y323" t="e">
            <v>#N/A</v>
          </cell>
          <cell r="AD323" t="e">
            <v>#VALUE!</v>
          </cell>
          <cell r="AH323" t="str">
            <v/>
          </cell>
          <cell r="AP323">
            <v>1</v>
          </cell>
          <cell r="BD323" t="e">
            <v>#N/A</v>
          </cell>
          <cell r="BF323" t="e">
            <v>#N/A</v>
          </cell>
          <cell r="BG323" t="e">
            <v>#DIV/0!</v>
          </cell>
          <cell r="BJ323">
            <v>0</v>
          </cell>
          <cell r="BK323">
            <v>0</v>
          </cell>
          <cell r="BL323" t="str">
            <v/>
          </cell>
          <cell r="BO323" t="str">
            <v/>
          </cell>
          <cell r="BP323" t="e">
            <v>#N/A</v>
          </cell>
          <cell r="BQ323" t="e">
            <v>#N/A</v>
          </cell>
          <cell r="BS323" t="e">
            <v>#N/A</v>
          </cell>
          <cell r="BT323" t="e">
            <v>#N/A</v>
          </cell>
        </row>
        <row r="324">
          <cell r="I324">
            <v>1</v>
          </cell>
          <cell r="J324" t="str">
            <v>式</v>
          </cell>
          <cell r="K324" t="str">
            <v/>
          </cell>
          <cell r="L324">
            <v>292950</v>
          </cell>
          <cell r="M324" t="e">
            <v>#N/A</v>
          </cell>
          <cell r="V324" t="e">
            <v>#N/A</v>
          </cell>
          <cell r="W324" t="str">
            <v>なか１日</v>
          </cell>
          <cell r="X324" t="e">
            <v>#N/A</v>
          </cell>
          <cell r="Y324" t="e">
            <v>#N/A</v>
          </cell>
          <cell r="AD324" t="e">
            <v>#VALUE!</v>
          </cell>
          <cell r="AH324" t="str">
            <v/>
          </cell>
          <cell r="AP324">
            <v>1</v>
          </cell>
          <cell r="BD324" t="e">
            <v>#N/A</v>
          </cell>
          <cell r="BF324" t="e">
            <v>#N/A</v>
          </cell>
          <cell r="BG324" t="e">
            <v>#DIV/0!</v>
          </cell>
          <cell r="BJ324">
            <v>0</v>
          </cell>
          <cell r="BK324">
            <v>0</v>
          </cell>
          <cell r="BL324" t="str">
            <v/>
          </cell>
          <cell r="BO324" t="str">
            <v/>
          </cell>
          <cell r="BP324" t="e">
            <v>#N/A</v>
          </cell>
          <cell r="BQ324" t="e">
            <v>#N/A</v>
          </cell>
          <cell r="BS324" t="e">
            <v>#N/A</v>
          </cell>
          <cell r="BT324" t="e">
            <v>#N/A</v>
          </cell>
        </row>
        <row r="325">
          <cell r="I325">
            <v>1</v>
          </cell>
          <cell r="J325" t="str">
            <v>式</v>
          </cell>
          <cell r="K325" t="str">
            <v/>
          </cell>
          <cell r="L325">
            <v>106995</v>
          </cell>
          <cell r="M325" t="e">
            <v>#N/A</v>
          </cell>
          <cell r="V325" t="e">
            <v>#N/A</v>
          </cell>
          <cell r="W325" t="str">
            <v>なか１日</v>
          </cell>
          <cell r="X325" t="e">
            <v>#N/A</v>
          </cell>
          <cell r="Y325" t="e">
            <v>#N/A</v>
          </cell>
          <cell r="AD325" t="e">
            <v>#VALUE!</v>
          </cell>
          <cell r="AH325" t="str">
            <v/>
          </cell>
          <cell r="AP325">
            <v>3</v>
          </cell>
          <cell r="BD325" t="e">
            <v>#N/A</v>
          </cell>
          <cell r="BF325" t="e">
            <v>#N/A</v>
          </cell>
          <cell r="BG325" t="e">
            <v>#DIV/0!</v>
          </cell>
          <cell r="BJ325">
            <v>0</v>
          </cell>
          <cell r="BK325">
            <v>0</v>
          </cell>
          <cell r="BL325" t="str">
            <v>請書</v>
          </cell>
          <cell r="BO325" t="str">
            <v/>
          </cell>
          <cell r="BP325" t="e">
            <v>#N/A</v>
          </cell>
          <cell r="BQ325" t="e">
            <v>#N/A</v>
          </cell>
          <cell r="BS325" t="e">
            <v>#N/A</v>
          </cell>
          <cell r="BT325" t="e">
            <v>#N/A</v>
          </cell>
        </row>
        <row r="326">
          <cell r="I326">
            <v>1</v>
          </cell>
          <cell r="J326" t="str">
            <v>式</v>
          </cell>
          <cell r="K326" t="str">
            <v/>
          </cell>
          <cell r="L326">
            <v>13864200</v>
          </cell>
          <cell r="M326" t="e">
            <v>#N/A</v>
          </cell>
          <cell r="V326" t="e">
            <v>#N/A</v>
          </cell>
          <cell r="W326" t="str">
            <v>なか５日</v>
          </cell>
          <cell r="X326" t="e">
            <v>#N/A</v>
          </cell>
          <cell r="Y326" t="e">
            <v>#N/A</v>
          </cell>
          <cell r="AD326" t="e">
            <v>#VALUE!</v>
          </cell>
          <cell r="AH326" t="str">
            <v/>
          </cell>
          <cell r="AP326">
            <v>1</v>
          </cell>
          <cell r="BD326" t="e">
            <v>#N/A</v>
          </cell>
          <cell r="BF326" t="e">
            <v>#N/A</v>
          </cell>
          <cell r="BG326" t="e">
            <v>#DIV/0!</v>
          </cell>
          <cell r="BJ326">
            <v>0</v>
          </cell>
          <cell r="BK326">
            <v>0</v>
          </cell>
          <cell r="BL326" t="str">
            <v/>
          </cell>
          <cell r="BO326" t="str">
            <v/>
          </cell>
          <cell r="BP326" t="e">
            <v>#N/A</v>
          </cell>
          <cell r="BQ326" t="e">
            <v>#N/A</v>
          </cell>
          <cell r="BS326" t="e">
            <v>#N/A</v>
          </cell>
          <cell r="BT326" t="e">
            <v>#N/A</v>
          </cell>
        </row>
        <row r="327">
          <cell r="I327">
            <v>1</v>
          </cell>
          <cell r="J327" t="str">
            <v>式</v>
          </cell>
          <cell r="K327" t="str">
            <v/>
          </cell>
          <cell r="L327">
            <v>5702550</v>
          </cell>
          <cell r="M327" t="e">
            <v>#N/A</v>
          </cell>
          <cell r="V327" t="e">
            <v>#N/A</v>
          </cell>
          <cell r="W327" t="str">
            <v>なか５日</v>
          </cell>
          <cell r="X327" t="e">
            <v>#N/A</v>
          </cell>
          <cell r="Y327" t="e">
            <v>#N/A</v>
          </cell>
          <cell r="AD327" t="e">
            <v>#VALUE!</v>
          </cell>
          <cell r="AH327" t="str">
            <v/>
          </cell>
          <cell r="AP327">
            <v>1</v>
          </cell>
          <cell r="BD327" t="e">
            <v>#N/A</v>
          </cell>
          <cell r="BF327" t="e">
            <v>#N/A</v>
          </cell>
          <cell r="BG327" t="e">
            <v>#DIV/0!</v>
          </cell>
          <cell r="BJ327">
            <v>0</v>
          </cell>
          <cell r="BK327">
            <v>0</v>
          </cell>
          <cell r="BL327" t="str">
            <v/>
          </cell>
          <cell r="BO327" t="str">
            <v/>
          </cell>
          <cell r="BP327" t="e">
            <v>#N/A</v>
          </cell>
          <cell r="BQ327" t="e">
            <v>#N/A</v>
          </cell>
          <cell r="BS327" t="e">
            <v>#N/A</v>
          </cell>
          <cell r="BT327" t="e">
            <v>#N/A</v>
          </cell>
        </row>
        <row r="328">
          <cell r="I328">
            <v>1</v>
          </cell>
          <cell r="J328" t="str">
            <v>式</v>
          </cell>
          <cell r="K328" t="str">
            <v/>
          </cell>
          <cell r="L328">
            <v>517650</v>
          </cell>
          <cell r="M328" t="e">
            <v>#N/A</v>
          </cell>
          <cell r="V328" t="e">
            <v>#N/A</v>
          </cell>
          <cell r="W328" t="str">
            <v>なか１日</v>
          </cell>
          <cell r="X328" t="e">
            <v>#N/A</v>
          </cell>
          <cell r="Y328" t="e">
            <v>#N/A</v>
          </cell>
          <cell r="AD328" t="e">
            <v>#VALUE!</v>
          </cell>
          <cell r="AH328" t="str">
            <v/>
          </cell>
          <cell r="AP328">
            <v>1</v>
          </cell>
          <cell r="BD328" t="e">
            <v>#N/A</v>
          </cell>
          <cell r="BF328" t="e">
            <v>#N/A</v>
          </cell>
          <cell r="BG328" t="e">
            <v>#DIV/0!</v>
          </cell>
          <cell r="BJ328">
            <v>0</v>
          </cell>
          <cell r="BK328">
            <v>0</v>
          </cell>
          <cell r="BL328" t="str">
            <v/>
          </cell>
          <cell r="BO328" t="str">
            <v/>
          </cell>
          <cell r="BP328" t="e">
            <v>#N/A</v>
          </cell>
          <cell r="BQ328" t="e">
            <v>#N/A</v>
          </cell>
          <cell r="BS328" t="e">
            <v>#N/A</v>
          </cell>
          <cell r="BT328" t="e">
            <v>#N/A</v>
          </cell>
        </row>
        <row r="329">
          <cell r="I329">
            <v>1</v>
          </cell>
          <cell r="J329" t="str">
            <v>式</v>
          </cell>
          <cell r="K329" t="str">
            <v/>
          </cell>
          <cell r="L329">
            <v>290337</v>
          </cell>
          <cell r="M329" t="e">
            <v>#N/A</v>
          </cell>
          <cell r="V329" t="e">
            <v>#N/A</v>
          </cell>
          <cell r="W329" t="str">
            <v>なか１日</v>
          </cell>
          <cell r="X329" t="e">
            <v>#N/A</v>
          </cell>
          <cell r="Y329" t="e">
            <v>#N/A</v>
          </cell>
          <cell r="AD329" t="e">
            <v>#VALUE!</v>
          </cell>
          <cell r="AH329" t="str">
            <v/>
          </cell>
          <cell r="AP329">
            <v>1</v>
          </cell>
          <cell r="BD329" t="e">
            <v>#N/A</v>
          </cell>
          <cell r="BF329" t="e">
            <v>#N/A</v>
          </cell>
          <cell r="BG329" t="e">
            <v>#DIV/0!</v>
          </cell>
          <cell r="BJ329">
            <v>0</v>
          </cell>
          <cell r="BK329">
            <v>0</v>
          </cell>
          <cell r="BL329" t="str">
            <v/>
          </cell>
          <cell r="BO329" t="str">
            <v/>
          </cell>
          <cell r="BP329" t="e">
            <v>#N/A</v>
          </cell>
          <cell r="BQ329" t="e">
            <v>#N/A</v>
          </cell>
          <cell r="BS329" t="e">
            <v>#N/A</v>
          </cell>
          <cell r="BT329" t="e">
            <v>#N/A</v>
          </cell>
        </row>
        <row r="330">
          <cell r="I330">
            <v>1</v>
          </cell>
          <cell r="J330" t="str">
            <v>式</v>
          </cell>
          <cell r="K330" t="str">
            <v/>
          </cell>
          <cell r="L330">
            <v>2460150</v>
          </cell>
          <cell r="M330" t="e">
            <v>#N/A</v>
          </cell>
          <cell r="V330" t="e">
            <v>#N/A</v>
          </cell>
          <cell r="W330" t="str">
            <v>なか１日</v>
          </cell>
          <cell r="X330" t="e">
            <v>#N/A</v>
          </cell>
          <cell r="Y330" t="e">
            <v>#N/A</v>
          </cell>
          <cell r="AD330" t="e">
            <v>#VALUE!</v>
          </cell>
          <cell r="AH330" t="str">
            <v/>
          </cell>
          <cell r="AP330">
            <v>3</v>
          </cell>
          <cell r="BD330" t="e">
            <v>#N/A</v>
          </cell>
          <cell r="BF330" t="e">
            <v>#N/A</v>
          </cell>
          <cell r="BG330" t="e">
            <v>#DIV/0!</v>
          </cell>
          <cell r="BJ330">
            <v>0</v>
          </cell>
          <cell r="BK330">
            <v>0</v>
          </cell>
          <cell r="BL330" t="str">
            <v/>
          </cell>
          <cell r="BO330" t="str">
            <v/>
          </cell>
          <cell r="BP330" t="e">
            <v>#N/A</v>
          </cell>
          <cell r="BQ330" t="e">
            <v>#N/A</v>
          </cell>
          <cell r="BS330" t="e">
            <v>#N/A</v>
          </cell>
          <cell r="BT330" t="e">
            <v>#N/A</v>
          </cell>
        </row>
        <row r="331">
          <cell r="I331">
            <v>1</v>
          </cell>
          <cell r="J331" t="str">
            <v>式</v>
          </cell>
          <cell r="K331" t="str">
            <v/>
          </cell>
          <cell r="L331">
            <v>1443750</v>
          </cell>
          <cell r="M331" t="e">
            <v>#N/A</v>
          </cell>
          <cell r="V331" t="e">
            <v>#N/A</v>
          </cell>
          <cell r="W331" t="str">
            <v>なか１日</v>
          </cell>
          <cell r="X331" t="e">
            <v>#N/A</v>
          </cell>
          <cell r="Y331" t="e">
            <v>#N/A</v>
          </cell>
          <cell r="AD331" t="e">
            <v>#VALUE!</v>
          </cell>
          <cell r="AH331" t="str">
            <v/>
          </cell>
          <cell r="AP331">
            <v>3</v>
          </cell>
          <cell r="BD331" t="e">
            <v>#N/A</v>
          </cell>
          <cell r="BF331" t="e">
            <v>#N/A</v>
          </cell>
          <cell r="BG331" t="e">
            <v>#DIV/0!</v>
          </cell>
          <cell r="BJ331">
            <v>0</v>
          </cell>
          <cell r="BK331">
            <v>0</v>
          </cell>
          <cell r="BL331" t="str">
            <v/>
          </cell>
          <cell r="BO331" t="str">
            <v/>
          </cell>
          <cell r="BP331" t="e">
            <v>#N/A</v>
          </cell>
          <cell r="BQ331" t="e">
            <v>#N/A</v>
          </cell>
          <cell r="BS331" t="e">
            <v>#N/A</v>
          </cell>
          <cell r="BT331" t="e">
            <v>#N/A</v>
          </cell>
        </row>
        <row r="332">
          <cell r="I332">
            <v>1</v>
          </cell>
          <cell r="J332" t="str">
            <v>式</v>
          </cell>
          <cell r="K332" t="str">
            <v/>
          </cell>
          <cell r="L332">
            <v>2425500</v>
          </cell>
          <cell r="M332" t="e">
            <v>#N/A</v>
          </cell>
          <cell r="V332" t="e">
            <v>#N/A</v>
          </cell>
          <cell r="W332" t="str">
            <v>なか１日</v>
          </cell>
          <cell r="X332" t="e">
            <v>#N/A</v>
          </cell>
          <cell r="Y332" t="e">
            <v>#N/A</v>
          </cell>
          <cell r="AD332" t="e">
            <v>#VALUE!</v>
          </cell>
          <cell r="AH332" t="str">
            <v/>
          </cell>
          <cell r="AP332">
            <v>3</v>
          </cell>
          <cell r="BD332" t="e">
            <v>#N/A</v>
          </cell>
          <cell r="BF332" t="e">
            <v>#N/A</v>
          </cell>
          <cell r="BG332" t="e">
            <v>#DIV/0!</v>
          </cell>
          <cell r="BJ332">
            <v>0</v>
          </cell>
          <cell r="BK332">
            <v>0</v>
          </cell>
          <cell r="BL332" t="str">
            <v/>
          </cell>
          <cell r="BO332" t="str">
            <v/>
          </cell>
          <cell r="BP332" t="e">
            <v>#N/A</v>
          </cell>
          <cell r="BQ332" t="e">
            <v>#N/A</v>
          </cell>
          <cell r="BS332" t="e">
            <v>#N/A</v>
          </cell>
          <cell r="BT332" t="e">
            <v>#N/A</v>
          </cell>
        </row>
        <row r="333">
          <cell r="I333">
            <v>1</v>
          </cell>
          <cell r="J333" t="str">
            <v>式</v>
          </cell>
          <cell r="K333" t="str">
            <v/>
          </cell>
          <cell r="L333">
            <v>1543500</v>
          </cell>
          <cell r="M333" t="e">
            <v>#N/A</v>
          </cell>
          <cell r="V333" t="e">
            <v>#N/A</v>
          </cell>
          <cell r="W333" t="str">
            <v>なか１日</v>
          </cell>
          <cell r="X333" t="e">
            <v>#N/A</v>
          </cell>
          <cell r="Y333" t="e">
            <v>#N/A</v>
          </cell>
          <cell r="AD333" t="e">
            <v>#VALUE!</v>
          </cell>
          <cell r="AH333" t="str">
            <v/>
          </cell>
          <cell r="AP333">
            <v>1</v>
          </cell>
          <cell r="BD333" t="e">
            <v>#N/A</v>
          </cell>
          <cell r="BF333" t="e">
            <v>#N/A</v>
          </cell>
          <cell r="BG333" t="e">
            <v>#DIV/0!</v>
          </cell>
          <cell r="BJ333">
            <v>0</v>
          </cell>
          <cell r="BK333">
            <v>0</v>
          </cell>
          <cell r="BL333" t="str">
            <v/>
          </cell>
          <cell r="BO333" t="str">
            <v/>
          </cell>
          <cell r="BP333" t="e">
            <v>#N/A</v>
          </cell>
          <cell r="BQ333" t="e">
            <v>#N/A</v>
          </cell>
          <cell r="BS333" t="e">
            <v>#N/A</v>
          </cell>
          <cell r="BT333" t="e">
            <v>#N/A</v>
          </cell>
        </row>
        <row r="334">
          <cell r="I334">
            <v>1</v>
          </cell>
          <cell r="J334" t="str">
            <v>式</v>
          </cell>
          <cell r="K334" t="str">
            <v/>
          </cell>
          <cell r="L334">
            <v>925050</v>
          </cell>
          <cell r="M334" t="e">
            <v>#N/A</v>
          </cell>
          <cell r="V334" t="e">
            <v>#N/A</v>
          </cell>
          <cell r="W334" t="str">
            <v>なか１日</v>
          </cell>
          <cell r="X334" t="e">
            <v>#N/A</v>
          </cell>
          <cell r="Y334" t="e">
            <v>#N/A</v>
          </cell>
          <cell r="AD334" t="e">
            <v>#VALUE!</v>
          </cell>
          <cell r="AH334" t="str">
            <v/>
          </cell>
          <cell r="AP334">
            <v>1</v>
          </cell>
          <cell r="BD334" t="e">
            <v>#N/A</v>
          </cell>
          <cell r="BF334" t="e">
            <v>#N/A</v>
          </cell>
          <cell r="BG334" t="e">
            <v>#DIV/0!</v>
          </cell>
          <cell r="BJ334">
            <v>0</v>
          </cell>
          <cell r="BK334">
            <v>0</v>
          </cell>
          <cell r="BL334" t="str">
            <v/>
          </cell>
          <cell r="BO334" t="str">
            <v/>
          </cell>
          <cell r="BP334" t="e">
            <v>#N/A</v>
          </cell>
          <cell r="BQ334" t="e">
            <v>#N/A</v>
          </cell>
          <cell r="BS334" t="e">
            <v>#N/A</v>
          </cell>
          <cell r="BT334" t="e">
            <v>#N/A</v>
          </cell>
        </row>
        <row r="335">
          <cell r="I335">
            <v>1</v>
          </cell>
          <cell r="J335" t="str">
            <v>式</v>
          </cell>
          <cell r="K335" t="str">
            <v/>
          </cell>
          <cell r="L335">
            <v>0</v>
          </cell>
          <cell r="M335" t="e">
            <v>#N/A</v>
          </cell>
          <cell r="V335" t="e">
            <v>#N/A</v>
          </cell>
          <cell r="W335" t="str">
            <v xml:space="preserve"> </v>
          </cell>
          <cell r="X335" t="e">
            <v>#N/A</v>
          </cell>
          <cell r="Y335" t="e">
            <v>#N/A</v>
          </cell>
          <cell r="AD335" t="e">
            <v>#VALUE!</v>
          </cell>
          <cell r="AH335" t="str">
            <v/>
          </cell>
          <cell r="AP335">
            <v>3</v>
          </cell>
          <cell r="BD335" t="e">
            <v>#N/A</v>
          </cell>
          <cell r="BF335" t="e">
            <v>#N/A</v>
          </cell>
          <cell r="BG335" t="e">
            <v>#DIV/0!</v>
          </cell>
          <cell r="BJ335">
            <v>0</v>
          </cell>
          <cell r="BK335">
            <v>0</v>
          </cell>
          <cell r="BL335" t="str">
            <v/>
          </cell>
          <cell r="BO335" t="str">
            <v/>
          </cell>
          <cell r="BP335" t="e">
            <v>#N/A</v>
          </cell>
          <cell r="BQ335" t="e">
            <v>#N/A</v>
          </cell>
          <cell r="BS335" t="e">
            <v>#N/A</v>
          </cell>
          <cell r="BT335" t="e">
            <v>#N/A</v>
          </cell>
        </row>
        <row r="336">
          <cell r="I336">
            <v>1</v>
          </cell>
          <cell r="J336" t="str">
            <v>式</v>
          </cell>
          <cell r="K336" t="str">
            <v/>
          </cell>
          <cell r="L336">
            <v>0</v>
          </cell>
          <cell r="M336" t="e">
            <v>#N/A</v>
          </cell>
          <cell r="V336" t="e">
            <v>#N/A</v>
          </cell>
          <cell r="W336" t="str">
            <v xml:space="preserve"> </v>
          </cell>
          <cell r="X336" t="e">
            <v>#N/A</v>
          </cell>
          <cell r="Y336" t="e">
            <v>#N/A</v>
          </cell>
          <cell r="AD336" t="e">
            <v>#VALUE!</v>
          </cell>
          <cell r="AH336" t="str">
            <v/>
          </cell>
          <cell r="AP336">
            <v>3</v>
          </cell>
          <cell r="BD336" t="e">
            <v>#N/A</v>
          </cell>
          <cell r="BF336" t="e">
            <v>#N/A</v>
          </cell>
          <cell r="BG336" t="e">
            <v>#DIV/0!</v>
          </cell>
          <cell r="BJ336">
            <v>0</v>
          </cell>
          <cell r="BK336">
            <v>0</v>
          </cell>
          <cell r="BL336" t="str">
            <v/>
          </cell>
          <cell r="BO336" t="str">
            <v/>
          </cell>
          <cell r="BP336" t="e">
            <v>#N/A</v>
          </cell>
          <cell r="BQ336" t="e">
            <v>#N/A</v>
          </cell>
          <cell r="BS336" t="e">
            <v>#N/A</v>
          </cell>
          <cell r="BT336" t="e">
            <v>#N/A</v>
          </cell>
        </row>
        <row r="337">
          <cell r="I337">
            <v>1</v>
          </cell>
          <cell r="J337" t="str">
            <v>式</v>
          </cell>
          <cell r="K337" t="str">
            <v/>
          </cell>
          <cell r="L337">
            <v>0</v>
          </cell>
          <cell r="M337" t="e">
            <v>#N/A</v>
          </cell>
          <cell r="V337" t="e">
            <v>#N/A</v>
          </cell>
          <cell r="W337" t="str">
            <v xml:space="preserve"> </v>
          </cell>
          <cell r="X337" t="e">
            <v>#N/A</v>
          </cell>
          <cell r="Y337" t="e">
            <v>#N/A</v>
          </cell>
          <cell r="AD337" t="e">
            <v>#VALUE!</v>
          </cell>
          <cell r="AH337" t="str">
            <v/>
          </cell>
          <cell r="AP337">
            <v>3</v>
          </cell>
          <cell r="BD337" t="e">
            <v>#N/A</v>
          </cell>
          <cell r="BF337" t="e">
            <v>#N/A</v>
          </cell>
          <cell r="BG337" t="e">
            <v>#DIV/0!</v>
          </cell>
          <cell r="BJ337">
            <v>0</v>
          </cell>
          <cell r="BK337">
            <v>0</v>
          </cell>
          <cell r="BL337" t="str">
            <v/>
          </cell>
          <cell r="BO337" t="str">
            <v/>
          </cell>
          <cell r="BP337" t="e">
            <v>#N/A</v>
          </cell>
          <cell r="BQ337" t="e">
            <v>#N/A</v>
          </cell>
          <cell r="BS337" t="e">
            <v>#N/A</v>
          </cell>
          <cell r="BT337" t="e">
            <v>#N/A</v>
          </cell>
        </row>
        <row r="338">
          <cell r="I338">
            <v>1</v>
          </cell>
          <cell r="J338" t="str">
            <v>式</v>
          </cell>
          <cell r="K338" t="str">
            <v/>
          </cell>
          <cell r="L338">
            <v>0</v>
          </cell>
          <cell r="M338" t="e">
            <v>#N/A</v>
          </cell>
          <cell r="V338" t="e">
            <v>#N/A</v>
          </cell>
          <cell r="W338" t="str">
            <v xml:space="preserve"> </v>
          </cell>
          <cell r="X338" t="e">
            <v>#N/A</v>
          </cell>
          <cell r="Y338" t="e">
            <v>#N/A</v>
          </cell>
          <cell r="AD338" t="e">
            <v>#VALUE!</v>
          </cell>
          <cell r="AH338" t="str">
            <v/>
          </cell>
          <cell r="AP338">
            <v>3</v>
          </cell>
          <cell r="BD338" t="e">
            <v>#N/A</v>
          </cell>
          <cell r="BF338" t="e">
            <v>#N/A</v>
          </cell>
          <cell r="BG338" t="e">
            <v>#DIV/0!</v>
          </cell>
          <cell r="BJ338">
            <v>0</v>
          </cell>
          <cell r="BK338">
            <v>0</v>
          </cell>
          <cell r="BL338" t="str">
            <v/>
          </cell>
          <cell r="BO338" t="str">
            <v/>
          </cell>
          <cell r="BP338" t="e">
            <v>#N/A</v>
          </cell>
          <cell r="BQ338" t="e">
            <v>#N/A</v>
          </cell>
          <cell r="BS338" t="e">
            <v>#N/A</v>
          </cell>
          <cell r="BT338" t="e">
            <v>#N/A</v>
          </cell>
        </row>
        <row r="339">
          <cell r="I339">
            <v>1</v>
          </cell>
          <cell r="J339" t="str">
            <v>式</v>
          </cell>
          <cell r="K339" t="str">
            <v/>
          </cell>
          <cell r="L339">
            <v>0</v>
          </cell>
          <cell r="M339" t="e">
            <v>#N/A</v>
          </cell>
          <cell r="V339" t="e">
            <v>#N/A</v>
          </cell>
          <cell r="W339" t="str">
            <v xml:space="preserve"> </v>
          </cell>
          <cell r="X339" t="e">
            <v>#N/A</v>
          </cell>
          <cell r="Y339" t="e">
            <v>#N/A</v>
          </cell>
          <cell r="AD339" t="e">
            <v>#VALUE!</v>
          </cell>
          <cell r="AH339" t="str">
            <v/>
          </cell>
          <cell r="AP339">
            <v>3</v>
          </cell>
          <cell r="BD339" t="e">
            <v>#N/A</v>
          </cell>
          <cell r="BF339" t="e">
            <v>#N/A</v>
          </cell>
          <cell r="BG339" t="e">
            <v>#DIV/0!</v>
          </cell>
          <cell r="BJ339">
            <v>0</v>
          </cell>
          <cell r="BK339">
            <v>0</v>
          </cell>
          <cell r="BL339" t="str">
            <v/>
          </cell>
          <cell r="BO339" t="str">
            <v/>
          </cell>
          <cell r="BP339" t="e">
            <v>#N/A</v>
          </cell>
          <cell r="BQ339" t="e">
            <v>#N/A</v>
          </cell>
          <cell r="BS339" t="e">
            <v>#N/A</v>
          </cell>
          <cell r="BT339" t="e">
            <v>#N/A</v>
          </cell>
        </row>
        <row r="340">
          <cell r="I340">
            <v>1</v>
          </cell>
          <cell r="J340" t="str">
            <v>式</v>
          </cell>
          <cell r="K340" t="str">
            <v/>
          </cell>
          <cell r="L340">
            <v>0</v>
          </cell>
          <cell r="M340" t="e">
            <v>#N/A</v>
          </cell>
          <cell r="V340" t="e">
            <v>#N/A</v>
          </cell>
          <cell r="W340" t="str">
            <v xml:space="preserve"> </v>
          </cell>
          <cell r="X340" t="e">
            <v>#N/A</v>
          </cell>
          <cell r="Y340" t="e">
            <v>#N/A</v>
          </cell>
          <cell r="AD340" t="e">
            <v>#VALUE!</v>
          </cell>
          <cell r="AH340" t="str">
            <v/>
          </cell>
          <cell r="AP340">
            <v>3</v>
          </cell>
          <cell r="BD340" t="e">
            <v>#N/A</v>
          </cell>
          <cell r="BF340" t="e">
            <v>#N/A</v>
          </cell>
          <cell r="BG340" t="e">
            <v>#DIV/0!</v>
          </cell>
          <cell r="BJ340">
            <v>0</v>
          </cell>
          <cell r="BK340">
            <v>0</v>
          </cell>
          <cell r="BL340" t="str">
            <v/>
          </cell>
          <cell r="BO340" t="str">
            <v/>
          </cell>
          <cell r="BP340" t="e">
            <v>#N/A</v>
          </cell>
          <cell r="BQ340" t="e">
            <v>#N/A</v>
          </cell>
          <cell r="BS340" t="e">
            <v>#N/A</v>
          </cell>
          <cell r="BT340" t="e">
            <v>#N/A</v>
          </cell>
        </row>
        <row r="341">
          <cell r="I341">
            <v>1</v>
          </cell>
          <cell r="J341" t="str">
            <v>式</v>
          </cell>
          <cell r="K341" t="str">
            <v/>
          </cell>
          <cell r="L341">
            <v>0</v>
          </cell>
          <cell r="M341" t="e">
            <v>#N/A</v>
          </cell>
          <cell r="V341" t="e">
            <v>#N/A</v>
          </cell>
          <cell r="W341" t="str">
            <v xml:space="preserve"> </v>
          </cell>
          <cell r="X341" t="e">
            <v>#N/A</v>
          </cell>
          <cell r="Y341" t="e">
            <v>#N/A</v>
          </cell>
          <cell r="AD341" t="e">
            <v>#VALUE!</v>
          </cell>
          <cell r="AH341" t="str">
            <v/>
          </cell>
          <cell r="AP341">
            <v>3</v>
          </cell>
          <cell r="BD341" t="e">
            <v>#N/A</v>
          </cell>
          <cell r="BF341" t="e">
            <v>#N/A</v>
          </cell>
          <cell r="BG341" t="e">
            <v>#DIV/0!</v>
          </cell>
          <cell r="BJ341">
            <v>0</v>
          </cell>
          <cell r="BK341">
            <v>0</v>
          </cell>
          <cell r="BL341" t="str">
            <v/>
          </cell>
          <cell r="BO341" t="str">
            <v/>
          </cell>
          <cell r="BP341" t="e">
            <v>#N/A</v>
          </cell>
          <cell r="BQ341" t="e">
            <v>#N/A</v>
          </cell>
          <cell r="BS341" t="e">
            <v>#N/A</v>
          </cell>
          <cell r="BT341" t="e">
            <v>#N/A</v>
          </cell>
        </row>
        <row r="342">
          <cell r="I342">
            <v>1</v>
          </cell>
          <cell r="J342" t="str">
            <v>式</v>
          </cell>
          <cell r="K342" t="str">
            <v/>
          </cell>
          <cell r="L342">
            <v>0</v>
          </cell>
          <cell r="M342" t="e">
            <v>#N/A</v>
          </cell>
          <cell r="V342" t="e">
            <v>#N/A</v>
          </cell>
          <cell r="W342" t="str">
            <v xml:space="preserve"> </v>
          </cell>
          <cell r="X342" t="e">
            <v>#N/A</v>
          </cell>
          <cell r="Y342" t="e">
            <v>#N/A</v>
          </cell>
          <cell r="AD342" t="e">
            <v>#VALUE!</v>
          </cell>
          <cell r="AH342" t="str">
            <v/>
          </cell>
          <cell r="AP342">
            <v>3</v>
          </cell>
          <cell r="BD342" t="e">
            <v>#N/A</v>
          </cell>
          <cell r="BF342" t="e">
            <v>#N/A</v>
          </cell>
          <cell r="BG342" t="e">
            <v>#DIV/0!</v>
          </cell>
          <cell r="BJ342">
            <v>0</v>
          </cell>
          <cell r="BK342">
            <v>0</v>
          </cell>
          <cell r="BL342" t="str">
            <v/>
          </cell>
          <cell r="BO342" t="str">
            <v/>
          </cell>
          <cell r="BP342" t="e">
            <v>#N/A</v>
          </cell>
          <cell r="BQ342" t="e">
            <v>#N/A</v>
          </cell>
          <cell r="BS342" t="e">
            <v>#N/A</v>
          </cell>
          <cell r="BT342" t="e">
            <v>#N/A</v>
          </cell>
        </row>
        <row r="343">
          <cell r="I343">
            <v>1</v>
          </cell>
          <cell r="J343" t="str">
            <v>式</v>
          </cell>
          <cell r="K343" t="str">
            <v/>
          </cell>
          <cell r="L343">
            <v>0</v>
          </cell>
          <cell r="M343" t="e">
            <v>#N/A</v>
          </cell>
          <cell r="V343" t="e">
            <v>#N/A</v>
          </cell>
          <cell r="W343" t="str">
            <v xml:space="preserve"> </v>
          </cell>
          <cell r="X343" t="e">
            <v>#N/A</v>
          </cell>
          <cell r="Y343" t="e">
            <v>#N/A</v>
          </cell>
          <cell r="AD343" t="e">
            <v>#VALUE!</v>
          </cell>
          <cell r="AH343" t="str">
            <v/>
          </cell>
          <cell r="AP343">
            <v>3</v>
          </cell>
          <cell r="BD343" t="e">
            <v>#N/A</v>
          </cell>
          <cell r="BF343" t="e">
            <v>#N/A</v>
          </cell>
          <cell r="BG343" t="e">
            <v>#DIV/0!</v>
          </cell>
          <cell r="BJ343">
            <v>0</v>
          </cell>
          <cell r="BK343">
            <v>0</v>
          </cell>
          <cell r="BL343" t="str">
            <v/>
          </cell>
          <cell r="BO343" t="str">
            <v/>
          </cell>
          <cell r="BP343" t="e">
            <v>#N/A</v>
          </cell>
          <cell r="BQ343" t="e">
            <v>#N/A</v>
          </cell>
          <cell r="BS343" t="e">
            <v>#N/A</v>
          </cell>
          <cell r="BT343" t="e">
            <v>#N/A</v>
          </cell>
        </row>
        <row r="344">
          <cell r="I344">
            <v>1</v>
          </cell>
          <cell r="J344" t="str">
            <v>式</v>
          </cell>
          <cell r="K344" t="str">
            <v/>
          </cell>
          <cell r="L344">
            <v>0</v>
          </cell>
          <cell r="M344" t="e">
            <v>#N/A</v>
          </cell>
          <cell r="V344" t="e">
            <v>#N/A</v>
          </cell>
          <cell r="W344" t="str">
            <v xml:space="preserve"> </v>
          </cell>
          <cell r="X344" t="e">
            <v>#N/A</v>
          </cell>
          <cell r="Y344" t="e">
            <v>#N/A</v>
          </cell>
          <cell r="AD344" t="e">
            <v>#VALUE!</v>
          </cell>
          <cell r="AH344" t="str">
            <v/>
          </cell>
          <cell r="AP344">
            <v>3</v>
          </cell>
          <cell r="BD344" t="e">
            <v>#N/A</v>
          </cell>
          <cell r="BF344" t="e">
            <v>#N/A</v>
          </cell>
          <cell r="BG344" t="e">
            <v>#DIV/0!</v>
          </cell>
          <cell r="BJ344">
            <v>0</v>
          </cell>
          <cell r="BK344">
            <v>0</v>
          </cell>
          <cell r="BL344" t="str">
            <v/>
          </cell>
          <cell r="BO344" t="str">
            <v/>
          </cell>
          <cell r="BP344" t="e">
            <v>#N/A</v>
          </cell>
          <cell r="BQ344" t="e">
            <v>#N/A</v>
          </cell>
          <cell r="BS344" t="e">
            <v>#N/A</v>
          </cell>
          <cell r="BT344" t="e">
            <v>#N/A</v>
          </cell>
        </row>
        <row r="345">
          <cell r="I345">
            <v>1</v>
          </cell>
          <cell r="J345" t="str">
            <v>式</v>
          </cell>
          <cell r="K345" t="str">
            <v/>
          </cell>
          <cell r="L345">
            <v>0</v>
          </cell>
          <cell r="M345" t="e">
            <v>#N/A</v>
          </cell>
          <cell r="V345" t="e">
            <v>#N/A</v>
          </cell>
          <cell r="W345" t="str">
            <v xml:space="preserve"> </v>
          </cell>
          <cell r="X345" t="e">
            <v>#N/A</v>
          </cell>
          <cell r="Y345" t="e">
            <v>#N/A</v>
          </cell>
          <cell r="AD345" t="e">
            <v>#VALUE!</v>
          </cell>
          <cell r="AH345" t="str">
            <v/>
          </cell>
          <cell r="AP345">
            <v>3</v>
          </cell>
          <cell r="BD345" t="e">
            <v>#N/A</v>
          </cell>
          <cell r="BF345" t="e">
            <v>#N/A</v>
          </cell>
          <cell r="BG345" t="e">
            <v>#DIV/0!</v>
          </cell>
          <cell r="BJ345">
            <v>0</v>
          </cell>
          <cell r="BK345">
            <v>0</v>
          </cell>
          <cell r="BL345" t="str">
            <v/>
          </cell>
          <cell r="BO345" t="str">
            <v/>
          </cell>
          <cell r="BP345" t="e">
            <v>#N/A</v>
          </cell>
          <cell r="BQ345" t="e">
            <v>#N/A</v>
          </cell>
          <cell r="BS345" t="e">
            <v>#N/A</v>
          </cell>
          <cell r="BT345" t="e">
            <v>#N/A</v>
          </cell>
        </row>
        <row r="346">
          <cell r="I346">
            <v>1</v>
          </cell>
          <cell r="J346" t="str">
            <v>式</v>
          </cell>
          <cell r="K346" t="str">
            <v/>
          </cell>
          <cell r="L346">
            <v>0</v>
          </cell>
          <cell r="M346" t="e">
            <v>#N/A</v>
          </cell>
          <cell r="V346" t="e">
            <v>#N/A</v>
          </cell>
          <cell r="W346" t="str">
            <v xml:space="preserve"> </v>
          </cell>
          <cell r="X346" t="e">
            <v>#N/A</v>
          </cell>
          <cell r="Y346" t="e">
            <v>#N/A</v>
          </cell>
          <cell r="AD346" t="e">
            <v>#VALUE!</v>
          </cell>
          <cell r="AH346" t="str">
            <v/>
          </cell>
          <cell r="AP346">
            <v>3</v>
          </cell>
          <cell r="BD346" t="e">
            <v>#N/A</v>
          </cell>
          <cell r="BF346" t="e">
            <v>#N/A</v>
          </cell>
          <cell r="BG346" t="e">
            <v>#DIV/0!</v>
          </cell>
          <cell r="BJ346">
            <v>0</v>
          </cell>
          <cell r="BK346">
            <v>0</v>
          </cell>
          <cell r="BL346" t="str">
            <v/>
          </cell>
          <cell r="BO346" t="str">
            <v/>
          </cell>
          <cell r="BP346" t="e">
            <v>#N/A</v>
          </cell>
          <cell r="BQ346" t="e">
            <v>#N/A</v>
          </cell>
          <cell r="BS346" t="e">
            <v>#N/A</v>
          </cell>
          <cell r="BT346" t="e">
            <v>#N/A</v>
          </cell>
        </row>
        <row r="347">
          <cell r="I347">
            <v>1</v>
          </cell>
          <cell r="J347" t="str">
            <v>式</v>
          </cell>
          <cell r="K347" t="str">
            <v/>
          </cell>
          <cell r="L347">
            <v>0</v>
          </cell>
          <cell r="M347" t="e">
            <v>#N/A</v>
          </cell>
          <cell r="V347" t="e">
            <v>#N/A</v>
          </cell>
          <cell r="W347" t="str">
            <v xml:space="preserve"> </v>
          </cell>
          <cell r="X347" t="e">
            <v>#N/A</v>
          </cell>
          <cell r="Y347" t="e">
            <v>#N/A</v>
          </cell>
          <cell r="AD347" t="e">
            <v>#VALUE!</v>
          </cell>
          <cell r="AH347" t="str">
            <v/>
          </cell>
          <cell r="AP347">
            <v>3</v>
          </cell>
          <cell r="BD347" t="e">
            <v>#N/A</v>
          </cell>
          <cell r="BF347" t="e">
            <v>#N/A</v>
          </cell>
          <cell r="BG347" t="e">
            <v>#DIV/0!</v>
          </cell>
          <cell r="BJ347">
            <v>0</v>
          </cell>
          <cell r="BK347">
            <v>0</v>
          </cell>
          <cell r="BL347" t="str">
            <v/>
          </cell>
          <cell r="BO347" t="str">
            <v/>
          </cell>
          <cell r="BP347" t="e">
            <v>#N/A</v>
          </cell>
          <cell r="BQ347" t="e">
            <v>#N/A</v>
          </cell>
          <cell r="BS347" t="e">
            <v>#N/A</v>
          </cell>
          <cell r="BT347" t="e">
            <v>#N/A</v>
          </cell>
        </row>
        <row r="348">
          <cell r="I348">
            <v>1</v>
          </cell>
          <cell r="J348" t="str">
            <v>式</v>
          </cell>
          <cell r="K348" t="str">
            <v/>
          </cell>
          <cell r="L348">
            <v>0</v>
          </cell>
          <cell r="M348" t="e">
            <v>#N/A</v>
          </cell>
          <cell r="V348" t="e">
            <v>#N/A</v>
          </cell>
          <cell r="W348" t="str">
            <v xml:space="preserve"> </v>
          </cell>
          <cell r="X348" t="e">
            <v>#N/A</v>
          </cell>
          <cell r="Y348" t="e">
            <v>#N/A</v>
          </cell>
          <cell r="AD348" t="e">
            <v>#VALUE!</v>
          </cell>
          <cell r="AH348" t="str">
            <v/>
          </cell>
          <cell r="AP348">
            <v>3</v>
          </cell>
          <cell r="BD348" t="e">
            <v>#N/A</v>
          </cell>
          <cell r="BF348" t="e">
            <v>#N/A</v>
          </cell>
          <cell r="BG348" t="e">
            <v>#DIV/0!</v>
          </cell>
          <cell r="BJ348">
            <v>0</v>
          </cell>
          <cell r="BK348">
            <v>0</v>
          </cell>
          <cell r="BL348" t="str">
            <v/>
          </cell>
          <cell r="BO348" t="str">
            <v/>
          </cell>
          <cell r="BP348" t="e">
            <v>#N/A</v>
          </cell>
          <cell r="BQ348" t="e">
            <v>#N/A</v>
          </cell>
          <cell r="BS348" t="e">
            <v>#N/A</v>
          </cell>
          <cell r="BT348" t="e">
            <v>#N/A</v>
          </cell>
        </row>
        <row r="349">
          <cell r="I349">
            <v>1</v>
          </cell>
          <cell r="J349" t="str">
            <v>式</v>
          </cell>
          <cell r="K349" t="str">
            <v/>
          </cell>
          <cell r="L349">
            <v>0</v>
          </cell>
          <cell r="M349" t="e">
            <v>#N/A</v>
          </cell>
          <cell r="V349" t="e">
            <v>#N/A</v>
          </cell>
          <cell r="W349" t="str">
            <v xml:space="preserve"> </v>
          </cell>
          <cell r="X349" t="e">
            <v>#N/A</v>
          </cell>
          <cell r="Y349" t="e">
            <v>#N/A</v>
          </cell>
          <cell r="AD349" t="e">
            <v>#VALUE!</v>
          </cell>
          <cell r="AH349" t="str">
            <v/>
          </cell>
          <cell r="AP349">
            <v>3</v>
          </cell>
          <cell r="BD349" t="e">
            <v>#N/A</v>
          </cell>
          <cell r="BF349" t="e">
            <v>#N/A</v>
          </cell>
          <cell r="BG349" t="e">
            <v>#DIV/0!</v>
          </cell>
          <cell r="BJ349">
            <v>0</v>
          </cell>
          <cell r="BK349">
            <v>0</v>
          </cell>
          <cell r="BL349" t="str">
            <v/>
          </cell>
          <cell r="BO349" t="str">
            <v/>
          </cell>
          <cell r="BP349" t="e">
            <v>#N/A</v>
          </cell>
          <cell r="BQ349" t="e">
            <v>#N/A</v>
          </cell>
          <cell r="BS349" t="e">
            <v>#N/A</v>
          </cell>
          <cell r="BT349" t="e">
            <v>#N/A</v>
          </cell>
        </row>
        <row r="350">
          <cell r="I350">
            <v>1</v>
          </cell>
          <cell r="J350" t="str">
            <v>式</v>
          </cell>
          <cell r="K350" t="str">
            <v/>
          </cell>
          <cell r="L350">
            <v>0</v>
          </cell>
          <cell r="M350" t="e">
            <v>#N/A</v>
          </cell>
          <cell r="V350" t="e">
            <v>#N/A</v>
          </cell>
          <cell r="W350" t="str">
            <v xml:space="preserve"> </v>
          </cell>
          <cell r="X350" t="e">
            <v>#N/A</v>
          </cell>
          <cell r="Y350" t="e">
            <v>#N/A</v>
          </cell>
          <cell r="AD350" t="e">
            <v>#VALUE!</v>
          </cell>
          <cell r="AH350" t="str">
            <v/>
          </cell>
          <cell r="AP350">
            <v>3</v>
          </cell>
          <cell r="BD350" t="e">
            <v>#N/A</v>
          </cell>
          <cell r="BF350" t="e">
            <v>#N/A</v>
          </cell>
          <cell r="BG350" t="e">
            <v>#DIV/0!</v>
          </cell>
          <cell r="BJ350">
            <v>0</v>
          </cell>
          <cell r="BK350">
            <v>0</v>
          </cell>
          <cell r="BL350" t="str">
            <v/>
          </cell>
          <cell r="BO350" t="str">
            <v/>
          </cell>
          <cell r="BP350" t="e">
            <v>#N/A</v>
          </cell>
          <cell r="BQ350" t="e">
            <v>#N/A</v>
          </cell>
          <cell r="BS350" t="e">
            <v>#N/A</v>
          </cell>
          <cell r="BT350" t="e">
            <v>#N/A</v>
          </cell>
        </row>
        <row r="351">
          <cell r="I351">
            <v>1</v>
          </cell>
          <cell r="J351" t="str">
            <v>式</v>
          </cell>
          <cell r="K351" t="str">
            <v/>
          </cell>
          <cell r="L351">
            <v>0</v>
          </cell>
          <cell r="M351" t="e">
            <v>#N/A</v>
          </cell>
          <cell r="V351" t="e">
            <v>#N/A</v>
          </cell>
          <cell r="W351" t="str">
            <v xml:space="preserve"> </v>
          </cell>
          <cell r="X351" t="e">
            <v>#N/A</v>
          </cell>
          <cell r="Y351" t="e">
            <v>#N/A</v>
          </cell>
          <cell r="AD351" t="e">
            <v>#VALUE!</v>
          </cell>
          <cell r="AH351" t="str">
            <v/>
          </cell>
          <cell r="AP351">
            <v>3</v>
          </cell>
          <cell r="BD351" t="e">
            <v>#N/A</v>
          </cell>
          <cell r="BF351" t="e">
            <v>#N/A</v>
          </cell>
          <cell r="BG351" t="e">
            <v>#DIV/0!</v>
          </cell>
          <cell r="BJ351">
            <v>0</v>
          </cell>
          <cell r="BK351">
            <v>0</v>
          </cell>
          <cell r="BL351" t="str">
            <v/>
          </cell>
          <cell r="BO351" t="str">
            <v/>
          </cell>
          <cell r="BP351" t="e">
            <v>#N/A</v>
          </cell>
          <cell r="BQ351" t="e">
            <v>#N/A</v>
          </cell>
          <cell r="BS351" t="e">
            <v>#N/A</v>
          </cell>
          <cell r="BT351" t="e">
            <v>#N/A</v>
          </cell>
        </row>
        <row r="352">
          <cell r="I352">
            <v>1</v>
          </cell>
          <cell r="J352" t="str">
            <v>式</v>
          </cell>
          <cell r="K352" t="str">
            <v/>
          </cell>
          <cell r="L352">
            <v>0</v>
          </cell>
          <cell r="M352" t="e">
            <v>#N/A</v>
          </cell>
          <cell r="V352" t="e">
            <v>#N/A</v>
          </cell>
          <cell r="W352" t="str">
            <v xml:space="preserve"> </v>
          </cell>
          <cell r="X352" t="e">
            <v>#N/A</v>
          </cell>
          <cell r="Y352" t="e">
            <v>#N/A</v>
          </cell>
          <cell r="AD352" t="e">
            <v>#VALUE!</v>
          </cell>
          <cell r="AH352" t="str">
            <v/>
          </cell>
          <cell r="AP352">
            <v>3</v>
          </cell>
          <cell r="BD352" t="e">
            <v>#N/A</v>
          </cell>
          <cell r="BF352" t="e">
            <v>#N/A</v>
          </cell>
          <cell r="BG352" t="e">
            <v>#DIV/0!</v>
          </cell>
          <cell r="BJ352">
            <v>0</v>
          </cell>
          <cell r="BK352">
            <v>0</v>
          </cell>
          <cell r="BL352" t="str">
            <v/>
          </cell>
          <cell r="BO352" t="str">
            <v/>
          </cell>
          <cell r="BP352" t="e">
            <v>#N/A</v>
          </cell>
          <cell r="BQ352" t="e">
            <v>#N/A</v>
          </cell>
          <cell r="BS352" t="e">
            <v>#N/A</v>
          </cell>
          <cell r="BT352" t="e">
            <v>#N/A</v>
          </cell>
        </row>
        <row r="353">
          <cell r="I353">
            <v>1</v>
          </cell>
          <cell r="J353" t="str">
            <v>式</v>
          </cell>
          <cell r="K353" t="str">
            <v/>
          </cell>
          <cell r="L353">
            <v>0</v>
          </cell>
          <cell r="M353" t="e">
            <v>#N/A</v>
          </cell>
          <cell r="V353" t="e">
            <v>#N/A</v>
          </cell>
          <cell r="W353" t="str">
            <v xml:space="preserve"> </v>
          </cell>
          <cell r="X353" t="e">
            <v>#N/A</v>
          </cell>
          <cell r="Y353" t="e">
            <v>#N/A</v>
          </cell>
          <cell r="AD353" t="e">
            <v>#VALUE!</v>
          </cell>
          <cell r="AH353" t="str">
            <v/>
          </cell>
          <cell r="AP353">
            <v>3</v>
          </cell>
          <cell r="BD353" t="e">
            <v>#N/A</v>
          </cell>
          <cell r="BF353" t="e">
            <v>#N/A</v>
          </cell>
          <cell r="BG353" t="e">
            <v>#DIV/0!</v>
          </cell>
          <cell r="BJ353">
            <v>0</v>
          </cell>
          <cell r="BK353">
            <v>0</v>
          </cell>
          <cell r="BL353" t="str">
            <v/>
          </cell>
          <cell r="BO353" t="str">
            <v/>
          </cell>
          <cell r="BP353" t="e">
            <v>#N/A</v>
          </cell>
          <cell r="BQ353" t="e">
            <v>#N/A</v>
          </cell>
          <cell r="BS353" t="e">
            <v>#N/A</v>
          </cell>
          <cell r="BT353" t="e">
            <v>#N/A</v>
          </cell>
        </row>
        <row r="354">
          <cell r="I354">
            <v>1</v>
          </cell>
          <cell r="J354" t="str">
            <v>式</v>
          </cell>
          <cell r="K354" t="str">
            <v/>
          </cell>
          <cell r="L354">
            <v>0</v>
          </cell>
          <cell r="M354" t="e">
            <v>#N/A</v>
          </cell>
          <cell r="V354" t="e">
            <v>#N/A</v>
          </cell>
          <cell r="W354" t="str">
            <v xml:space="preserve"> </v>
          </cell>
          <cell r="X354" t="e">
            <v>#N/A</v>
          </cell>
          <cell r="Y354" t="e">
            <v>#N/A</v>
          </cell>
          <cell r="AD354" t="e">
            <v>#VALUE!</v>
          </cell>
          <cell r="AH354" t="str">
            <v/>
          </cell>
          <cell r="AP354">
            <v>3</v>
          </cell>
          <cell r="BD354" t="e">
            <v>#N/A</v>
          </cell>
          <cell r="BF354" t="e">
            <v>#N/A</v>
          </cell>
          <cell r="BG354" t="e">
            <v>#DIV/0!</v>
          </cell>
          <cell r="BJ354">
            <v>0</v>
          </cell>
          <cell r="BK354">
            <v>0</v>
          </cell>
          <cell r="BL354" t="str">
            <v/>
          </cell>
          <cell r="BO354" t="str">
            <v/>
          </cell>
          <cell r="BP354" t="e">
            <v>#N/A</v>
          </cell>
          <cell r="BQ354" t="e">
            <v>#N/A</v>
          </cell>
          <cell r="BS354" t="e">
            <v>#N/A</v>
          </cell>
          <cell r="BT354" t="e">
            <v>#N/A</v>
          </cell>
        </row>
        <row r="355">
          <cell r="I355">
            <v>1</v>
          </cell>
          <cell r="J355" t="str">
            <v>式</v>
          </cell>
          <cell r="K355" t="str">
            <v/>
          </cell>
          <cell r="L355">
            <v>0</v>
          </cell>
          <cell r="M355" t="e">
            <v>#N/A</v>
          </cell>
          <cell r="V355" t="e">
            <v>#N/A</v>
          </cell>
          <cell r="W355" t="str">
            <v xml:space="preserve"> </v>
          </cell>
          <cell r="X355" t="e">
            <v>#N/A</v>
          </cell>
          <cell r="Y355" t="e">
            <v>#N/A</v>
          </cell>
          <cell r="AD355" t="e">
            <v>#VALUE!</v>
          </cell>
          <cell r="AH355" t="str">
            <v/>
          </cell>
          <cell r="AP355">
            <v>3</v>
          </cell>
          <cell r="BD355" t="e">
            <v>#N/A</v>
          </cell>
          <cell r="BF355" t="e">
            <v>#N/A</v>
          </cell>
          <cell r="BG355" t="e">
            <v>#DIV/0!</v>
          </cell>
          <cell r="BJ355">
            <v>0</v>
          </cell>
          <cell r="BK355">
            <v>0</v>
          </cell>
          <cell r="BL355" t="str">
            <v/>
          </cell>
          <cell r="BO355" t="str">
            <v/>
          </cell>
          <cell r="BP355" t="e">
            <v>#N/A</v>
          </cell>
          <cell r="BQ355" t="e">
            <v>#N/A</v>
          </cell>
          <cell r="BS355" t="e">
            <v>#N/A</v>
          </cell>
          <cell r="BT355" t="e">
            <v>#N/A</v>
          </cell>
        </row>
        <row r="356">
          <cell r="I356">
            <v>1</v>
          </cell>
          <cell r="J356" t="str">
            <v>式</v>
          </cell>
          <cell r="K356" t="str">
            <v/>
          </cell>
          <cell r="L356">
            <v>0</v>
          </cell>
          <cell r="M356" t="e">
            <v>#N/A</v>
          </cell>
          <cell r="V356" t="e">
            <v>#N/A</v>
          </cell>
          <cell r="W356" t="str">
            <v xml:space="preserve"> </v>
          </cell>
          <cell r="X356" t="e">
            <v>#N/A</v>
          </cell>
          <cell r="Y356" t="e">
            <v>#N/A</v>
          </cell>
          <cell r="AD356" t="e">
            <v>#VALUE!</v>
          </cell>
          <cell r="AH356" t="str">
            <v/>
          </cell>
          <cell r="AP356">
            <v>3</v>
          </cell>
          <cell r="BD356" t="e">
            <v>#N/A</v>
          </cell>
          <cell r="BF356" t="e">
            <v>#N/A</v>
          </cell>
          <cell r="BG356" t="e">
            <v>#DIV/0!</v>
          </cell>
          <cell r="BJ356">
            <v>0</v>
          </cell>
          <cell r="BK356">
            <v>0</v>
          </cell>
          <cell r="BL356" t="str">
            <v/>
          </cell>
          <cell r="BO356" t="str">
            <v/>
          </cell>
          <cell r="BP356" t="e">
            <v>#N/A</v>
          </cell>
          <cell r="BQ356" t="e">
            <v>#N/A</v>
          </cell>
          <cell r="BS356" t="e">
            <v>#N/A</v>
          </cell>
          <cell r="BT356" t="e">
            <v>#N/A</v>
          </cell>
        </row>
        <row r="357">
          <cell r="I357">
            <v>1</v>
          </cell>
          <cell r="J357" t="str">
            <v>式</v>
          </cell>
          <cell r="K357" t="str">
            <v/>
          </cell>
          <cell r="L357">
            <v>0</v>
          </cell>
          <cell r="M357" t="e">
            <v>#N/A</v>
          </cell>
          <cell r="V357" t="e">
            <v>#N/A</v>
          </cell>
          <cell r="W357" t="str">
            <v xml:space="preserve"> </v>
          </cell>
          <cell r="X357" t="e">
            <v>#N/A</v>
          </cell>
          <cell r="Y357" t="e">
            <v>#N/A</v>
          </cell>
          <cell r="AD357" t="e">
            <v>#VALUE!</v>
          </cell>
          <cell r="AH357" t="str">
            <v/>
          </cell>
          <cell r="AP357">
            <v>3</v>
          </cell>
          <cell r="BD357" t="e">
            <v>#N/A</v>
          </cell>
          <cell r="BF357" t="e">
            <v>#N/A</v>
          </cell>
          <cell r="BG357" t="e">
            <v>#DIV/0!</v>
          </cell>
          <cell r="BJ357">
            <v>0</v>
          </cell>
          <cell r="BK357">
            <v>0</v>
          </cell>
          <cell r="BL357" t="str">
            <v/>
          </cell>
          <cell r="BO357" t="str">
            <v/>
          </cell>
          <cell r="BP357" t="e">
            <v>#N/A</v>
          </cell>
          <cell r="BQ357" t="e">
            <v>#N/A</v>
          </cell>
          <cell r="BS357" t="e">
            <v>#N/A</v>
          </cell>
          <cell r="BT357" t="e">
            <v>#N/A</v>
          </cell>
        </row>
        <row r="358">
          <cell r="I358">
            <v>1</v>
          </cell>
          <cell r="J358" t="str">
            <v>式</v>
          </cell>
          <cell r="K358" t="str">
            <v/>
          </cell>
          <cell r="L358">
            <v>0</v>
          </cell>
          <cell r="M358" t="e">
            <v>#N/A</v>
          </cell>
          <cell r="V358" t="e">
            <v>#N/A</v>
          </cell>
          <cell r="W358" t="str">
            <v xml:space="preserve"> </v>
          </cell>
          <cell r="X358" t="e">
            <v>#N/A</v>
          </cell>
          <cell r="Y358" t="e">
            <v>#N/A</v>
          </cell>
          <cell r="AD358" t="e">
            <v>#VALUE!</v>
          </cell>
          <cell r="AH358" t="str">
            <v/>
          </cell>
          <cell r="AP358">
            <v>3</v>
          </cell>
          <cell r="BD358" t="e">
            <v>#N/A</v>
          </cell>
          <cell r="BF358" t="e">
            <v>#N/A</v>
          </cell>
          <cell r="BG358" t="e">
            <v>#DIV/0!</v>
          </cell>
          <cell r="BJ358">
            <v>0</v>
          </cell>
          <cell r="BK358">
            <v>0</v>
          </cell>
          <cell r="BL358" t="str">
            <v/>
          </cell>
          <cell r="BO358" t="str">
            <v/>
          </cell>
          <cell r="BP358" t="e">
            <v>#N/A</v>
          </cell>
          <cell r="BQ358" t="e">
            <v>#N/A</v>
          </cell>
          <cell r="BS358" t="e">
            <v>#N/A</v>
          </cell>
          <cell r="BT358" t="e">
            <v>#N/A</v>
          </cell>
        </row>
        <row r="359">
          <cell r="I359">
            <v>1</v>
          </cell>
          <cell r="J359" t="str">
            <v>式</v>
          </cell>
          <cell r="K359" t="str">
            <v/>
          </cell>
          <cell r="L359">
            <v>0</v>
          </cell>
          <cell r="M359" t="e">
            <v>#N/A</v>
          </cell>
          <cell r="V359" t="e">
            <v>#N/A</v>
          </cell>
          <cell r="W359" t="str">
            <v xml:space="preserve"> </v>
          </cell>
          <cell r="X359" t="e">
            <v>#N/A</v>
          </cell>
          <cell r="Y359" t="e">
            <v>#N/A</v>
          </cell>
          <cell r="AD359" t="e">
            <v>#VALUE!</v>
          </cell>
          <cell r="AH359" t="str">
            <v/>
          </cell>
          <cell r="AP359">
            <v>3</v>
          </cell>
          <cell r="BD359" t="e">
            <v>#N/A</v>
          </cell>
          <cell r="BF359" t="e">
            <v>#N/A</v>
          </cell>
          <cell r="BG359" t="e">
            <v>#DIV/0!</v>
          </cell>
          <cell r="BJ359">
            <v>0</v>
          </cell>
          <cell r="BK359">
            <v>0</v>
          </cell>
          <cell r="BL359" t="str">
            <v/>
          </cell>
          <cell r="BO359" t="str">
            <v/>
          </cell>
          <cell r="BP359" t="e">
            <v>#N/A</v>
          </cell>
          <cell r="BQ359" t="e">
            <v>#N/A</v>
          </cell>
          <cell r="BS359" t="e">
            <v>#N/A</v>
          </cell>
          <cell r="BT359" t="e">
            <v>#N/A</v>
          </cell>
        </row>
        <row r="360">
          <cell r="I360">
            <v>1</v>
          </cell>
          <cell r="J360" t="str">
            <v>式</v>
          </cell>
          <cell r="K360" t="str">
            <v/>
          </cell>
          <cell r="L360">
            <v>0</v>
          </cell>
          <cell r="M360" t="e">
            <v>#N/A</v>
          </cell>
          <cell r="V360" t="e">
            <v>#N/A</v>
          </cell>
          <cell r="W360" t="str">
            <v xml:space="preserve"> </v>
          </cell>
          <cell r="X360" t="e">
            <v>#N/A</v>
          </cell>
          <cell r="Y360" t="e">
            <v>#N/A</v>
          </cell>
          <cell r="AD360" t="e">
            <v>#VALUE!</v>
          </cell>
          <cell r="AH360" t="str">
            <v/>
          </cell>
          <cell r="AP360">
            <v>3</v>
          </cell>
          <cell r="BD360" t="e">
            <v>#N/A</v>
          </cell>
          <cell r="BF360" t="e">
            <v>#N/A</v>
          </cell>
          <cell r="BG360" t="e">
            <v>#DIV/0!</v>
          </cell>
          <cell r="BJ360">
            <v>0</v>
          </cell>
          <cell r="BK360">
            <v>0</v>
          </cell>
          <cell r="BL360" t="str">
            <v/>
          </cell>
          <cell r="BO360" t="str">
            <v/>
          </cell>
          <cell r="BP360" t="e">
            <v>#N/A</v>
          </cell>
          <cell r="BQ360" t="e">
            <v>#N/A</v>
          </cell>
          <cell r="BS360" t="e">
            <v>#N/A</v>
          </cell>
          <cell r="BT360" t="e">
            <v>#N/A</v>
          </cell>
        </row>
        <row r="361">
          <cell r="I361">
            <v>1</v>
          </cell>
          <cell r="J361" t="str">
            <v>式</v>
          </cell>
          <cell r="K361" t="str">
            <v/>
          </cell>
          <cell r="L361">
            <v>0</v>
          </cell>
          <cell r="M361" t="e">
            <v>#N/A</v>
          </cell>
          <cell r="V361" t="e">
            <v>#N/A</v>
          </cell>
          <cell r="W361" t="str">
            <v xml:space="preserve"> </v>
          </cell>
          <cell r="X361" t="e">
            <v>#N/A</v>
          </cell>
          <cell r="Y361" t="e">
            <v>#N/A</v>
          </cell>
          <cell r="AD361" t="e">
            <v>#VALUE!</v>
          </cell>
          <cell r="AH361" t="str">
            <v/>
          </cell>
          <cell r="AP361">
            <v>3</v>
          </cell>
          <cell r="BD361" t="e">
            <v>#N/A</v>
          </cell>
          <cell r="BF361" t="e">
            <v>#N/A</v>
          </cell>
          <cell r="BG361" t="e">
            <v>#DIV/0!</v>
          </cell>
          <cell r="BJ361">
            <v>0</v>
          </cell>
          <cell r="BK361">
            <v>0</v>
          </cell>
          <cell r="BL361" t="str">
            <v/>
          </cell>
          <cell r="BO361" t="str">
            <v/>
          </cell>
          <cell r="BP361" t="e">
            <v>#N/A</v>
          </cell>
          <cell r="BQ361" t="e">
            <v>#N/A</v>
          </cell>
          <cell r="BS361" t="e">
            <v>#N/A</v>
          </cell>
          <cell r="BT361" t="e">
            <v>#N/A</v>
          </cell>
        </row>
        <row r="362">
          <cell r="I362">
            <v>1</v>
          </cell>
          <cell r="J362" t="str">
            <v>式</v>
          </cell>
          <cell r="K362" t="str">
            <v/>
          </cell>
          <cell r="L362">
            <v>0</v>
          </cell>
          <cell r="M362" t="e">
            <v>#N/A</v>
          </cell>
          <cell r="V362" t="e">
            <v>#N/A</v>
          </cell>
          <cell r="W362" t="str">
            <v xml:space="preserve"> </v>
          </cell>
          <cell r="X362" t="e">
            <v>#N/A</v>
          </cell>
          <cell r="Y362" t="e">
            <v>#N/A</v>
          </cell>
          <cell r="AD362" t="e">
            <v>#VALUE!</v>
          </cell>
          <cell r="AH362" t="str">
            <v/>
          </cell>
          <cell r="AP362">
            <v>3</v>
          </cell>
          <cell r="BD362" t="e">
            <v>#N/A</v>
          </cell>
          <cell r="BF362" t="e">
            <v>#N/A</v>
          </cell>
          <cell r="BG362" t="e">
            <v>#DIV/0!</v>
          </cell>
          <cell r="BJ362">
            <v>0</v>
          </cell>
          <cell r="BK362">
            <v>0</v>
          </cell>
          <cell r="BL362" t="str">
            <v/>
          </cell>
          <cell r="BO362" t="str">
            <v/>
          </cell>
          <cell r="BP362" t="e">
            <v>#N/A</v>
          </cell>
          <cell r="BQ362" t="e">
            <v>#N/A</v>
          </cell>
          <cell r="BS362" t="e">
            <v>#N/A</v>
          </cell>
          <cell r="BT362" t="e">
            <v>#N/A</v>
          </cell>
        </row>
        <row r="363">
          <cell r="I363">
            <v>1</v>
          </cell>
          <cell r="J363" t="str">
            <v>式</v>
          </cell>
          <cell r="K363" t="str">
            <v/>
          </cell>
          <cell r="L363">
            <v>0</v>
          </cell>
          <cell r="M363" t="e">
            <v>#N/A</v>
          </cell>
          <cell r="V363" t="e">
            <v>#N/A</v>
          </cell>
          <cell r="W363" t="str">
            <v xml:space="preserve"> </v>
          </cell>
          <cell r="X363" t="e">
            <v>#N/A</v>
          </cell>
          <cell r="Y363" t="e">
            <v>#N/A</v>
          </cell>
          <cell r="AD363" t="e">
            <v>#VALUE!</v>
          </cell>
          <cell r="AH363" t="str">
            <v/>
          </cell>
          <cell r="AP363">
            <v>3</v>
          </cell>
          <cell r="BD363" t="e">
            <v>#N/A</v>
          </cell>
          <cell r="BF363" t="e">
            <v>#N/A</v>
          </cell>
          <cell r="BG363" t="e">
            <v>#DIV/0!</v>
          </cell>
          <cell r="BJ363">
            <v>0</v>
          </cell>
          <cell r="BK363">
            <v>0</v>
          </cell>
          <cell r="BL363" t="str">
            <v/>
          </cell>
          <cell r="BO363" t="str">
            <v/>
          </cell>
          <cell r="BP363" t="e">
            <v>#N/A</v>
          </cell>
          <cell r="BQ363" t="e">
            <v>#N/A</v>
          </cell>
          <cell r="BS363" t="e">
            <v>#N/A</v>
          </cell>
          <cell r="BT363" t="e">
            <v>#N/A</v>
          </cell>
        </row>
        <row r="364">
          <cell r="I364">
            <v>1</v>
          </cell>
          <cell r="J364" t="str">
            <v>式</v>
          </cell>
          <cell r="K364" t="str">
            <v/>
          </cell>
          <cell r="L364">
            <v>0</v>
          </cell>
          <cell r="M364" t="e">
            <v>#N/A</v>
          </cell>
          <cell r="V364" t="e">
            <v>#N/A</v>
          </cell>
          <cell r="W364" t="str">
            <v xml:space="preserve"> </v>
          </cell>
          <cell r="X364" t="e">
            <v>#N/A</v>
          </cell>
          <cell r="Y364" t="e">
            <v>#N/A</v>
          </cell>
          <cell r="AD364" t="e">
            <v>#VALUE!</v>
          </cell>
          <cell r="AH364" t="str">
            <v/>
          </cell>
          <cell r="AP364">
            <v>3</v>
          </cell>
          <cell r="BD364" t="e">
            <v>#N/A</v>
          </cell>
          <cell r="BF364" t="e">
            <v>#N/A</v>
          </cell>
          <cell r="BG364" t="e">
            <v>#DIV/0!</v>
          </cell>
          <cell r="BJ364">
            <v>0</v>
          </cell>
          <cell r="BK364">
            <v>0</v>
          </cell>
          <cell r="BL364" t="str">
            <v/>
          </cell>
          <cell r="BO364" t="str">
            <v/>
          </cell>
          <cell r="BP364" t="e">
            <v>#N/A</v>
          </cell>
          <cell r="BQ364" t="e">
            <v>#N/A</v>
          </cell>
          <cell r="BS364" t="e">
            <v>#N/A</v>
          </cell>
          <cell r="BT364" t="e">
            <v>#N/A</v>
          </cell>
        </row>
        <row r="365">
          <cell r="I365">
            <v>1</v>
          </cell>
          <cell r="J365" t="str">
            <v>式</v>
          </cell>
          <cell r="K365" t="str">
            <v/>
          </cell>
          <cell r="L365">
            <v>0</v>
          </cell>
          <cell r="M365" t="e">
            <v>#N/A</v>
          </cell>
          <cell r="V365" t="e">
            <v>#N/A</v>
          </cell>
          <cell r="W365" t="str">
            <v xml:space="preserve"> </v>
          </cell>
          <cell r="X365" t="e">
            <v>#N/A</v>
          </cell>
          <cell r="Y365" t="e">
            <v>#N/A</v>
          </cell>
          <cell r="AD365" t="e">
            <v>#VALUE!</v>
          </cell>
          <cell r="AH365" t="str">
            <v/>
          </cell>
          <cell r="AP365">
            <v>3</v>
          </cell>
          <cell r="BD365" t="e">
            <v>#N/A</v>
          </cell>
          <cell r="BF365" t="e">
            <v>#N/A</v>
          </cell>
          <cell r="BG365" t="e">
            <v>#DIV/0!</v>
          </cell>
          <cell r="BJ365">
            <v>0</v>
          </cell>
          <cell r="BK365">
            <v>0</v>
          </cell>
          <cell r="BL365" t="str">
            <v/>
          </cell>
          <cell r="BO365" t="str">
            <v/>
          </cell>
          <cell r="BP365" t="e">
            <v>#N/A</v>
          </cell>
          <cell r="BQ365" t="e">
            <v>#N/A</v>
          </cell>
          <cell r="BS365" t="e">
            <v>#N/A</v>
          </cell>
          <cell r="BT365" t="e">
            <v>#N/A</v>
          </cell>
        </row>
        <row r="366">
          <cell r="I366">
            <v>1</v>
          </cell>
          <cell r="J366" t="str">
            <v>式</v>
          </cell>
          <cell r="K366" t="str">
            <v/>
          </cell>
          <cell r="L366">
            <v>0</v>
          </cell>
          <cell r="M366" t="e">
            <v>#N/A</v>
          </cell>
          <cell r="V366" t="e">
            <v>#N/A</v>
          </cell>
          <cell r="W366" t="str">
            <v xml:space="preserve"> </v>
          </cell>
          <cell r="X366" t="e">
            <v>#N/A</v>
          </cell>
          <cell r="Y366" t="e">
            <v>#N/A</v>
          </cell>
          <cell r="AD366" t="e">
            <v>#VALUE!</v>
          </cell>
          <cell r="AH366" t="str">
            <v/>
          </cell>
          <cell r="AP366">
            <v>3</v>
          </cell>
          <cell r="BD366" t="e">
            <v>#N/A</v>
          </cell>
          <cell r="BF366" t="e">
            <v>#N/A</v>
          </cell>
          <cell r="BG366" t="e">
            <v>#DIV/0!</v>
          </cell>
          <cell r="BJ366">
            <v>0</v>
          </cell>
          <cell r="BK366">
            <v>0</v>
          </cell>
          <cell r="BL366" t="str">
            <v/>
          </cell>
          <cell r="BO366" t="str">
            <v/>
          </cell>
          <cell r="BP366" t="e">
            <v>#N/A</v>
          </cell>
          <cell r="BQ366" t="e">
            <v>#N/A</v>
          </cell>
          <cell r="BS366" t="e">
            <v>#N/A</v>
          </cell>
          <cell r="BT366" t="e">
            <v>#N/A</v>
          </cell>
        </row>
        <row r="367">
          <cell r="I367">
            <v>1</v>
          </cell>
          <cell r="J367" t="str">
            <v>式</v>
          </cell>
          <cell r="K367" t="str">
            <v/>
          </cell>
          <cell r="L367">
            <v>0</v>
          </cell>
          <cell r="M367" t="e">
            <v>#N/A</v>
          </cell>
          <cell r="V367" t="e">
            <v>#N/A</v>
          </cell>
          <cell r="W367" t="str">
            <v xml:space="preserve"> </v>
          </cell>
          <cell r="X367" t="e">
            <v>#N/A</v>
          </cell>
          <cell r="Y367" t="e">
            <v>#N/A</v>
          </cell>
          <cell r="AD367" t="e">
            <v>#VALUE!</v>
          </cell>
          <cell r="AH367" t="str">
            <v/>
          </cell>
          <cell r="AP367">
            <v>3</v>
          </cell>
          <cell r="BD367" t="e">
            <v>#N/A</v>
          </cell>
          <cell r="BF367" t="e">
            <v>#N/A</v>
          </cell>
          <cell r="BG367" t="e">
            <v>#DIV/0!</v>
          </cell>
          <cell r="BJ367">
            <v>0</v>
          </cell>
          <cell r="BK367">
            <v>0</v>
          </cell>
          <cell r="BL367" t="str">
            <v/>
          </cell>
          <cell r="BO367" t="str">
            <v/>
          </cell>
          <cell r="BP367" t="e">
            <v>#N/A</v>
          </cell>
          <cell r="BQ367" t="e">
            <v>#N/A</v>
          </cell>
          <cell r="BS367" t="e">
            <v>#N/A</v>
          </cell>
          <cell r="BT367" t="e">
            <v>#N/A</v>
          </cell>
        </row>
        <row r="368">
          <cell r="I368">
            <v>1</v>
          </cell>
          <cell r="J368" t="str">
            <v>式</v>
          </cell>
          <cell r="K368" t="str">
            <v/>
          </cell>
          <cell r="L368">
            <v>0</v>
          </cell>
          <cell r="M368" t="e">
            <v>#N/A</v>
          </cell>
          <cell r="V368" t="e">
            <v>#N/A</v>
          </cell>
          <cell r="W368" t="str">
            <v xml:space="preserve"> </v>
          </cell>
          <cell r="X368" t="e">
            <v>#N/A</v>
          </cell>
          <cell r="Y368" t="e">
            <v>#N/A</v>
          </cell>
          <cell r="AD368" t="e">
            <v>#VALUE!</v>
          </cell>
          <cell r="AH368" t="str">
            <v/>
          </cell>
          <cell r="AP368">
            <v>3</v>
          </cell>
          <cell r="BD368" t="e">
            <v>#N/A</v>
          </cell>
          <cell r="BF368" t="e">
            <v>#N/A</v>
          </cell>
          <cell r="BG368" t="e">
            <v>#DIV/0!</v>
          </cell>
          <cell r="BJ368">
            <v>0</v>
          </cell>
          <cell r="BK368">
            <v>0</v>
          </cell>
          <cell r="BL368" t="str">
            <v/>
          </cell>
          <cell r="BO368" t="str">
            <v/>
          </cell>
          <cell r="BP368" t="e">
            <v>#N/A</v>
          </cell>
          <cell r="BQ368" t="e">
            <v>#N/A</v>
          </cell>
          <cell r="BS368" t="e">
            <v>#N/A</v>
          </cell>
          <cell r="BT368" t="e">
            <v>#N/A</v>
          </cell>
        </row>
        <row r="369">
          <cell r="I369">
            <v>1</v>
          </cell>
          <cell r="J369" t="str">
            <v>式</v>
          </cell>
          <cell r="K369" t="str">
            <v/>
          </cell>
          <cell r="L369">
            <v>0</v>
          </cell>
          <cell r="M369" t="e">
            <v>#N/A</v>
          </cell>
          <cell r="V369" t="e">
            <v>#N/A</v>
          </cell>
          <cell r="W369" t="str">
            <v xml:space="preserve"> </v>
          </cell>
          <cell r="X369" t="e">
            <v>#N/A</v>
          </cell>
          <cell r="Y369" t="e">
            <v>#N/A</v>
          </cell>
          <cell r="AD369" t="e">
            <v>#VALUE!</v>
          </cell>
          <cell r="AH369" t="str">
            <v/>
          </cell>
          <cell r="AP369">
            <v>3</v>
          </cell>
          <cell r="BD369" t="e">
            <v>#N/A</v>
          </cell>
          <cell r="BF369" t="e">
            <v>#N/A</v>
          </cell>
          <cell r="BG369" t="e">
            <v>#DIV/0!</v>
          </cell>
          <cell r="BJ369">
            <v>0</v>
          </cell>
          <cell r="BK369">
            <v>0</v>
          </cell>
          <cell r="BL369" t="str">
            <v/>
          </cell>
          <cell r="BO369" t="str">
            <v/>
          </cell>
          <cell r="BP369" t="e">
            <v>#N/A</v>
          </cell>
          <cell r="BQ369" t="e">
            <v>#N/A</v>
          </cell>
          <cell r="BS369" t="e">
            <v>#N/A</v>
          </cell>
          <cell r="BT369" t="e">
            <v>#N/A</v>
          </cell>
        </row>
        <row r="370">
          <cell r="I370">
            <v>1</v>
          </cell>
          <cell r="J370" t="str">
            <v>式</v>
          </cell>
          <cell r="K370" t="str">
            <v/>
          </cell>
          <cell r="L370">
            <v>0</v>
          </cell>
          <cell r="M370" t="e">
            <v>#N/A</v>
          </cell>
          <cell r="V370" t="e">
            <v>#N/A</v>
          </cell>
          <cell r="W370" t="str">
            <v xml:space="preserve"> </v>
          </cell>
          <cell r="X370" t="e">
            <v>#N/A</v>
          </cell>
          <cell r="Y370" t="e">
            <v>#N/A</v>
          </cell>
          <cell r="AD370" t="e">
            <v>#VALUE!</v>
          </cell>
          <cell r="AH370" t="str">
            <v/>
          </cell>
          <cell r="AP370">
            <v>3</v>
          </cell>
          <cell r="BD370" t="e">
            <v>#N/A</v>
          </cell>
          <cell r="BF370" t="e">
            <v>#N/A</v>
          </cell>
          <cell r="BG370" t="e">
            <v>#DIV/0!</v>
          </cell>
          <cell r="BJ370">
            <v>0</v>
          </cell>
          <cell r="BK370">
            <v>0</v>
          </cell>
          <cell r="BL370" t="str">
            <v/>
          </cell>
          <cell r="BO370" t="str">
            <v/>
          </cell>
          <cell r="BP370" t="e">
            <v>#N/A</v>
          </cell>
          <cell r="BQ370" t="e">
            <v>#N/A</v>
          </cell>
          <cell r="BS370" t="e">
            <v>#N/A</v>
          </cell>
          <cell r="BT370" t="e">
            <v>#N/A</v>
          </cell>
        </row>
        <row r="371">
          <cell r="I371">
            <v>1</v>
          </cell>
          <cell r="J371" t="str">
            <v>式</v>
          </cell>
          <cell r="K371" t="str">
            <v/>
          </cell>
          <cell r="L371">
            <v>0</v>
          </cell>
          <cell r="M371" t="e">
            <v>#N/A</v>
          </cell>
          <cell r="V371" t="e">
            <v>#N/A</v>
          </cell>
          <cell r="W371" t="str">
            <v xml:space="preserve"> </v>
          </cell>
          <cell r="X371" t="e">
            <v>#N/A</v>
          </cell>
          <cell r="Y371" t="e">
            <v>#N/A</v>
          </cell>
          <cell r="AD371" t="e">
            <v>#VALUE!</v>
          </cell>
          <cell r="AH371" t="str">
            <v/>
          </cell>
          <cell r="AP371">
            <v>3</v>
          </cell>
          <cell r="BD371" t="e">
            <v>#N/A</v>
          </cell>
          <cell r="BF371" t="e">
            <v>#N/A</v>
          </cell>
          <cell r="BG371" t="e">
            <v>#DIV/0!</v>
          </cell>
          <cell r="BJ371">
            <v>0</v>
          </cell>
          <cell r="BK371">
            <v>0</v>
          </cell>
          <cell r="BL371" t="str">
            <v/>
          </cell>
          <cell r="BO371" t="str">
            <v/>
          </cell>
          <cell r="BP371" t="e">
            <v>#N/A</v>
          </cell>
          <cell r="BQ371" t="e">
            <v>#N/A</v>
          </cell>
          <cell r="BS371" t="e">
            <v>#N/A</v>
          </cell>
          <cell r="BT371" t="e">
            <v>#N/A</v>
          </cell>
        </row>
        <row r="372">
          <cell r="I372">
            <v>1</v>
          </cell>
          <cell r="J372" t="str">
            <v>式</v>
          </cell>
          <cell r="K372" t="str">
            <v/>
          </cell>
          <cell r="L372">
            <v>0</v>
          </cell>
          <cell r="M372" t="e">
            <v>#N/A</v>
          </cell>
          <cell r="V372" t="e">
            <v>#N/A</v>
          </cell>
          <cell r="W372" t="str">
            <v xml:space="preserve"> </v>
          </cell>
          <cell r="X372" t="e">
            <v>#N/A</v>
          </cell>
          <cell r="Y372" t="e">
            <v>#N/A</v>
          </cell>
          <cell r="AD372" t="e">
            <v>#VALUE!</v>
          </cell>
          <cell r="AH372" t="str">
            <v/>
          </cell>
          <cell r="AP372">
            <v>3</v>
          </cell>
          <cell r="BD372" t="e">
            <v>#N/A</v>
          </cell>
          <cell r="BF372" t="e">
            <v>#N/A</v>
          </cell>
          <cell r="BG372" t="e">
            <v>#DIV/0!</v>
          </cell>
          <cell r="BJ372">
            <v>0</v>
          </cell>
          <cell r="BK372">
            <v>0</v>
          </cell>
          <cell r="BL372" t="str">
            <v/>
          </cell>
          <cell r="BO372" t="str">
            <v/>
          </cell>
          <cell r="BP372" t="e">
            <v>#N/A</v>
          </cell>
          <cell r="BQ372" t="e">
            <v>#N/A</v>
          </cell>
          <cell r="BS372" t="e">
            <v>#N/A</v>
          </cell>
          <cell r="BT372" t="e">
            <v>#N/A</v>
          </cell>
        </row>
        <row r="373">
          <cell r="I373">
            <v>1</v>
          </cell>
          <cell r="J373" t="str">
            <v>式</v>
          </cell>
          <cell r="K373" t="str">
            <v/>
          </cell>
          <cell r="L373">
            <v>0</v>
          </cell>
          <cell r="M373" t="e">
            <v>#N/A</v>
          </cell>
          <cell r="V373" t="e">
            <v>#N/A</v>
          </cell>
          <cell r="W373" t="str">
            <v xml:space="preserve"> </v>
          </cell>
          <cell r="X373" t="e">
            <v>#N/A</v>
          </cell>
          <cell r="Y373" t="e">
            <v>#N/A</v>
          </cell>
          <cell r="AD373" t="e">
            <v>#VALUE!</v>
          </cell>
          <cell r="AH373" t="str">
            <v/>
          </cell>
          <cell r="AP373">
            <v>3</v>
          </cell>
          <cell r="BD373" t="e">
            <v>#N/A</v>
          </cell>
          <cell r="BF373" t="e">
            <v>#N/A</v>
          </cell>
          <cell r="BG373" t="e">
            <v>#DIV/0!</v>
          </cell>
          <cell r="BJ373">
            <v>0</v>
          </cell>
          <cell r="BK373">
            <v>0</v>
          </cell>
          <cell r="BL373" t="str">
            <v/>
          </cell>
          <cell r="BO373" t="str">
            <v/>
          </cell>
          <cell r="BP373" t="e">
            <v>#N/A</v>
          </cell>
          <cell r="BQ373" t="e">
            <v>#N/A</v>
          </cell>
          <cell r="BS373" t="e">
            <v>#N/A</v>
          </cell>
          <cell r="BT373" t="e">
            <v>#N/A</v>
          </cell>
        </row>
        <row r="374">
          <cell r="I374">
            <v>1</v>
          </cell>
          <cell r="J374" t="str">
            <v>式</v>
          </cell>
          <cell r="K374" t="str">
            <v/>
          </cell>
          <cell r="L374">
            <v>0</v>
          </cell>
          <cell r="M374" t="e">
            <v>#N/A</v>
          </cell>
          <cell r="V374" t="e">
            <v>#N/A</v>
          </cell>
          <cell r="W374" t="str">
            <v xml:space="preserve"> </v>
          </cell>
          <cell r="X374" t="e">
            <v>#N/A</v>
          </cell>
          <cell r="Y374" t="e">
            <v>#N/A</v>
          </cell>
          <cell r="AD374" t="e">
            <v>#VALUE!</v>
          </cell>
          <cell r="AH374" t="str">
            <v/>
          </cell>
          <cell r="AP374">
            <v>3</v>
          </cell>
          <cell r="BD374" t="e">
            <v>#N/A</v>
          </cell>
          <cell r="BF374" t="e">
            <v>#N/A</v>
          </cell>
          <cell r="BG374" t="e">
            <v>#DIV/0!</v>
          </cell>
          <cell r="BJ374">
            <v>0</v>
          </cell>
          <cell r="BK374">
            <v>0</v>
          </cell>
          <cell r="BL374" t="str">
            <v/>
          </cell>
          <cell r="BO374" t="str">
            <v/>
          </cell>
          <cell r="BP374" t="e">
            <v>#N/A</v>
          </cell>
          <cell r="BQ374" t="e">
            <v>#N/A</v>
          </cell>
          <cell r="BS374" t="e">
            <v>#N/A</v>
          </cell>
          <cell r="BT374" t="e">
            <v>#N/A</v>
          </cell>
        </row>
        <row r="375">
          <cell r="I375">
            <v>1</v>
          </cell>
          <cell r="J375" t="str">
            <v>式</v>
          </cell>
          <cell r="K375" t="str">
            <v/>
          </cell>
          <cell r="L375">
            <v>0</v>
          </cell>
          <cell r="M375" t="e">
            <v>#N/A</v>
          </cell>
          <cell r="V375" t="e">
            <v>#N/A</v>
          </cell>
          <cell r="W375" t="str">
            <v xml:space="preserve"> </v>
          </cell>
          <cell r="X375" t="e">
            <v>#N/A</v>
          </cell>
          <cell r="Y375" t="e">
            <v>#N/A</v>
          </cell>
          <cell r="AD375" t="e">
            <v>#VALUE!</v>
          </cell>
          <cell r="AH375" t="str">
            <v/>
          </cell>
          <cell r="AP375">
            <v>3</v>
          </cell>
          <cell r="BD375" t="e">
            <v>#N/A</v>
          </cell>
          <cell r="BF375" t="e">
            <v>#N/A</v>
          </cell>
          <cell r="BG375" t="e">
            <v>#DIV/0!</v>
          </cell>
          <cell r="BJ375">
            <v>0</v>
          </cell>
          <cell r="BK375">
            <v>0</v>
          </cell>
          <cell r="BL375" t="str">
            <v/>
          </cell>
          <cell r="BO375" t="str">
            <v/>
          </cell>
          <cell r="BP375" t="e">
            <v>#N/A</v>
          </cell>
          <cell r="BQ375" t="e">
            <v>#N/A</v>
          </cell>
          <cell r="BS375" t="e">
            <v>#N/A</v>
          </cell>
          <cell r="BT375" t="e">
            <v>#N/A</v>
          </cell>
        </row>
        <row r="376">
          <cell r="I376">
            <v>1</v>
          </cell>
          <cell r="J376" t="str">
            <v>式</v>
          </cell>
          <cell r="K376" t="str">
            <v/>
          </cell>
          <cell r="L376">
            <v>0</v>
          </cell>
          <cell r="M376" t="e">
            <v>#N/A</v>
          </cell>
          <cell r="V376" t="e">
            <v>#N/A</v>
          </cell>
          <cell r="W376" t="str">
            <v xml:space="preserve"> </v>
          </cell>
          <cell r="X376" t="e">
            <v>#N/A</v>
          </cell>
          <cell r="Y376" t="e">
            <v>#N/A</v>
          </cell>
          <cell r="AD376" t="e">
            <v>#VALUE!</v>
          </cell>
          <cell r="AH376" t="str">
            <v/>
          </cell>
          <cell r="AP376">
            <v>3</v>
          </cell>
          <cell r="BD376" t="e">
            <v>#N/A</v>
          </cell>
          <cell r="BF376" t="e">
            <v>#N/A</v>
          </cell>
          <cell r="BG376" t="e">
            <v>#DIV/0!</v>
          </cell>
          <cell r="BJ376">
            <v>0</v>
          </cell>
          <cell r="BK376">
            <v>0</v>
          </cell>
          <cell r="BL376" t="str">
            <v/>
          </cell>
          <cell r="BO376" t="str">
            <v/>
          </cell>
          <cell r="BP376" t="e">
            <v>#N/A</v>
          </cell>
          <cell r="BQ376" t="e">
            <v>#N/A</v>
          </cell>
          <cell r="BS376" t="e">
            <v>#N/A</v>
          </cell>
          <cell r="BT376" t="e">
            <v>#N/A</v>
          </cell>
        </row>
        <row r="377">
          <cell r="I377">
            <v>1</v>
          </cell>
          <cell r="J377" t="str">
            <v>式</v>
          </cell>
          <cell r="K377" t="str">
            <v/>
          </cell>
          <cell r="L377">
            <v>0</v>
          </cell>
          <cell r="M377" t="e">
            <v>#N/A</v>
          </cell>
          <cell r="V377" t="e">
            <v>#N/A</v>
          </cell>
          <cell r="W377" t="str">
            <v xml:space="preserve"> </v>
          </cell>
          <cell r="X377" t="e">
            <v>#N/A</v>
          </cell>
          <cell r="Y377" t="e">
            <v>#N/A</v>
          </cell>
          <cell r="AD377" t="e">
            <v>#VALUE!</v>
          </cell>
          <cell r="AH377" t="str">
            <v/>
          </cell>
          <cell r="AP377">
            <v>3</v>
          </cell>
          <cell r="BD377" t="e">
            <v>#N/A</v>
          </cell>
          <cell r="BF377" t="e">
            <v>#N/A</v>
          </cell>
          <cell r="BG377" t="e">
            <v>#DIV/0!</v>
          </cell>
          <cell r="BJ377">
            <v>0</v>
          </cell>
          <cell r="BK377">
            <v>0</v>
          </cell>
          <cell r="BL377" t="str">
            <v/>
          </cell>
          <cell r="BO377" t="str">
            <v/>
          </cell>
          <cell r="BP377" t="e">
            <v>#N/A</v>
          </cell>
          <cell r="BQ377" t="e">
            <v>#N/A</v>
          </cell>
          <cell r="BS377" t="e">
            <v>#N/A</v>
          </cell>
          <cell r="BT377" t="e">
            <v>#N/A</v>
          </cell>
        </row>
        <row r="378">
          <cell r="I378">
            <v>1</v>
          </cell>
          <cell r="J378" t="str">
            <v>式</v>
          </cell>
          <cell r="K378" t="str">
            <v/>
          </cell>
          <cell r="L378">
            <v>0</v>
          </cell>
          <cell r="M378" t="e">
            <v>#N/A</v>
          </cell>
          <cell r="V378" t="e">
            <v>#N/A</v>
          </cell>
          <cell r="W378" t="str">
            <v xml:space="preserve"> </v>
          </cell>
          <cell r="X378" t="e">
            <v>#N/A</v>
          </cell>
          <cell r="Y378" t="e">
            <v>#N/A</v>
          </cell>
          <cell r="AD378" t="e">
            <v>#VALUE!</v>
          </cell>
          <cell r="AH378" t="str">
            <v/>
          </cell>
          <cell r="AP378">
            <v>3</v>
          </cell>
          <cell r="BD378" t="e">
            <v>#N/A</v>
          </cell>
          <cell r="BF378" t="e">
            <v>#N/A</v>
          </cell>
          <cell r="BG378" t="e">
            <v>#DIV/0!</v>
          </cell>
          <cell r="BJ378">
            <v>0</v>
          </cell>
          <cell r="BK378">
            <v>0</v>
          </cell>
          <cell r="BL378" t="str">
            <v/>
          </cell>
          <cell r="BO378" t="str">
            <v/>
          </cell>
          <cell r="BP378" t="e">
            <v>#N/A</v>
          </cell>
          <cell r="BQ378" t="e">
            <v>#N/A</v>
          </cell>
          <cell r="BS378" t="e">
            <v>#N/A</v>
          </cell>
          <cell r="BT378" t="e">
            <v>#N/A</v>
          </cell>
        </row>
        <row r="379">
          <cell r="I379">
            <v>1</v>
          </cell>
          <cell r="J379" t="str">
            <v>式</v>
          </cell>
          <cell r="K379" t="str">
            <v/>
          </cell>
          <cell r="L379">
            <v>0</v>
          </cell>
          <cell r="M379" t="e">
            <v>#N/A</v>
          </cell>
          <cell r="V379" t="e">
            <v>#N/A</v>
          </cell>
          <cell r="W379" t="str">
            <v xml:space="preserve"> </v>
          </cell>
          <cell r="X379" t="e">
            <v>#N/A</v>
          </cell>
          <cell r="Y379" t="e">
            <v>#N/A</v>
          </cell>
          <cell r="AD379" t="e">
            <v>#VALUE!</v>
          </cell>
          <cell r="AH379" t="str">
            <v/>
          </cell>
          <cell r="AP379">
            <v>3</v>
          </cell>
          <cell r="BD379" t="e">
            <v>#N/A</v>
          </cell>
          <cell r="BF379" t="e">
            <v>#N/A</v>
          </cell>
          <cell r="BG379" t="e">
            <v>#DIV/0!</v>
          </cell>
          <cell r="BJ379">
            <v>0</v>
          </cell>
          <cell r="BK379">
            <v>0</v>
          </cell>
          <cell r="BL379" t="str">
            <v/>
          </cell>
          <cell r="BO379" t="str">
            <v/>
          </cell>
          <cell r="BP379" t="e">
            <v>#N/A</v>
          </cell>
          <cell r="BQ379" t="e">
            <v>#N/A</v>
          </cell>
          <cell r="BS379" t="e">
            <v>#N/A</v>
          </cell>
          <cell r="BT379" t="e">
            <v>#N/A</v>
          </cell>
        </row>
        <row r="380">
          <cell r="I380">
            <v>1</v>
          </cell>
          <cell r="J380" t="str">
            <v>式</v>
          </cell>
          <cell r="K380" t="str">
            <v/>
          </cell>
          <cell r="L380">
            <v>0</v>
          </cell>
          <cell r="M380" t="e">
            <v>#N/A</v>
          </cell>
          <cell r="V380" t="e">
            <v>#N/A</v>
          </cell>
          <cell r="W380" t="str">
            <v xml:space="preserve"> </v>
          </cell>
          <cell r="X380" t="e">
            <v>#N/A</v>
          </cell>
          <cell r="Y380" t="e">
            <v>#N/A</v>
          </cell>
          <cell r="AD380" t="e">
            <v>#VALUE!</v>
          </cell>
          <cell r="AH380" t="str">
            <v/>
          </cell>
          <cell r="AP380">
            <v>3</v>
          </cell>
          <cell r="BD380" t="e">
            <v>#N/A</v>
          </cell>
          <cell r="BF380" t="e">
            <v>#N/A</v>
          </cell>
          <cell r="BG380" t="e">
            <v>#DIV/0!</v>
          </cell>
          <cell r="BJ380">
            <v>0</v>
          </cell>
          <cell r="BK380">
            <v>0</v>
          </cell>
          <cell r="BL380" t="str">
            <v/>
          </cell>
          <cell r="BO380" t="str">
            <v/>
          </cell>
          <cell r="BP380" t="e">
            <v>#N/A</v>
          </cell>
          <cell r="BQ380" t="e">
            <v>#N/A</v>
          </cell>
          <cell r="BS380" t="e">
            <v>#N/A</v>
          </cell>
          <cell r="BT380" t="e">
            <v>#N/A</v>
          </cell>
        </row>
        <row r="381">
          <cell r="I381">
            <v>1</v>
          </cell>
          <cell r="J381" t="str">
            <v>式</v>
          </cell>
          <cell r="K381" t="str">
            <v/>
          </cell>
          <cell r="L381">
            <v>0</v>
          </cell>
          <cell r="M381" t="e">
            <v>#N/A</v>
          </cell>
          <cell r="V381" t="e">
            <v>#N/A</v>
          </cell>
          <cell r="W381" t="str">
            <v xml:space="preserve"> </v>
          </cell>
          <cell r="X381" t="e">
            <v>#N/A</v>
          </cell>
          <cell r="Y381" t="e">
            <v>#N/A</v>
          </cell>
          <cell r="AD381" t="e">
            <v>#VALUE!</v>
          </cell>
          <cell r="AH381" t="str">
            <v/>
          </cell>
          <cell r="AP381">
            <v>3</v>
          </cell>
          <cell r="BD381" t="e">
            <v>#N/A</v>
          </cell>
          <cell r="BF381" t="e">
            <v>#N/A</v>
          </cell>
          <cell r="BG381" t="e">
            <v>#DIV/0!</v>
          </cell>
          <cell r="BJ381">
            <v>0</v>
          </cell>
          <cell r="BK381">
            <v>0</v>
          </cell>
          <cell r="BL381" t="str">
            <v/>
          </cell>
          <cell r="BO381" t="str">
            <v/>
          </cell>
          <cell r="BP381" t="e">
            <v>#N/A</v>
          </cell>
          <cell r="BQ381" t="e">
            <v>#N/A</v>
          </cell>
          <cell r="BS381" t="e">
            <v>#N/A</v>
          </cell>
          <cell r="BT381" t="e">
            <v>#N/A</v>
          </cell>
        </row>
        <row r="382">
          <cell r="I382">
            <v>1</v>
          </cell>
          <cell r="J382" t="str">
            <v>式</v>
          </cell>
          <cell r="K382" t="str">
            <v/>
          </cell>
          <cell r="L382">
            <v>0</v>
          </cell>
          <cell r="M382" t="e">
            <v>#N/A</v>
          </cell>
          <cell r="V382" t="e">
            <v>#N/A</v>
          </cell>
          <cell r="W382" t="str">
            <v xml:space="preserve"> </v>
          </cell>
          <cell r="X382" t="e">
            <v>#N/A</v>
          </cell>
          <cell r="Y382" t="e">
            <v>#N/A</v>
          </cell>
          <cell r="AD382" t="e">
            <v>#VALUE!</v>
          </cell>
          <cell r="AH382" t="str">
            <v/>
          </cell>
          <cell r="AP382">
            <v>3</v>
          </cell>
          <cell r="BD382" t="e">
            <v>#N/A</v>
          </cell>
          <cell r="BF382" t="e">
            <v>#N/A</v>
          </cell>
          <cell r="BG382" t="e">
            <v>#DIV/0!</v>
          </cell>
          <cell r="BJ382">
            <v>0</v>
          </cell>
          <cell r="BK382">
            <v>0</v>
          </cell>
          <cell r="BL382" t="str">
            <v/>
          </cell>
          <cell r="BO382" t="str">
            <v/>
          </cell>
          <cell r="BP382" t="e">
            <v>#N/A</v>
          </cell>
          <cell r="BQ382" t="e">
            <v>#N/A</v>
          </cell>
          <cell r="BS382" t="e">
            <v>#N/A</v>
          </cell>
          <cell r="BT382" t="e">
            <v>#N/A</v>
          </cell>
        </row>
        <row r="383">
          <cell r="I383">
            <v>1</v>
          </cell>
          <cell r="J383" t="str">
            <v>式</v>
          </cell>
          <cell r="K383" t="str">
            <v/>
          </cell>
          <cell r="L383">
            <v>0</v>
          </cell>
          <cell r="M383" t="e">
            <v>#N/A</v>
          </cell>
          <cell r="V383" t="e">
            <v>#N/A</v>
          </cell>
          <cell r="W383" t="str">
            <v xml:space="preserve"> </v>
          </cell>
          <cell r="X383" t="e">
            <v>#N/A</v>
          </cell>
          <cell r="Y383" t="e">
            <v>#N/A</v>
          </cell>
          <cell r="AD383" t="e">
            <v>#VALUE!</v>
          </cell>
          <cell r="AH383" t="str">
            <v/>
          </cell>
          <cell r="AP383">
            <v>3</v>
          </cell>
          <cell r="BD383" t="e">
            <v>#N/A</v>
          </cell>
          <cell r="BF383" t="e">
            <v>#N/A</v>
          </cell>
          <cell r="BG383" t="e">
            <v>#DIV/0!</v>
          </cell>
          <cell r="BJ383">
            <v>0</v>
          </cell>
          <cell r="BK383">
            <v>0</v>
          </cell>
          <cell r="BL383" t="str">
            <v/>
          </cell>
          <cell r="BO383" t="str">
            <v/>
          </cell>
          <cell r="BP383" t="e">
            <v>#N/A</v>
          </cell>
          <cell r="BQ383" t="e">
            <v>#N/A</v>
          </cell>
          <cell r="BS383" t="e">
            <v>#N/A</v>
          </cell>
          <cell r="BT383" t="e">
            <v>#N/A</v>
          </cell>
        </row>
        <row r="384">
          <cell r="I384">
            <v>1</v>
          </cell>
          <cell r="J384" t="str">
            <v>式</v>
          </cell>
          <cell r="K384" t="str">
            <v/>
          </cell>
          <cell r="L384">
            <v>0</v>
          </cell>
          <cell r="M384" t="e">
            <v>#N/A</v>
          </cell>
          <cell r="V384" t="e">
            <v>#N/A</v>
          </cell>
          <cell r="W384" t="str">
            <v xml:space="preserve"> </v>
          </cell>
          <cell r="X384" t="e">
            <v>#N/A</v>
          </cell>
          <cell r="Y384" t="e">
            <v>#N/A</v>
          </cell>
          <cell r="AD384" t="e">
            <v>#VALUE!</v>
          </cell>
          <cell r="AH384" t="str">
            <v/>
          </cell>
          <cell r="AP384">
            <v>3</v>
          </cell>
          <cell r="BD384" t="e">
            <v>#N/A</v>
          </cell>
          <cell r="BF384" t="e">
            <v>#N/A</v>
          </cell>
          <cell r="BG384" t="e">
            <v>#DIV/0!</v>
          </cell>
          <cell r="BJ384">
            <v>0</v>
          </cell>
          <cell r="BK384">
            <v>0</v>
          </cell>
          <cell r="BL384" t="str">
            <v/>
          </cell>
          <cell r="BO384" t="str">
            <v/>
          </cell>
          <cell r="BP384" t="e">
            <v>#N/A</v>
          </cell>
          <cell r="BQ384" t="e">
            <v>#N/A</v>
          </cell>
          <cell r="BS384" t="e">
            <v>#N/A</v>
          </cell>
          <cell r="BT384" t="e">
            <v>#N/A</v>
          </cell>
        </row>
        <row r="385">
          <cell r="I385">
            <v>1</v>
          </cell>
          <cell r="J385" t="str">
            <v>式</v>
          </cell>
          <cell r="K385" t="str">
            <v/>
          </cell>
          <cell r="L385">
            <v>0</v>
          </cell>
          <cell r="M385" t="e">
            <v>#N/A</v>
          </cell>
          <cell r="V385" t="e">
            <v>#N/A</v>
          </cell>
          <cell r="W385" t="str">
            <v xml:space="preserve"> </v>
          </cell>
          <cell r="X385" t="e">
            <v>#N/A</v>
          </cell>
          <cell r="Y385" t="e">
            <v>#N/A</v>
          </cell>
          <cell r="AD385" t="e">
            <v>#VALUE!</v>
          </cell>
          <cell r="AH385" t="str">
            <v/>
          </cell>
          <cell r="AP385">
            <v>3</v>
          </cell>
          <cell r="BD385" t="e">
            <v>#N/A</v>
          </cell>
          <cell r="BF385" t="e">
            <v>#N/A</v>
          </cell>
          <cell r="BG385" t="e">
            <v>#DIV/0!</v>
          </cell>
          <cell r="BJ385">
            <v>0</v>
          </cell>
          <cell r="BK385">
            <v>0</v>
          </cell>
          <cell r="BL385" t="str">
            <v/>
          </cell>
          <cell r="BO385" t="str">
            <v/>
          </cell>
          <cell r="BP385" t="e">
            <v>#N/A</v>
          </cell>
          <cell r="BQ385" t="e">
            <v>#N/A</v>
          </cell>
          <cell r="BS385" t="e">
            <v>#N/A</v>
          </cell>
          <cell r="BT385" t="e">
            <v>#N/A</v>
          </cell>
        </row>
        <row r="386">
          <cell r="I386">
            <v>1</v>
          </cell>
          <cell r="J386" t="str">
            <v>式</v>
          </cell>
          <cell r="K386" t="str">
            <v/>
          </cell>
          <cell r="L386">
            <v>0</v>
          </cell>
          <cell r="M386" t="e">
            <v>#N/A</v>
          </cell>
          <cell r="V386" t="e">
            <v>#N/A</v>
          </cell>
          <cell r="W386" t="str">
            <v xml:space="preserve"> </v>
          </cell>
          <cell r="X386" t="e">
            <v>#N/A</v>
          </cell>
          <cell r="Y386" t="e">
            <v>#N/A</v>
          </cell>
          <cell r="AD386" t="e">
            <v>#VALUE!</v>
          </cell>
          <cell r="AH386" t="str">
            <v/>
          </cell>
          <cell r="AP386">
            <v>3</v>
          </cell>
          <cell r="BD386" t="e">
            <v>#N/A</v>
          </cell>
          <cell r="BF386" t="e">
            <v>#N/A</v>
          </cell>
          <cell r="BG386" t="e">
            <v>#DIV/0!</v>
          </cell>
          <cell r="BJ386">
            <v>0</v>
          </cell>
          <cell r="BK386">
            <v>0</v>
          </cell>
          <cell r="BL386" t="str">
            <v/>
          </cell>
          <cell r="BO386" t="str">
            <v/>
          </cell>
          <cell r="BP386" t="e">
            <v>#N/A</v>
          </cell>
          <cell r="BQ386" t="e">
            <v>#N/A</v>
          </cell>
          <cell r="BS386" t="e">
            <v>#N/A</v>
          </cell>
          <cell r="BT386" t="e">
            <v>#N/A</v>
          </cell>
        </row>
        <row r="387">
          <cell r="I387">
            <v>1</v>
          </cell>
          <cell r="J387" t="str">
            <v>式</v>
          </cell>
          <cell r="K387" t="str">
            <v/>
          </cell>
          <cell r="L387">
            <v>0</v>
          </cell>
          <cell r="M387" t="e">
            <v>#N/A</v>
          </cell>
          <cell r="V387" t="e">
            <v>#N/A</v>
          </cell>
          <cell r="W387" t="str">
            <v xml:space="preserve"> </v>
          </cell>
          <cell r="X387" t="e">
            <v>#N/A</v>
          </cell>
          <cell r="Y387" t="e">
            <v>#N/A</v>
          </cell>
          <cell r="AD387" t="e">
            <v>#VALUE!</v>
          </cell>
          <cell r="AH387" t="str">
            <v/>
          </cell>
          <cell r="AP387">
            <v>3</v>
          </cell>
          <cell r="BD387" t="e">
            <v>#N/A</v>
          </cell>
          <cell r="BF387" t="e">
            <v>#N/A</v>
          </cell>
          <cell r="BG387" t="e">
            <v>#DIV/0!</v>
          </cell>
          <cell r="BJ387">
            <v>0</v>
          </cell>
          <cell r="BK387">
            <v>0</v>
          </cell>
          <cell r="BL387" t="str">
            <v/>
          </cell>
          <cell r="BO387" t="str">
            <v/>
          </cell>
          <cell r="BP387" t="e">
            <v>#N/A</v>
          </cell>
          <cell r="BQ387" t="e">
            <v>#N/A</v>
          </cell>
          <cell r="BS387" t="e">
            <v>#N/A</v>
          </cell>
          <cell r="BT387" t="e">
            <v>#N/A</v>
          </cell>
        </row>
        <row r="388">
          <cell r="I388">
            <v>1</v>
          </cell>
          <cell r="J388" t="str">
            <v>式</v>
          </cell>
          <cell r="K388" t="str">
            <v/>
          </cell>
          <cell r="L388">
            <v>0</v>
          </cell>
          <cell r="M388" t="e">
            <v>#N/A</v>
          </cell>
          <cell r="V388" t="e">
            <v>#N/A</v>
          </cell>
          <cell r="W388" t="str">
            <v xml:space="preserve"> </v>
          </cell>
          <cell r="X388" t="e">
            <v>#N/A</v>
          </cell>
          <cell r="Y388" t="e">
            <v>#N/A</v>
          </cell>
          <cell r="AD388" t="e">
            <v>#VALUE!</v>
          </cell>
          <cell r="AH388" t="str">
            <v/>
          </cell>
          <cell r="AP388">
            <v>3</v>
          </cell>
          <cell r="BD388" t="e">
            <v>#N/A</v>
          </cell>
          <cell r="BF388" t="e">
            <v>#N/A</v>
          </cell>
          <cell r="BG388" t="e">
            <v>#DIV/0!</v>
          </cell>
          <cell r="BJ388">
            <v>0</v>
          </cell>
          <cell r="BK388">
            <v>0</v>
          </cell>
          <cell r="BL388" t="str">
            <v/>
          </cell>
          <cell r="BO388" t="str">
            <v/>
          </cell>
          <cell r="BP388" t="e">
            <v>#N/A</v>
          </cell>
          <cell r="BQ388" t="e">
            <v>#N/A</v>
          </cell>
          <cell r="BS388" t="e">
            <v>#N/A</v>
          </cell>
          <cell r="BT388" t="e">
            <v>#N/A</v>
          </cell>
        </row>
        <row r="389">
          <cell r="I389">
            <v>1</v>
          </cell>
          <cell r="J389" t="str">
            <v>式</v>
          </cell>
          <cell r="K389" t="str">
            <v/>
          </cell>
          <cell r="L389">
            <v>0</v>
          </cell>
          <cell r="M389" t="e">
            <v>#N/A</v>
          </cell>
          <cell r="V389" t="e">
            <v>#N/A</v>
          </cell>
          <cell r="W389" t="str">
            <v xml:space="preserve"> </v>
          </cell>
          <cell r="X389" t="e">
            <v>#N/A</v>
          </cell>
          <cell r="Y389" t="e">
            <v>#N/A</v>
          </cell>
          <cell r="AD389" t="e">
            <v>#VALUE!</v>
          </cell>
          <cell r="AH389" t="str">
            <v/>
          </cell>
          <cell r="AP389">
            <v>3</v>
          </cell>
          <cell r="BD389" t="e">
            <v>#N/A</v>
          </cell>
          <cell r="BF389" t="e">
            <v>#N/A</v>
          </cell>
          <cell r="BG389" t="e">
            <v>#DIV/0!</v>
          </cell>
          <cell r="BJ389">
            <v>0</v>
          </cell>
          <cell r="BK389">
            <v>0</v>
          </cell>
          <cell r="BL389" t="str">
            <v/>
          </cell>
          <cell r="BO389" t="str">
            <v/>
          </cell>
          <cell r="BP389" t="e">
            <v>#N/A</v>
          </cell>
          <cell r="BQ389" t="e">
            <v>#N/A</v>
          </cell>
          <cell r="BS389" t="e">
            <v>#N/A</v>
          </cell>
          <cell r="BT389" t="e">
            <v>#N/A</v>
          </cell>
        </row>
        <row r="390">
          <cell r="I390">
            <v>1</v>
          </cell>
          <cell r="J390" t="str">
            <v>式</v>
          </cell>
          <cell r="K390" t="str">
            <v/>
          </cell>
          <cell r="L390">
            <v>0</v>
          </cell>
          <cell r="M390" t="e">
            <v>#N/A</v>
          </cell>
          <cell r="V390" t="e">
            <v>#N/A</v>
          </cell>
          <cell r="W390" t="str">
            <v xml:space="preserve"> </v>
          </cell>
          <cell r="X390" t="e">
            <v>#N/A</v>
          </cell>
          <cell r="Y390" t="e">
            <v>#N/A</v>
          </cell>
          <cell r="AD390" t="e">
            <v>#VALUE!</v>
          </cell>
          <cell r="AH390" t="str">
            <v/>
          </cell>
          <cell r="AP390">
            <v>3</v>
          </cell>
          <cell r="BD390" t="e">
            <v>#N/A</v>
          </cell>
          <cell r="BF390" t="e">
            <v>#N/A</v>
          </cell>
          <cell r="BG390" t="e">
            <v>#DIV/0!</v>
          </cell>
          <cell r="BJ390">
            <v>0</v>
          </cell>
          <cell r="BK390">
            <v>0</v>
          </cell>
          <cell r="BL390" t="str">
            <v/>
          </cell>
          <cell r="BO390" t="str">
            <v/>
          </cell>
          <cell r="BP390" t="e">
            <v>#N/A</v>
          </cell>
          <cell r="BQ390" t="e">
            <v>#N/A</v>
          </cell>
          <cell r="BS390" t="e">
            <v>#N/A</v>
          </cell>
          <cell r="BT390" t="e">
            <v>#N/A</v>
          </cell>
        </row>
        <row r="391">
          <cell r="I391">
            <v>1</v>
          </cell>
          <cell r="J391" t="str">
            <v>式</v>
          </cell>
          <cell r="K391" t="str">
            <v/>
          </cell>
          <cell r="L391">
            <v>0</v>
          </cell>
          <cell r="M391" t="e">
            <v>#N/A</v>
          </cell>
          <cell r="V391" t="e">
            <v>#N/A</v>
          </cell>
          <cell r="W391" t="str">
            <v xml:space="preserve"> </v>
          </cell>
          <cell r="X391" t="e">
            <v>#N/A</v>
          </cell>
          <cell r="Y391" t="e">
            <v>#N/A</v>
          </cell>
          <cell r="AD391" t="e">
            <v>#VALUE!</v>
          </cell>
          <cell r="AH391" t="str">
            <v/>
          </cell>
          <cell r="AP391">
            <v>3</v>
          </cell>
          <cell r="BD391" t="e">
            <v>#N/A</v>
          </cell>
          <cell r="BF391" t="e">
            <v>#N/A</v>
          </cell>
          <cell r="BG391" t="e">
            <v>#DIV/0!</v>
          </cell>
          <cell r="BJ391">
            <v>0</v>
          </cell>
          <cell r="BK391">
            <v>0</v>
          </cell>
          <cell r="BL391" t="str">
            <v/>
          </cell>
          <cell r="BO391" t="str">
            <v/>
          </cell>
          <cell r="BP391" t="e">
            <v>#N/A</v>
          </cell>
          <cell r="BQ391" t="e">
            <v>#N/A</v>
          </cell>
          <cell r="BS391" t="e">
            <v>#N/A</v>
          </cell>
          <cell r="BT391" t="e">
            <v>#N/A</v>
          </cell>
        </row>
        <row r="392">
          <cell r="I392">
            <v>1</v>
          </cell>
          <cell r="J392" t="str">
            <v>式</v>
          </cell>
          <cell r="K392" t="str">
            <v/>
          </cell>
          <cell r="L392">
            <v>0</v>
          </cell>
          <cell r="M392" t="e">
            <v>#N/A</v>
          </cell>
          <cell r="V392" t="e">
            <v>#N/A</v>
          </cell>
          <cell r="W392" t="str">
            <v xml:space="preserve"> </v>
          </cell>
          <cell r="X392" t="e">
            <v>#N/A</v>
          </cell>
          <cell r="Y392" t="e">
            <v>#N/A</v>
          </cell>
          <cell r="AD392" t="e">
            <v>#VALUE!</v>
          </cell>
          <cell r="AH392" t="str">
            <v/>
          </cell>
          <cell r="AP392">
            <v>3</v>
          </cell>
          <cell r="BD392" t="e">
            <v>#N/A</v>
          </cell>
          <cell r="BF392" t="e">
            <v>#N/A</v>
          </cell>
          <cell r="BG392" t="e">
            <v>#DIV/0!</v>
          </cell>
          <cell r="BJ392">
            <v>0</v>
          </cell>
          <cell r="BK392">
            <v>0</v>
          </cell>
          <cell r="BL392" t="str">
            <v/>
          </cell>
          <cell r="BO392" t="str">
            <v/>
          </cell>
          <cell r="BP392" t="e">
            <v>#N/A</v>
          </cell>
          <cell r="BQ392" t="e">
            <v>#N/A</v>
          </cell>
          <cell r="BS392" t="e">
            <v>#N/A</v>
          </cell>
          <cell r="BT392" t="e">
            <v>#N/A</v>
          </cell>
        </row>
        <row r="393">
          <cell r="I393">
            <v>1</v>
          </cell>
          <cell r="J393" t="str">
            <v>式</v>
          </cell>
          <cell r="K393" t="str">
            <v/>
          </cell>
          <cell r="L393">
            <v>0</v>
          </cell>
          <cell r="M393" t="e">
            <v>#N/A</v>
          </cell>
          <cell r="V393" t="e">
            <v>#N/A</v>
          </cell>
          <cell r="W393" t="str">
            <v xml:space="preserve"> </v>
          </cell>
          <cell r="X393" t="e">
            <v>#N/A</v>
          </cell>
          <cell r="Y393" t="e">
            <v>#N/A</v>
          </cell>
          <cell r="AD393" t="e">
            <v>#VALUE!</v>
          </cell>
          <cell r="AH393" t="str">
            <v/>
          </cell>
          <cell r="AP393">
            <v>3</v>
          </cell>
          <cell r="BD393" t="e">
            <v>#N/A</v>
          </cell>
          <cell r="BF393" t="e">
            <v>#N/A</v>
          </cell>
          <cell r="BG393" t="e">
            <v>#DIV/0!</v>
          </cell>
          <cell r="BJ393">
            <v>0</v>
          </cell>
          <cell r="BK393">
            <v>0</v>
          </cell>
          <cell r="BL393" t="str">
            <v/>
          </cell>
          <cell r="BO393" t="str">
            <v/>
          </cell>
          <cell r="BP393" t="e">
            <v>#N/A</v>
          </cell>
          <cell r="BQ393" t="e">
            <v>#N/A</v>
          </cell>
          <cell r="BS393" t="e">
            <v>#N/A</v>
          </cell>
          <cell r="BT393" t="e">
            <v>#N/A</v>
          </cell>
        </row>
        <row r="394">
          <cell r="I394">
            <v>1</v>
          </cell>
          <cell r="J394" t="str">
            <v>式</v>
          </cell>
          <cell r="K394" t="str">
            <v/>
          </cell>
          <cell r="L394">
            <v>0</v>
          </cell>
          <cell r="M394" t="e">
            <v>#N/A</v>
          </cell>
          <cell r="V394" t="e">
            <v>#N/A</v>
          </cell>
          <cell r="W394" t="str">
            <v xml:space="preserve"> </v>
          </cell>
          <cell r="X394" t="e">
            <v>#N/A</v>
          </cell>
          <cell r="Y394" t="e">
            <v>#N/A</v>
          </cell>
          <cell r="AD394" t="e">
            <v>#VALUE!</v>
          </cell>
          <cell r="AH394" t="str">
            <v/>
          </cell>
          <cell r="AP394">
            <v>3</v>
          </cell>
          <cell r="BD394" t="e">
            <v>#N/A</v>
          </cell>
          <cell r="BF394" t="e">
            <v>#N/A</v>
          </cell>
          <cell r="BG394" t="e">
            <v>#DIV/0!</v>
          </cell>
          <cell r="BJ394">
            <v>0</v>
          </cell>
          <cell r="BK394">
            <v>0</v>
          </cell>
          <cell r="BL394" t="str">
            <v/>
          </cell>
          <cell r="BO394" t="str">
            <v/>
          </cell>
          <cell r="BP394" t="e">
            <v>#N/A</v>
          </cell>
          <cell r="BQ394" t="e">
            <v>#N/A</v>
          </cell>
          <cell r="BS394" t="e">
            <v>#N/A</v>
          </cell>
          <cell r="BT394" t="e">
            <v>#N/A</v>
          </cell>
        </row>
        <row r="395">
          <cell r="I395">
            <v>1</v>
          </cell>
          <cell r="J395" t="str">
            <v>式</v>
          </cell>
          <cell r="K395" t="str">
            <v/>
          </cell>
          <cell r="L395">
            <v>0</v>
          </cell>
          <cell r="M395" t="e">
            <v>#N/A</v>
          </cell>
          <cell r="V395" t="e">
            <v>#N/A</v>
          </cell>
          <cell r="W395" t="str">
            <v xml:space="preserve"> </v>
          </cell>
          <cell r="X395" t="e">
            <v>#N/A</v>
          </cell>
          <cell r="Y395" t="e">
            <v>#N/A</v>
          </cell>
          <cell r="AD395" t="e">
            <v>#VALUE!</v>
          </cell>
          <cell r="AH395" t="str">
            <v/>
          </cell>
          <cell r="AP395">
            <v>3</v>
          </cell>
          <cell r="BD395" t="e">
            <v>#N/A</v>
          </cell>
          <cell r="BF395" t="e">
            <v>#N/A</v>
          </cell>
          <cell r="BG395" t="e">
            <v>#DIV/0!</v>
          </cell>
          <cell r="BJ395">
            <v>0</v>
          </cell>
          <cell r="BK395">
            <v>0</v>
          </cell>
          <cell r="BL395" t="str">
            <v/>
          </cell>
          <cell r="BO395" t="str">
            <v/>
          </cell>
          <cell r="BP395" t="e">
            <v>#N/A</v>
          </cell>
          <cell r="BQ395" t="e">
            <v>#N/A</v>
          </cell>
          <cell r="BS395" t="e">
            <v>#N/A</v>
          </cell>
          <cell r="BT395" t="e">
            <v>#N/A</v>
          </cell>
        </row>
        <row r="396">
          <cell r="I396">
            <v>1</v>
          </cell>
          <cell r="J396" t="str">
            <v>式</v>
          </cell>
          <cell r="K396" t="str">
            <v/>
          </cell>
          <cell r="L396">
            <v>0</v>
          </cell>
          <cell r="M396" t="e">
            <v>#N/A</v>
          </cell>
          <cell r="V396" t="e">
            <v>#N/A</v>
          </cell>
          <cell r="W396" t="str">
            <v xml:space="preserve"> </v>
          </cell>
          <cell r="X396" t="e">
            <v>#N/A</v>
          </cell>
          <cell r="Y396" t="e">
            <v>#N/A</v>
          </cell>
          <cell r="AD396" t="e">
            <v>#VALUE!</v>
          </cell>
          <cell r="AH396" t="str">
            <v/>
          </cell>
          <cell r="AP396">
            <v>3</v>
          </cell>
          <cell r="BD396" t="e">
            <v>#N/A</v>
          </cell>
          <cell r="BF396" t="e">
            <v>#N/A</v>
          </cell>
          <cell r="BG396" t="e">
            <v>#DIV/0!</v>
          </cell>
          <cell r="BJ396">
            <v>0</v>
          </cell>
          <cell r="BK396">
            <v>0</v>
          </cell>
          <cell r="BL396" t="str">
            <v/>
          </cell>
          <cell r="BO396" t="str">
            <v/>
          </cell>
          <cell r="BP396" t="e">
            <v>#N/A</v>
          </cell>
          <cell r="BQ396" t="e">
            <v>#N/A</v>
          </cell>
          <cell r="BS396" t="e">
            <v>#N/A</v>
          </cell>
          <cell r="BT396" t="e">
            <v>#N/A</v>
          </cell>
        </row>
        <row r="397">
          <cell r="I397">
            <v>1</v>
          </cell>
          <cell r="J397" t="str">
            <v>式</v>
          </cell>
          <cell r="K397" t="str">
            <v/>
          </cell>
          <cell r="L397">
            <v>0</v>
          </cell>
          <cell r="M397" t="e">
            <v>#N/A</v>
          </cell>
          <cell r="V397" t="e">
            <v>#N/A</v>
          </cell>
          <cell r="W397" t="str">
            <v xml:space="preserve"> </v>
          </cell>
          <cell r="X397" t="e">
            <v>#N/A</v>
          </cell>
          <cell r="Y397" t="e">
            <v>#N/A</v>
          </cell>
          <cell r="AD397" t="e">
            <v>#VALUE!</v>
          </cell>
          <cell r="AH397" t="str">
            <v/>
          </cell>
          <cell r="AP397">
            <v>3</v>
          </cell>
          <cell r="BD397" t="e">
            <v>#N/A</v>
          </cell>
          <cell r="BF397" t="e">
            <v>#N/A</v>
          </cell>
          <cell r="BG397" t="e">
            <v>#DIV/0!</v>
          </cell>
          <cell r="BJ397">
            <v>0</v>
          </cell>
          <cell r="BK397">
            <v>0</v>
          </cell>
          <cell r="BL397" t="str">
            <v/>
          </cell>
          <cell r="BO397" t="str">
            <v/>
          </cell>
          <cell r="BP397" t="e">
            <v>#N/A</v>
          </cell>
          <cell r="BQ397" t="e">
            <v>#N/A</v>
          </cell>
          <cell r="BS397" t="e">
            <v>#N/A</v>
          </cell>
          <cell r="BT397" t="e">
            <v>#N/A</v>
          </cell>
        </row>
        <row r="398">
          <cell r="I398">
            <v>1</v>
          </cell>
          <cell r="J398" t="str">
            <v>式</v>
          </cell>
          <cell r="K398" t="str">
            <v/>
          </cell>
          <cell r="L398">
            <v>0</v>
          </cell>
          <cell r="M398" t="e">
            <v>#N/A</v>
          </cell>
          <cell r="V398" t="e">
            <v>#N/A</v>
          </cell>
          <cell r="W398" t="str">
            <v xml:space="preserve"> </v>
          </cell>
          <cell r="X398" t="e">
            <v>#N/A</v>
          </cell>
          <cell r="Y398" t="e">
            <v>#N/A</v>
          </cell>
          <cell r="AD398" t="e">
            <v>#VALUE!</v>
          </cell>
          <cell r="AH398" t="str">
            <v/>
          </cell>
          <cell r="AP398">
            <v>3</v>
          </cell>
          <cell r="BD398" t="e">
            <v>#N/A</v>
          </cell>
          <cell r="BF398" t="e">
            <v>#N/A</v>
          </cell>
          <cell r="BG398" t="e">
            <v>#DIV/0!</v>
          </cell>
          <cell r="BJ398">
            <v>0</v>
          </cell>
          <cell r="BK398">
            <v>0</v>
          </cell>
          <cell r="BL398" t="str">
            <v/>
          </cell>
          <cell r="BO398" t="str">
            <v/>
          </cell>
          <cell r="BP398" t="e">
            <v>#N/A</v>
          </cell>
          <cell r="BQ398" t="e">
            <v>#N/A</v>
          </cell>
          <cell r="BS398" t="e">
            <v>#N/A</v>
          </cell>
          <cell r="BT398" t="e">
            <v>#N/A</v>
          </cell>
        </row>
        <row r="399">
          <cell r="I399">
            <v>1</v>
          </cell>
          <cell r="J399" t="str">
            <v>式</v>
          </cell>
          <cell r="K399" t="str">
            <v/>
          </cell>
          <cell r="L399">
            <v>0</v>
          </cell>
          <cell r="M399" t="e">
            <v>#N/A</v>
          </cell>
          <cell r="V399" t="e">
            <v>#N/A</v>
          </cell>
          <cell r="W399" t="str">
            <v xml:space="preserve"> </v>
          </cell>
          <cell r="X399" t="e">
            <v>#N/A</v>
          </cell>
          <cell r="Y399" t="e">
            <v>#N/A</v>
          </cell>
          <cell r="AD399" t="e">
            <v>#VALUE!</v>
          </cell>
          <cell r="AH399" t="str">
            <v/>
          </cell>
          <cell r="AP399">
            <v>3</v>
          </cell>
          <cell r="BD399" t="e">
            <v>#N/A</v>
          </cell>
          <cell r="BF399" t="e">
            <v>#N/A</v>
          </cell>
          <cell r="BG399" t="e">
            <v>#DIV/0!</v>
          </cell>
          <cell r="BJ399">
            <v>0</v>
          </cell>
          <cell r="BK399">
            <v>0</v>
          </cell>
          <cell r="BL399" t="str">
            <v/>
          </cell>
          <cell r="BO399" t="str">
            <v/>
          </cell>
          <cell r="BP399" t="e">
            <v>#N/A</v>
          </cell>
          <cell r="BQ399" t="e">
            <v>#N/A</v>
          </cell>
          <cell r="BS399" t="e">
            <v>#N/A</v>
          </cell>
          <cell r="BT399" t="e">
            <v>#N/A</v>
          </cell>
        </row>
        <row r="400">
          <cell r="I400">
            <v>1</v>
          </cell>
          <cell r="J400" t="str">
            <v>式</v>
          </cell>
          <cell r="K400" t="str">
            <v/>
          </cell>
          <cell r="L400">
            <v>0</v>
          </cell>
          <cell r="M400" t="e">
            <v>#N/A</v>
          </cell>
          <cell r="V400" t="e">
            <v>#N/A</v>
          </cell>
          <cell r="W400" t="str">
            <v xml:space="preserve"> </v>
          </cell>
          <cell r="X400" t="e">
            <v>#N/A</v>
          </cell>
          <cell r="Y400" t="e">
            <v>#N/A</v>
          </cell>
          <cell r="AD400" t="e">
            <v>#VALUE!</v>
          </cell>
          <cell r="AH400" t="str">
            <v/>
          </cell>
          <cell r="AP400">
            <v>3</v>
          </cell>
          <cell r="BD400" t="e">
            <v>#N/A</v>
          </cell>
          <cell r="BF400" t="e">
            <v>#N/A</v>
          </cell>
          <cell r="BG400" t="e">
            <v>#DIV/0!</v>
          </cell>
          <cell r="BJ400">
            <v>0</v>
          </cell>
          <cell r="BK400">
            <v>0</v>
          </cell>
          <cell r="BL400" t="str">
            <v/>
          </cell>
          <cell r="BO400" t="str">
            <v/>
          </cell>
          <cell r="BP400" t="e">
            <v>#N/A</v>
          </cell>
          <cell r="BQ400" t="e">
            <v>#N/A</v>
          </cell>
          <cell r="BS400" t="e">
            <v>#N/A</v>
          </cell>
          <cell r="BT400" t="e">
            <v>#N/A</v>
          </cell>
        </row>
        <row r="401">
          <cell r="I401">
            <v>1</v>
          </cell>
          <cell r="J401" t="str">
            <v>式</v>
          </cell>
          <cell r="K401" t="str">
            <v/>
          </cell>
          <cell r="L401">
            <v>0</v>
          </cell>
          <cell r="M401" t="e">
            <v>#N/A</v>
          </cell>
          <cell r="V401" t="e">
            <v>#N/A</v>
          </cell>
          <cell r="W401" t="str">
            <v xml:space="preserve"> </v>
          </cell>
          <cell r="X401" t="e">
            <v>#N/A</v>
          </cell>
          <cell r="Y401" t="e">
            <v>#N/A</v>
          </cell>
          <cell r="AD401" t="e">
            <v>#VALUE!</v>
          </cell>
          <cell r="AP401">
            <v>3</v>
          </cell>
          <cell r="BD401" t="e">
            <v>#N/A</v>
          </cell>
          <cell r="BF401" t="e">
            <v>#N/A</v>
          </cell>
          <cell r="BG401" t="e">
            <v>#DIV/0!</v>
          </cell>
          <cell r="BJ401">
            <v>0</v>
          </cell>
          <cell r="BK401">
            <v>0</v>
          </cell>
          <cell r="BL401" t="str">
            <v/>
          </cell>
          <cell r="BO401" t="str">
            <v/>
          </cell>
          <cell r="BP401" t="e">
            <v>#N/A</v>
          </cell>
          <cell r="BQ401" t="e">
            <v>#N/A</v>
          </cell>
          <cell r="BS401" t="e">
            <v>#N/A</v>
          </cell>
          <cell r="BT401" t="e">
            <v>#N/A</v>
          </cell>
        </row>
        <row r="402">
          <cell r="I402">
            <v>1</v>
          </cell>
          <cell r="J402" t="str">
            <v>式</v>
          </cell>
          <cell r="K402" t="str">
            <v/>
          </cell>
          <cell r="L402">
            <v>0</v>
          </cell>
          <cell r="M402" t="e">
            <v>#N/A</v>
          </cell>
          <cell r="V402" t="e">
            <v>#N/A</v>
          </cell>
          <cell r="W402" t="str">
            <v xml:space="preserve"> </v>
          </cell>
          <cell r="X402" t="e">
            <v>#N/A</v>
          </cell>
          <cell r="Y402" t="e">
            <v>#N/A</v>
          </cell>
          <cell r="AD402" t="e">
            <v>#VALUE!</v>
          </cell>
          <cell r="AH402" t="str">
            <v/>
          </cell>
          <cell r="AP402">
            <v>3</v>
          </cell>
          <cell r="BD402" t="e">
            <v>#N/A</v>
          </cell>
          <cell r="BF402" t="e">
            <v>#N/A</v>
          </cell>
          <cell r="BG402" t="e">
            <v>#DIV/0!</v>
          </cell>
          <cell r="BJ402">
            <v>0</v>
          </cell>
          <cell r="BK402">
            <v>0</v>
          </cell>
          <cell r="BL402" t="str">
            <v/>
          </cell>
          <cell r="BO402" t="str">
            <v/>
          </cell>
          <cell r="BP402" t="e">
            <v>#N/A</v>
          </cell>
          <cell r="BQ402" t="e">
            <v>#N/A</v>
          </cell>
          <cell r="BS402" t="e">
            <v>#N/A</v>
          </cell>
          <cell r="BT402" t="e">
            <v>#N/A</v>
          </cell>
        </row>
        <row r="403">
          <cell r="I403">
            <v>1</v>
          </cell>
          <cell r="J403" t="str">
            <v>式</v>
          </cell>
          <cell r="K403" t="str">
            <v/>
          </cell>
          <cell r="L403">
            <v>0</v>
          </cell>
          <cell r="M403" t="e">
            <v>#N/A</v>
          </cell>
          <cell r="V403" t="e">
            <v>#N/A</v>
          </cell>
          <cell r="W403" t="str">
            <v xml:space="preserve"> </v>
          </cell>
          <cell r="X403" t="e">
            <v>#N/A</v>
          </cell>
          <cell r="Y403" t="e">
            <v>#N/A</v>
          </cell>
          <cell r="AD403" t="e">
            <v>#VALUE!</v>
          </cell>
          <cell r="AH403" t="str">
            <v/>
          </cell>
          <cell r="AP403">
            <v>3</v>
          </cell>
          <cell r="BD403" t="e">
            <v>#N/A</v>
          </cell>
          <cell r="BF403" t="e">
            <v>#N/A</v>
          </cell>
          <cell r="BG403" t="e">
            <v>#DIV/0!</v>
          </cell>
          <cell r="BJ403">
            <v>0</v>
          </cell>
          <cell r="BK403">
            <v>0</v>
          </cell>
          <cell r="BL403" t="str">
            <v/>
          </cell>
          <cell r="BO403" t="str">
            <v/>
          </cell>
          <cell r="BP403" t="e">
            <v>#N/A</v>
          </cell>
          <cell r="BQ403" t="e">
            <v>#N/A</v>
          </cell>
          <cell r="BS403" t="e">
            <v>#N/A</v>
          </cell>
          <cell r="BT403" t="e">
            <v>#N/A</v>
          </cell>
        </row>
        <row r="404">
          <cell r="I404">
            <v>1</v>
          </cell>
          <cell r="J404" t="str">
            <v>式</v>
          </cell>
          <cell r="K404" t="str">
            <v/>
          </cell>
          <cell r="L404">
            <v>0</v>
          </cell>
          <cell r="M404" t="e">
            <v>#N/A</v>
          </cell>
          <cell r="V404" t="e">
            <v>#N/A</v>
          </cell>
          <cell r="W404" t="str">
            <v xml:space="preserve"> </v>
          </cell>
          <cell r="X404" t="e">
            <v>#N/A</v>
          </cell>
          <cell r="Y404" t="e">
            <v>#N/A</v>
          </cell>
          <cell r="AD404" t="e">
            <v>#VALUE!</v>
          </cell>
          <cell r="AH404" t="str">
            <v/>
          </cell>
          <cell r="AP404">
            <v>3</v>
          </cell>
          <cell r="BD404" t="e">
            <v>#N/A</v>
          </cell>
          <cell r="BF404" t="e">
            <v>#N/A</v>
          </cell>
          <cell r="BG404" t="e">
            <v>#DIV/0!</v>
          </cell>
          <cell r="BJ404">
            <v>0</v>
          </cell>
          <cell r="BK404">
            <v>0</v>
          </cell>
          <cell r="BL404" t="str">
            <v/>
          </cell>
          <cell r="BO404" t="str">
            <v/>
          </cell>
          <cell r="BP404" t="e">
            <v>#N/A</v>
          </cell>
          <cell r="BQ404" t="e">
            <v>#N/A</v>
          </cell>
          <cell r="BS404" t="e">
            <v>#N/A</v>
          </cell>
          <cell r="BT404" t="e">
            <v>#N/A</v>
          </cell>
        </row>
        <row r="405">
          <cell r="I405">
            <v>1</v>
          </cell>
          <cell r="J405" t="str">
            <v>式</v>
          </cell>
          <cell r="K405" t="str">
            <v/>
          </cell>
          <cell r="L405">
            <v>0</v>
          </cell>
          <cell r="M405" t="e">
            <v>#N/A</v>
          </cell>
          <cell r="V405" t="e">
            <v>#N/A</v>
          </cell>
          <cell r="W405" t="str">
            <v xml:space="preserve"> </v>
          </cell>
          <cell r="X405" t="e">
            <v>#N/A</v>
          </cell>
          <cell r="Y405" t="e">
            <v>#N/A</v>
          </cell>
          <cell r="AD405" t="e">
            <v>#VALUE!</v>
          </cell>
          <cell r="AH405" t="str">
            <v/>
          </cell>
          <cell r="AP405">
            <v>3</v>
          </cell>
          <cell r="BD405" t="e">
            <v>#N/A</v>
          </cell>
          <cell r="BF405" t="e">
            <v>#N/A</v>
          </cell>
          <cell r="BG405" t="e">
            <v>#DIV/0!</v>
          </cell>
          <cell r="BJ405">
            <v>0</v>
          </cell>
          <cell r="BK405">
            <v>0</v>
          </cell>
          <cell r="BL405" t="str">
            <v/>
          </cell>
          <cell r="BO405" t="str">
            <v/>
          </cell>
          <cell r="BP405" t="e">
            <v>#N/A</v>
          </cell>
          <cell r="BQ405" t="e">
            <v>#N/A</v>
          </cell>
          <cell r="BS405" t="e">
            <v>#N/A</v>
          </cell>
          <cell r="BT405" t="e">
            <v>#N/A</v>
          </cell>
        </row>
        <row r="406">
          <cell r="I406">
            <v>1</v>
          </cell>
          <cell r="J406" t="str">
            <v>式</v>
          </cell>
          <cell r="K406" t="str">
            <v/>
          </cell>
          <cell r="L406">
            <v>0</v>
          </cell>
          <cell r="M406" t="e">
            <v>#N/A</v>
          </cell>
          <cell r="V406" t="e">
            <v>#N/A</v>
          </cell>
          <cell r="W406" t="str">
            <v xml:space="preserve"> </v>
          </cell>
          <cell r="X406" t="e">
            <v>#N/A</v>
          </cell>
          <cell r="Y406" t="e">
            <v>#N/A</v>
          </cell>
          <cell r="AD406" t="e">
            <v>#VALUE!</v>
          </cell>
          <cell r="AH406" t="str">
            <v/>
          </cell>
          <cell r="AP406">
            <v>3</v>
          </cell>
          <cell r="BD406" t="e">
            <v>#N/A</v>
          </cell>
          <cell r="BF406" t="e">
            <v>#N/A</v>
          </cell>
          <cell r="BG406" t="e">
            <v>#DIV/0!</v>
          </cell>
          <cell r="BJ406">
            <v>0</v>
          </cell>
          <cell r="BK406">
            <v>0</v>
          </cell>
          <cell r="BL406" t="str">
            <v/>
          </cell>
          <cell r="BO406" t="str">
            <v/>
          </cell>
          <cell r="BP406" t="e">
            <v>#N/A</v>
          </cell>
          <cell r="BQ406" t="e">
            <v>#N/A</v>
          </cell>
          <cell r="BS406" t="e">
            <v>#N/A</v>
          </cell>
          <cell r="BT406" t="e">
            <v>#N/A</v>
          </cell>
        </row>
        <row r="407">
          <cell r="I407">
            <v>1</v>
          </cell>
          <cell r="J407" t="str">
            <v>式</v>
          </cell>
          <cell r="K407" t="str">
            <v/>
          </cell>
          <cell r="L407">
            <v>0</v>
          </cell>
          <cell r="M407" t="e">
            <v>#N/A</v>
          </cell>
          <cell r="V407" t="e">
            <v>#N/A</v>
          </cell>
          <cell r="W407" t="str">
            <v xml:space="preserve"> </v>
          </cell>
          <cell r="X407" t="e">
            <v>#N/A</v>
          </cell>
          <cell r="Y407" t="e">
            <v>#N/A</v>
          </cell>
          <cell r="AD407" t="e">
            <v>#VALUE!</v>
          </cell>
          <cell r="AH407" t="str">
            <v/>
          </cell>
          <cell r="AP407">
            <v>3</v>
          </cell>
          <cell r="BD407" t="e">
            <v>#N/A</v>
          </cell>
          <cell r="BF407" t="e">
            <v>#N/A</v>
          </cell>
          <cell r="BG407" t="e">
            <v>#DIV/0!</v>
          </cell>
          <cell r="BJ407">
            <v>0</v>
          </cell>
          <cell r="BK407">
            <v>0</v>
          </cell>
          <cell r="BL407" t="str">
            <v/>
          </cell>
          <cell r="BO407" t="str">
            <v/>
          </cell>
          <cell r="BP407" t="e">
            <v>#N/A</v>
          </cell>
          <cell r="BQ407" t="e">
            <v>#N/A</v>
          </cell>
          <cell r="BS407" t="e">
            <v>#N/A</v>
          </cell>
          <cell r="BT407" t="e">
            <v>#N/A</v>
          </cell>
        </row>
        <row r="408">
          <cell r="I408">
            <v>1</v>
          </cell>
          <cell r="J408" t="str">
            <v>式</v>
          </cell>
          <cell r="K408" t="str">
            <v/>
          </cell>
          <cell r="L408">
            <v>0</v>
          </cell>
          <cell r="M408" t="e">
            <v>#N/A</v>
          </cell>
          <cell r="V408" t="e">
            <v>#N/A</v>
          </cell>
          <cell r="W408" t="str">
            <v xml:space="preserve"> </v>
          </cell>
          <cell r="X408" t="e">
            <v>#N/A</v>
          </cell>
          <cell r="Y408" t="e">
            <v>#N/A</v>
          </cell>
          <cell r="AD408" t="e">
            <v>#VALUE!</v>
          </cell>
          <cell r="AH408" t="str">
            <v/>
          </cell>
          <cell r="AP408">
            <v>3</v>
          </cell>
          <cell r="BD408" t="e">
            <v>#N/A</v>
          </cell>
          <cell r="BF408" t="e">
            <v>#N/A</v>
          </cell>
          <cell r="BG408" t="e">
            <v>#DIV/0!</v>
          </cell>
          <cell r="BJ408">
            <v>0</v>
          </cell>
          <cell r="BK408">
            <v>0</v>
          </cell>
          <cell r="BL408" t="str">
            <v/>
          </cell>
          <cell r="BO408" t="str">
            <v/>
          </cell>
          <cell r="BP408" t="e">
            <v>#N/A</v>
          </cell>
          <cell r="BQ408" t="e">
            <v>#N/A</v>
          </cell>
          <cell r="BS408" t="e">
            <v>#N/A</v>
          </cell>
          <cell r="BT408" t="e">
            <v>#N/A</v>
          </cell>
        </row>
        <row r="409">
          <cell r="I409">
            <v>1</v>
          </cell>
          <cell r="J409" t="str">
            <v>式</v>
          </cell>
          <cell r="K409" t="str">
            <v/>
          </cell>
          <cell r="L409">
            <v>0</v>
          </cell>
          <cell r="M409" t="e">
            <v>#N/A</v>
          </cell>
          <cell r="V409" t="e">
            <v>#N/A</v>
          </cell>
          <cell r="W409" t="str">
            <v xml:space="preserve"> </v>
          </cell>
          <cell r="X409" t="e">
            <v>#N/A</v>
          </cell>
          <cell r="Y409" t="e">
            <v>#N/A</v>
          </cell>
          <cell r="AD409" t="e">
            <v>#VALUE!</v>
          </cell>
          <cell r="AH409" t="str">
            <v/>
          </cell>
          <cell r="AP409">
            <v>3</v>
          </cell>
          <cell r="BD409" t="e">
            <v>#N/A</v>
          </cell>
          <cell r="BF409" t="e">
            <v>#N/A</v>
          </cell>
          <cell r="BG409" t="e">
            <v>#DIV/0!</v>
          </cell>
          <cell r="BJ409">
            <v>0</v>
          </cell>
          <cell r="BK409">
            <v>0</v>
          </cell>
          <cell r="BL409" t="str">
            <v/>
          </cell>
          <cell r="BO409" t="str">
            <v/>
          </cell>
          <cell r="BP409" t="e">
            <v>#N/A</v>
          </cell>
          <cell r="BQ409" t="e">
            <v>#N/A</v>
          </cell>
          <cell r="BS409" t="e">
            <v>#N/A</v>
          </cell>
          <cell r="BT409" t="e">
            <v>#N/A</v>
          </cell>
        </row>
        <row r="410">
          <cell r="I410">
            <v>1</v>
          </cell>
          <cell r="J410" t="str">
            <v>式</v>
          </cell>
          <cell r="K410" t="str">
            <v/>
          </cell>
          <cell r="L410">
            <v>0</v>
          </cell>
          <cell r="M410" t="e">
            <v>#N/A</v>
          </cell>
          <cell r="V410" t="e">
            <v>#N/A</v>
          </cell>
          <cell r="W410" t="str">
            <v xml:space="preserve"> </v>
          </cell>
          <cell r="X410" t="e">
            <v>#N/A</v>
          </cell>
          <cell r="Y410" t="e">
            <v>#N/A</v>
          </cell>
          <cell r="AD410" t="e">
            <v>#VALUE!</v>
          </cell>
          <cell r="AH410" t="str">
            <v/>
          </cell>
          <cell r="AP410">
            <v>3</v>
          </cell>
          <cell r="BD410" t="e">
            <v>#N/A</v>
          </cell>
          <cell r="BF410" t="e">
            <v>#N/A</v>
          </cell>
          <cell r="BG410" t="e">
            <v>#DIV/0!</v>
          </cell>
          <cell r="BJ410">
            <v>0</v>
          </cell>
          <cell r="BK410">
            <v>0</v>
          </cell>
          <cell r="BL410" t="str">
            <v/>
          </cell>
          <cell r="BO410" t="str">
            <v/>
          </cell>
          <cell r="BP410" t="e">
            <v>#N/A</v>
          </cell>
          <cell r="BQ410" t="e">
            <v>#N/A</v>
          </cell>
          <cell r="BS410" t="e">
            <v>#N/A</v>
          </cell>
          <cell r="BT410" t="e">
            <v>#N/A</v>
          </cell>
        </row>
        <row r="411">
          <cell r="I411">
            <v>1</v>
          </cell>
          <cell r="J411" t="str">
            <v>式</v>
          </cell>
          <cell r="K411" t="str">
            <v/>
          </cell>
          <cell r="L411">
            <v>0</v>
          </cell>
          <cell r="M411" t="e">
            <v>#N/A</v>
          </cell>
          <cell r="V411" t="e">
            <v>#N/A</v>
          </cell>
          <cell r="W411" t="str">
            <v xml:space="preserve"> </v>
          </cell>
          <cell r="X411" t="e">
            <v>#N/A</v>
          </cell>
          <cell r="Y411" t="e">
            <v>#N/A</v>
          </cell>
          <cell r="AD411" t="e">
            <v>#VALUE!</v>
          </cell>
          <cell r="AH411" t="str">
            <v/>
          </cell>
          <cell r="AP411">
            <v>3</v>
          </cell>
          <cell r="BD411" t="e">
            <v>#N/A</v>
          </cell>
          <cell r="BF411" t="e">
            <v>#N/A</v>
          </cell>
          <cell r="BG411" t="e">
            <v>#DIV/0!</v>
          </cell>
          <cell r="BJ411">
            <v>0</v>
          </cell>
          <cell r="BK411">
            <v>0</v>
          </cell>
          <cell r="BL411" t="str">
            <v/>
          </cell>
          <cell r="BO411" t="str">
            <v/>
          </cell>
          <cell r="BP411" t="e">
            <v>#N/A</v>
          </cell>
          <cell r="BQ411" t="e">
            <v>#N/A</v>
          </cell>
          <cell r="BS411" t="e">
            <v>#N/A</v>
          </cell>
          <cell r="BT411" t="e">
            <v>#N/A</v>
          </cell>
        </row>
        <row r="412">
          <cell r="I412">
            <v>1</v>
          </cell>
          <cell r="J412" t="str">
            <v>式</v>
          </cell>
          <cell r="K412" t="str">
            <v/>
          </cell>
          <cell r="L412">
            <v>0</v>
          </cell>
          <cell r="M412" t="e">
            <v>#N/A</v>
          </cell>
          <cell r="V412" t="e">
            <v>#N/A</v>
          </cell>
          <cell r="W412" t="str">
            <v xml:space="preserve"> </v>
          </cell>
          <cell r="X412" t="e">
            <v>#N/A</v>
          </cell>
          <cell r="Y412" t="e">
            <v>#N/A</v>
          </cell>
          <cell r="AD412" t="e">
            <v>#VALUE!</v>
          </cell>
          <cell r="AH412" t="str">
            <v/>
          </cell>
          <cell r="AP412">
            <v>3</v>
          </cell>
          <cell r="BD412" t="e">
            <v>#N/A</v>
          </cell>
          <cell r="BF412" t="e">
            <v>#N/A</v>
          </cell>
          <cell r="BG412" t="e">
            <v>#DIV/0!</v>
          </cell>
          <cell r="BJ412">
            <v>0</v>
          </cell>
          <cell r="BK412">
            <v>0</v>
          </cell>
          <cell r="BL412" t="str">
            <v/>
          </cell>
          <cell r="BO412" t="str">
            <v/>
          </cell>
          <cell r="BP412" t="e">
            <v>#N/A</v>
          </cell>
          <cell r="BQ412" t="e">
            <v>#N/A</v>
          </cell>
          <cell r="BS412" t="e">
            <v>#N/A</v>
          </cell>
          <cell r="BT412" t="e">
            <v>#N/A</v>
          </cell>
        </row>
        <row r="413">
          <cell r="I413">
            <v>1</v>
          </cell>
          <cell r="J413" t="str">
            <v>式</v>
          </cell>
          <cell r="K413" t="str">
            <v/>
          </cell>
          <cell r="L413">
            <v>0</v>
          </cell>
          <cell r="M413" t="e">
            <v>#N/A</v>
          </cell>
          <cell r="V413" t="e">
            <v>#N/A</v>
          </cell>
          <cell r="W413" t="str">
            <v xml:space="preserve"> </v>
          </cell>
          <cell r="X413" t="e">
            <v>#N/A</v>
          </cell>
          <cell r="Y413" t="e">
            <v>#N/A</v>
          </cell>
          <cell r="AD413" t="e">
            <v>#VALUE!</v>
          </cell>
          <cell r="AH413" t="str">
            <v/>
          </cell>
          <cell r="AP413">
            <v>3</v>
          </cell>
          <cell r="BD413" t="e">
            <v>#N/A</v>
          </cell>
          <cell r="BF413" t="e">
            <v>#N/A</v>
          </cell>
          <cell r="BG413" t="e">
            <v>#DIV/0!</v>
          </cell>
          <cell r="BJ413">
            <v>0</v>
          </cell>
          <cell r="BK413">
            <v>0</v>
          </cell>
          <cell r="BL413" t="str">
            <v/>
          </cell>
          <cell r="BO413" t="str">
            <v/>
          </cell>
          <cell r="BP413" t="e">
            <v>#N/A</v>
          </cell>
          <cell r="BQ413" t="e">
            <v>#N/A</v>
          </cell>
          <cell r="BS413" t="e">
            <v>#N/A</v>
          </cell>
          <cell r="BT413" t="e">
            <v>#N/A</v>
          </cell>
        </row>
        <row r="414">
          <cell r="I414">
            <v>1</v>
          </cell>
          <cell r="J414" t="str">
            <v>式</v>
          </cell>
          <cell r="K414" t="str">
            <v/>
          </cell>
          <cell r="L414">
            <v>0</v>
          </cell>
          <cell r="M414" t="e">
            <v>#N/A</v>
          </cell>
          <cell r="V414" t="e">
            <v>#N/A</v>
          </cell>
          <cell r="W414" t="str">
            <v xml:space="preserve"> </v>
          </cell>
          <cell r="X414" t="e">
            <v>#N/A</v>
          </cell>
          <cell r="Y414" t="e">
            <v>#N/A</v>
          </cell>
          <cell r="AD414" t="e">
            <v>#VALUE!</v>
          </cell>
          <cell r="AH414" t="str">
            <v/>
          </cell>
          <cell r="AP414">
            <v>3</v>
          </cell>
          <cell r="BD414" t="e">
            <v>#N/A</v>
          </cell>
          <cell r="BF414" t="e">
            <v>#N/A</v>
          </cell>
          <cell r="BG414" t="e">
            <v>#DIV/0!</v>
          </cell>
          <cell r="BJ414">
            <v>0</v>
          </cell>
          <cell r="BK414">
            <v>0</v>
          </cell>
          <cell r="BL414" t="str">
            <v/>
          </cell>
          <cell r="BO414" t="str">
            <v/>
          </cell>
          <cell r="BP414" t="e">
            <v>#N/A</v>
          </cell>
          <cell r="BQ414" t="e">
            <v>#N/A</v>
          </cell>
          <cell r="BS414" t="e">
            <v>#N/A</v>
          </cell>
          <cell r="BT414" t="e">
            <v>#N/A</v>
          </cell>
        </row>
        <row r="415">
          <cell r="I415">
            <v>1</v>
          </cell>
          <cell r="J415" t="str">
            <v>式</v>
          </cell>
          <cell r="K415" t="str">
            <v/>
          </cell>
          <cell r="L415">
            <v>0</v>
          </cell>
          <cell r="M415" t="e">
            <v>#N/A</v>
          </cell>
          <cell r="V415" t="e">
            <v>#N/A</v>
          </cell>
          <cell r="W415" t="str">
            <v xml:space="preserve"> </v>
          </cell>
          <cell r="X415" t="e">
            <v>#N/A</v>
          </cell>
          <cell r="Y415" t="e">
            <v>#N/A</v>
          </cell>
          <cell r="AD415" t="e">
            <v>#VALUE!</v>
          </cell>
          <cell r="AH415" t="str">
            <v/>
          </cell>
          <cell r="AP415">
            <v>3</v>
          </cell>
          <cell r="BD415" t="e">
            <v>#N/A</v>
          </cell>
          <cell r="BF415" t="e">
            <v>#N/A</v>
          </cell>
          <cell r="BG415" t="e">
            <v>#DIV/0!</v>
          </cell>
          <cell r="BJ415">
            <v>0</v>
          </cell>
          <cell r="BK415">
            <v>0</v>
          </cell>
          <cell r="BL415" t="str">
            <v/>
          </cell>
          <cell r="BO415" t="str">
            <v/>
          </cell>
          <cell r="BP415" t="e">
            <v>#N/A</v>
          </cell>
          <cell r="BQ415" t="e">
            <v>#N/A</v>
          </cell>
          <cell r="BS415" t="e">
            <v>#N/A</v>
          </cell>
          <cell r="BT415" t="e">
            <v>#N/A</v>
          </cell>
        </row>
        <row r="416">
          <cell r="I416">
            <v>1</v>
          </cell>
          <cell r="J416" t="str">
            <v>式</v>
          </cell>
          <cell r="K416" t="str">
            <v/>
          </cell>
          <cell r="L416">
            <v>0</v>
          </cell>
          <cell r="M416" t="e">
            <v>#N/A</v>
          </cell>
          <cell r="V416" t="e">
            <v>#N/A</v>
          </cell>
          <cell r="W416" t="str">
            <v xml:space="preserve"> </v>
          </cell>
          <cell r="X416" t="e">
            <v>#N/A</v>
          </cell>
          <cell r="Y416" t="e">
            <v>#N/A</v>
          </cell>
          <cell r="AD416" t="e">
            <v>#VALUE!</v>
          </cell>
          <cell r="AH416" t="str">
            <v/>
          </cell>
          <cell r="AP416">
            <v>3</v>
          </cell>
          <cell r="BD416" t="e">
            <v>#N/A</v>
          </cell>
          <cell r="BF416" t="e">
            <v>#N/A</v>
          </cell>
          <cell r="BG416" t="e">
            <v>#DIV/0!</v>
          </cell>
          <cell r="BJ416">
            <v>0</v>
          </cell>
          <cell r="BK416">
            <v>0</v>
          </cell>
          <cell r="BL416" t="str">
            <v/>
          </cell>
          <cell r="BO416" t="str">
            <v/>
          </cell>
          <cell r="BP416" t="e">
            <v>#N/A</v>
          </cell>
          <cell r="BQ416" t="e">
            <v>#N/A</v>
          </cell>
          <cell r="BS416" t="e">
            <v>#N/A</v>
          </cell>
          <cell r="BT416" t="e">
            <v>#N/A</v>
          </cell>
        </row>
        <row r="417">
          <cell r="I417">
            <v>1</v>
          </cell>
          <cell r="J417" t="str">
            <v>式</v>
          </cell>
          <cell r="K417" t="str">
            <v/>
          </cell>
          <cell r="L417">
            <v>0</v>
          </cell>
          <cell r="M417" t="e">
            <v>#N/A</v>
          </cell>
          <cell r="V417" t="e">
            <v>#N/A</v>
          </cell>
          <cell r="W417" t="str">
            <v xml:space="preserve"> </v>
          </cell>
          <cell r="X417" t="e">
            <v>#N/A</v>
          </cell>
          <cell r="Y417" t="e">
            <v>#N/A</v>
          </cell>
          <cell r="AD417" t="e">
            <v>#VALUE!</v>
          </cell>
          <cell r="AH417" t="str">
            <v/>
          </cell>
          <cell r="AP417">
            <v>3</v>
          </cell>
          <cell r="BD417" t="e">
            <v>#N/A</v>
          </cell>
          <cell r="BF417" t="e">
            <v>#N/A</v>
          </cell>
          <cell r="BG417" t="e">
            <v>#DIV/0!</v>
          </cell>
          <cell r="BJ417">
            <v>0</v>
          </cell>
          <cell r="BK417">
            <v>0</v>
          </cell>
          <cell r="BL417" t="str">
            <v/>
          </cell>
          <cell r="BO417" t="str">
            <v/>
          </cell>
          <cell r="BP417" t="e">
            <v>#N/A</v>
          </cell>
          <cell r="BQ417" t="e">
            <v>#N/A</v>
          </cell>
          <cell r="BS417" t="e">
            <v>#N/A</v>
          </cell>
          <cell r="BT417" t="e">
            <v>#N/A</v>
          </cell>
        </row>
        <row r="418">
          <cell r="I418">
            <v>1</v>
          </cell>
          <cell r="J418" t="str">
            <v>式</v>
          </cell>
          <cell r="K418" t="str">
            <v/>
          </cell>
          <cell r="L418">
            <v>0</v>
          </cell>
          <cell r="M418" t="e">
            <v>#N/A</v>
          </cell>
          <cell r="V418" t="e">
            <v>#N/A</v>
          </cell>
          <cell r="W418" t="str">
            <v xml:space="preserve"> </v>
          </cell>
          <cell r="X418" t="e">
            <v>#N/A</v>
          </cell>
          <cell r="Y418" t="e">
            <v>#N/A</v>
          </cell>
          <cell r="AD418" t="e">
            <v>#VALUE!</v>
          </cell>
          <cell r="AH418" t="str">
            <v/>
          </cell>
          <cell r="AP418">
            <v>3</v>
          </cell>
          <cell r="BD418" t="e">
            <v>#N/A</v>
          </cell>
          <cell r="BF418" t="e">
            <v>#N/A</v>
          </cell>
          <cell r="BG418" t="e">
            <v>#DIV/0!</v>
          </cell>
          <cell r="BJ418">
            <v>0</v>
          </cell>
          <cell r="BK418">
            <v>0</v>
          </cell>
          <cell r="BL418" t="str">
            <v/>
          </cell>
          <cell r="BO418" t="str">
            <v/>
          </cell>
          <cell r="BP418" t="e">
            <v>#N/A</v>
          </cell>
          <cell r="BQ418" t="e">
            <v>#N/A</v>
          </cell>
          <cell r="BS418" t="e">
            <v>#N/A</v>
          </cell>
          <cell r="BT418" t="e">
            <v>#N/A</v>
          </cell>
        </row>
        <row r="419">
          <cell r="I419">
            <v>1</v>
          </cell>
          <cell r="J419" t="str">
            <v>式</v>
          </cell>
          <cell r="K419" t="str">
            <v/>
          </cell>
          <cell r="L419">
            <v>0</v>
          </cell>
          <cell r="M419" t="e">
            <v>#N/A</v>
          </cell>
          <cell r="V419" t="e">
            <v>#N/A</v>
          </cell>
          <cell r="W419" t="str">
            <v xml:space="preserve"> </v>
          </cell>
          <cell r="X419" t="e">
            <v>#N/A</v>
          </cell>
          <cell r="Y419" t="e">
            <v>#N/A</v>
          </cell>
          <cell r="AD419" t="e">
            <v>#VALUE!</v>
          </cell>
          <cell r="AH419" t="str">
            <v/>
          </cell>
          <cell r="AP419">
            <v>3</v>
          </cell>
          <cell r="BD419" t="e">
            <v>#N/A</v>
          </cell>
          <cell r="BF419" t="e">
            <v>#N/A</v>
          </cell>
          <cell r="BG419" t="e">
            <v>#DIV/0!</v>
          </cell>
          <cell r="BJ419">
            <v>0</v>
          </cell>
          <cell r="BK419">
            <v>0</v>
          </cell>
          <cell r="BL419" t="str">
            <v/>
          </cell>
          <cell r="BO419" t="str">
            <v/>
          </cell>
          <cell r="BP419" t="e">
            <v>#N/A</v>
          </cell>
          <cell r="BQ419" t="e">
            <v>#N/A</v>
          </cell>
          <cell r="BS419" t="e">
            <v>#N/A</v>
          </cell>
          <cell r="BT419" t="e">
            <v>#N/A</v>
          </cell>
        </row>
        <row r="420">
          <cell r="I420">
            <v>1</v>
          </cell>
          <cell r="J420" t="str">
            <v>式</v>
          </cell>
          <cell r="K420" t="str">
            <v/>
          </cell>
          <cell r="L420">
            <v>0</v>
          </cell>
          <cell r="M420" t="e">
            <v>#N/A</v>
          </cell>
          <cell r="V420" t="e">
            <v>#N/A</v>
          </cell>
          <cell r="W420" t="str">
            <v xml:space="preserve"> </v>
          </cell>
          <cell r="X420" t="e">
            <v>#N/A</v>
          </cell>
          <cell r="Y420" t="e">
            <v>#N/A</v>
          </cell>
          <cell r="AD420" t="e">
            <v>#VALUE!</v>
          </cell>
          <cell r="AH420" t="str">
            <v/>
          </cell>
          <cell r="AP420">
            <v>3</v>
          </cell>
          <cell r="BD420" t="e">
            <v>#N/A</v>
          </cell>
          <cell r="BF420" t="e">
            <v>#N/A</v>
          </cell>
          <cell r="BG420" t="e">
            <v>#DIV/0!</v>
          </cell>
          <cell r="BJ420">
            <v>0</v>
          </cell>
          <cell r="BK420">
            <v>0</v>
          </cell>
          <cell r="BL420" t="str">
            <v/>
          </cell>
          <cell r="BO420" t="str">
            <v/>
          </cell>
          <cell r="BP420" t="e">
            <v>#N/A</v>
          </cell>
          <cell r="BQ420" t="e">
            <v>#N/A</v>
          </cell>
          <cell r="BS420" t="e">
            <v>#N/A</v>
          </cell>
          <cell r="BT420" t="e">
            <v>#N/A</v>
          </cell>
        </row>
        <row r="421">
          <cell r="I421">
            <v>1</v>
          </cell>
          <cell r="J421" t="str">
            <v>式</v>
          </cell>
          <cell r="K421" t="str">
            <v/>
          </cell>
          <cell r="L421">
            <v>0</v>
          </cell>
          <cell r="M421" t="e">
            <v>#N/A</v>
          </cell>
          <cell r="V421" t="e">
            <v>#N/A</v>
          </cell>
          <cell r="W421" t="str">
            <v xml:space="preserve"> </v>
          </cell>
          <cell r="X421" t="e">
            <v>#N/A</v>
          </cell>
          <cell r="Y421" t="e">
            <v>#N/A</v>
          </cell>
          <cell r="AD421" t="e">
            <v>#VALUE!</v>
          </cell>
          <cell r="AH421" t="str">
            <v/>
          </cell>
          <cell r="AP421">
            <v>3</v>
          </cell>
          <cell r="BD421" t="e">
            <v>#N/A</v>
          </cell>
          <cell r="BF421" t="e">
            <v>#N/A</v>
          </cell>
          <cell r="BG421" t="e">
            <v>#DIV/0!</v>
          </cell>
          <cell r="BJ421">
            <v>0</v>
          </cell>
          <cell r="BK421">
            <v>0</v>
          </cell>
          <cell r="BL421" t="str">
            <v/>
          </cell>
          <cell r="BO421" t="str">
            <v/>
          </cell>
          <cell r="BP421" t="e">
            <v>#N/A</v>
          </cell>
          <cell r="BQ421" t="e">
            <v>#N/A</v>
          </cell>
          <cell r="BS421" t="e">
            <v>#N/A</v>
          </cell>
          <cell r="BT421" t="e">
            <v>#N/A</v>
          </cell>
        </row>
        <row r="422">
          <cell r="I422">
            <v>1</v>
          </cell>
          <cell r="J422" t="str">
            <v>式</v>
          </cell>
          <cell r="K422" t="str">
            <v/>
          </cell>
          <cell r="L422">
            <v>0</v>
          </cell>
          <cell r="M422" t="e">
            <v>#N/A</v>
          </cell>
          <cell r="V422" t="e">
            <v>#N/A</v>
          </cell>
          <cell r="W422" t="str">
            <v xml:space="preserve"> </v>
          </cell>
          <cell r="X422" t="e">
            <v>#N/A</v>
          </cell>
          <cell r="Y422" t="e">
            <v>#N/A</v>
          </cell>
          <cell r="AD422" t="e">
            <v>#VALUE!</v>
          </cell>
          <cell r="AH422" t="str">
            <v/>
          </cell>
          <cell r="AP422">
            <v>3</v>
          </cell>
          <cell r="BD422" t="e">
            <v>#N/A</v>
          </cell>
          <cell r="BF422" t="e">
            <v>#N/A</v>
          </cell>
          <cell r="BG422" t="e">
            <v>#DIV/0!</v>
          </cell>
          <cell r="BJ422">
            <v>0</v>
          </cell>
          <cell r="BK422">
            <v>0</v>
          </cell>
          <cell r="BL422" t="str">
            <v/>
          </cell>
          <cell r="BO422" t="str">
            <v/>
          </cell>
          <cell r="BP422" t="e">
            <v>#N/A</v>
          </cell>
          <cell r="BQ422" t="e">
            <v>#N/A</v>
          </cell>
          <cell r="BS422" t="e">
            <v>#N/A</v>
          </cell>
          <cell r="BT422" t="e">
            <v>#N/A</v>
          </cell>
        </row>
        <row r="423">
          <cell r="I423">
            <v>1</v>
          </cell>
          <cell r="J423" t="str">
            <v>式</v>
          </cell>
          <cell r="K423" t="str">
            <v/>
          </cell>
          <cell r="L423">
            <v>0</v>
          </cell>
          <cell r="M423" t="e">
            <v>#N/A</v>
          </cell>
          <cell r="V423" t="e">
            <v>#N/A</v>
          </cell>
          <cell r="W423" t="str">
            <v xml:space="preserve"> </v>
          </cell>
          <cell r="X423" t="e">
            <v>#N/A</v>
          </cell>
          <cell r="Y423" t="e">
            <v>#N/A</v>
          </cell>
          <cell r="AD423" t="e">
            <v>#VALUE!</v>
          </cell>
          <cell r="AH423" t="str">
            <v/>
          </cell>
          <cell r="AP423">
            <v>3</v>
          </cell>
          <cell r="BD423" t="e">
            <v>#N/A</v>
          </cell>
          <cell r="BF423" t="e">
            <v>#N/A</v>
          </cell>
          <cell r="BG423" t="e">
            <v>#DIV/0!</v>
          </cell>
          <cell r="BJ423">
            <v>0</v>
          </cell>
          <cell r="BK423">
            <v>0</v>
          </cell>
          <cell r="BL423" t="str">
            <v/>
          </cell>
          <cell r="BO423" t="str">
            <v/>
          </cell>
          <cell r="BP423" t="e">
            <v>#N/A</v>
          </cell>
          <cell r="BQ423" t="e">
            <v>#N/A</v>
          </cell>
          <cell r="BS423" t="e">
            <v>#N/A</v>
          </cell>
          <cell r="BT423" t="e">
            <v>#N/A</v>
          </cell>
        </row>
        <row r="424">
          <cell r="I424">
            <v>1</v>
          </cell>
          <cell r="J424" t="str">
            <v>式</v>
          </cell>
          <cell r="K424" t="str">
            <v/>
          </cell>
          <cell r="L424">
            <v>0</v>
          </cell>
          <cell r="M424" t="e">
            <v>#N/A</v>
          </cell>
          <cell r="V424" t="e">
            <v>#N/A</v>
          </cell>
          <cell r="W424" t="str">
            <v xml:space="preserve"> </v>
          </cell>
          <cell r="X424" t="e">
            <v>#N/A</v>
          </cell>
          <cell r="Y424" t="e">
            <v>#N/A</v>
          </cell>
          <cell r="AD424" t="e">
            <v>#VALUE!</v>
          </cell>
          <cell r="AH424" t="str">
            <v/>
          </cell>
          <cell r="AP424">
            <v>3</v>
          </cell>
          <cell r="BD424" t="e">
            <v>#N/A</v>
          </cell>
          <cell r="BF424" t="e">
            <v>#N/A</v>
          </cell>
          <cell r="BG424" t="e">
            <v>#DIV/0!</v>
          </cell>
          <cell r="BJ424">
            <v>0</v>
          </cell>
          <cell r="BK424">
            <v>0</v>
          </cell>
          <cell r="BL424" t="str">
            <v/>
          </cell>
          <cell r="BO424" t="str">
            <v/>
          </cell>
          <cell r="BP424" t="e">
            <v>#N/A</v>
          </cell>
          <cell r="BQ424" t="e">
            <v>#N/A</v>
          </cell>
          <cell r="BS424" t="e">
            <v>#N/A</v>
          </cell>
          <cell r="BT424" t="e">
            <v>#N/A</v>
          </cell>
        </row>
        <row r="425">
          <cell r="I425">
            <v>1</v>
          </cell>
          <cell r="J425" t="str">
            <v>式</v>
          </cell>
          <cell r="K425" t="str">
            <v/>
          </cell>
          <cell r="L425">
            <v>0</v>
          </cell>
          <cell r="M425" t="e">
            <v>#N/A</v>
          </cell>
          <cell r="V425" t="e">
            <v>#N/A</v>
          </cell>
          <cell r="W425" t="str">
            <v xml:space="preserve"> </v>
          </cell>
          <cell r="X425" t="e">
            <v>#N/A</v>
          </cell>
          <cell r="Y425" t="e">
            <v>#N/A</v>
          </cell>
          <cell r="AD425" t="e">
            <v>#VALUE!</v>
          </cell>
          <cell r="AH425" t="str">
            <v/>
          </cell>
          <cell r="AP425">
            <v>3</v>
          </cell>
          <cell r="BD425" t="e">
            <v>#N/A</v>
          </cell>
          <cell r="BF425" t="e">
            <v>#N/A</v>
          </cell>
          <cell r="BG425" t="e">
            <v>#DIV/0!</v>
          </cell>
          <cell r="BJ425">
            <v>0</v>
          </cell>
          <cell r="BK425">
            <v>0</v>
          </cell>
          <cell r="BL425" t="str">
            <v/>
          </cell>
          <cell r="BO425" t="str">
            <v/>
          </cell>
          <cell r="BP425" t="e">
            <v>#N/A</v>
          </cell>
          <cell r="BQ425" t="e">
            <v>#N/A</v>
          </cell>
          <cell r="BS425" t="e">
            <v>#N/A</v>
          </cell>
          <cell r="BT425" t="e">
            <v>#N/A</v>
          </cell>
        </row>
        <row r="426">
          <cell r="I426">
            <v>1</v>
          </cell>
          <cell r="J426" t="str">
            <v>式</v>
          </cell>
          <cell r="K426" t="str">
            <v/>
          </cell>
          <cell r="L426">
            <v>0</v>
          </cell>
          <cell r="M426" t="e">
            <v>#N/A</v>
          </cell>
          <cell r="V426" t="e">
            <v>#N/A</v>
          </cell>
          <cell r="W426" t="str">
            <v xml:space="preserve"> </v>
          </cell>
          <cell r="X426" t="e">
            <v>#N/A</v>
          </cell>
          <cell r="Y426" t="e">
            <v>#N/A</v>
          </cell>
          <cell r="AD426" t="e">
            <v>#VALUE!</v>
          </cell>
          <cell r="AH426" t="str">
            <v/>
          </cell>
          <cell r="AP426">
            <v>3</v>
          </cell>
          <cell r="BD426" t="e">
            <v>#N/A</v>
          </cell>
          <cell r="BF426" t="e">
            <v>#N/A</v>
          </cell>
          <cell r="BG426" t="e">
            <v>#DIV/0!</v>
          </cell>
          <cell r="BJ426">
            <v>0</v>
          </cell>
          <cell r="BK426">
            <v>0</v>
          </cell>
          <cell r="BL426" t="str">
            <v/>
          </cell>
          <cell r="BO426" t="str">
            <v/>
          </cell>
          <cell r="BP426" t="e">
            <v>#N/A</v>
          </cell>
          <cell r="BQ426" t="e">
            <v>#N/A</v>
          </cell>
          <cell r="BS426" t="e">
            <v>#N/A</v>
          </cell>
          <cell r="BT426" t="e">
            <v>#N/A</v>
          </cell>
        </row>
        <row r="427">
          <cell r="I427">
            <v>1</v>
          </cell>
          <cell r="J427" t="str">
            <v>式</v>
          </cell>
          <cell r="K427" t="str">
            <v/>
          </cell>
          <cell r="L427">
            <v>0</v>
          </cell>
          <cell r="M427" t="e">
            <v>#N/A</v>
          </cell>
          <cell r="V427" t="e">
            <v>#N/A</v>
          </cell>
          <cell r="W427" t="str">
            <v xml:space="preserve"> </v>
          </cell>
          <cell r="X427" t="e">
            <v>#N/A</v>
          </cell>
          <cell r="Y427" t="e">
            <v>#N/A</v>
          </cell>
          <cell r="AD427" t="e">
            <v>#VALUE!</v>
          </cell>
          <cell r="AH427" t="str">
            <v/>
          </cell>
          <cell r="AP427">
            <v>3</v>
          </cell>
          <cell r="BD427" t="e">
            <v>#N/A</v>
          </cell>
          <cell r="BF427" t="e">
            <v>#N/A</v>
          </cell>
          <cell r="BG427" t="e">
            <v>#DIV/0!</v>
          </cell>
          <cell r="BJ427">
            <v>0</v>
          </cell>
          <cell r="BK427">
            <v>0</v>
          </cell>
          <cell r="BL427" t="str">
            <v/>
          </cell>
          <cell r="BO427" t="str">
            <v/>
          </cell>
          <cell r="BP427" t="e">
            <v>#N/A</v>
          </cell>
          <cell r="BQ427" t="e">
            <v>#N/A</v>
          </cell>
          <cell r="BS427" t="e">
            <v>#N/A</v>
          </cell>
          <cell r="BT427" t="e">
            <v>#N/A</v>
          </cell>
        </row>
        <row r="428">
          <cell r="I428">
            <v>1</v>
          </cell>
          <cell r="J428" t="str">
            <v>式</v>
          </cell>
          <cell r="K428" t="str">
            <v/>
          </cell>
          <cell r="L428">
            <v>0</v>
          </cell>
          <cell r="M428" t="e">
            <v>#N/A</v>
          </cell>
          <cell r="V428" t="e">
            <v>#N/A</v>
          </cell>
          <cell r="W428" t="str">
            <v xml:space="preserve"> </v>
          </cell>
          <cell r="X428" t="e">
            <v>#N/A</v>
          </cell>
          <cell r="Y428" t="e">
            <v>#N/A</v>
          </cell>
          <cell r="AD428" t="e">
            <v>#VALUE!</v>
          </cell>
          <cell r="AH428" t="str">
            <v/>
          </cell>
          <cell r="AP428">
            <v>3</v>
          </cell>
          <cell r="BD428" t="e">
            <v>#N/A</v>
          </cell>
          <cell r="BF428" t="e">
            <v>#N/A</v>
          </cell>
          <cell r="BG428" t="e">
            <v>#DIV/0!</v>
          </cell>
          <cell r="BJ428">
            <v>0</v>
          </cell>
          <cell r="BK428">
            <v>0</v>
          </cell>
          <cell r="BL428" t="str">
            <v/>
          </cell>
          <cell r="BO428" t="str">
            <v/>
          </cell>
          <cell r="BP428" t="e">
            <v>#N/A</v>
          </cell>
          <cell r="BQ428" t="e">
            <v>#N/A</v>
          </cell>
          <cell r="BS428" t="e">
            <v>#N/A</v>
          </cell>
          <cell r="BT428" t="e">
            <v>#N/A</v>
          </cell>
        </row>
        <row r="429">
          <cell r="I429">
            <v>1</v>
          </cell>
          <cell r="J429" t="str">
            <v>式</v>
          </cell>
          <cell r="K429" t="str">
            <v/>
          </cell>
          <cell r="L429">
            <v>0</v>
          </cell>
          <cell r="M429" t="e">
            <v>#N/A</v>
          </cell>
          <cell r="V429" t="e">
            <v>#N/A</v>
          </cell>
          <cell r="W429" t="str">
            <v xml:space="preserve"> </v>
          </cell>
          <cell r="X429" t="e">
            <v>#N/A</v>
          </cell>
          <cell r="Y429" t="e">
            <v>#N/A</v>
          </cell>
          <cell r="AD429" t="e">
            <v>#VALUE!</v>
          </cell>
          <cell r="AH429" t="str">
            <v/>
          </cell>
          <cell r="AP429">
            <v>3</v>
          </cell>
          <cell r="BD429" t="e">
            <v>#N/A</v>
          </cell>
          <cell r="BF429" t="e">
            <v>#N/A</v>
          </cell>
          <cell r="BG429" t="e">
            <v>#DIV/0!</v>
          </cell>
          <cell r="BJ429">
            <v>0</v>
          </cell>
          <cell r="BK429">
            <v>0</v>
          </cell>
          <cell r="BL429" t="str">
            <v/>
          </cell>
          <cell r="BO429" t="str">
            <v/>
          </cell>
          <cell r="BP429" t="e">
            <v>#N/A</v>
          </cell>
          <cell r="BQ429" t="e">
            <v>#N/A</v>
          </cell>
          <cell r="BS429" t="e">
            <v>#N/A</v>
          </cell>
          <cell r="BT429" t="e">
            <v>#N/A</v>
          </cell>
        </row>
        <row r="430">
          <cell r="I430">
            <v>1</v>
          </cell>
          <cell r="J430" t="str">
            <v>式</v>
          </cell>
          <cell r="K430" t="str">
            <v/>
          </cell>
          <cell r="L430">
            <v>0</v>
          </cell>
          <cell r="M430" t="e">
            <v>#N/A</v>
          </cell>
          <cell r="V430" t="e">
            <v>#N/A</v>
          </cell>
          <cell r="W430" t="str">
            <v xml:space="preserve"> </v>
          </cell>
          <cell r="X430" t="e">
            <v>#N/A</v>
          </cell>
          <cell r="Y430" t="e">
            <v>#N/A</v>
          </cell>
          <cell r="AD430" t="e">
            <v>#VALUE!</v>
          </cell>
          <cell r="AH430" t="str">
            <v/>
          </cell>
          <cell r="AP430">
            <v>3</v>
          </cell>
          <cell r="BD430" t="e">
            <v>#N/A</v>
          </cell>
          <cell r="BF430" t="e">
            <v>#N/A</v>
          </cell>
          <cell r="BG430" t="e">
            <v>#DIV/0!</v>
          </cell>
          <cell r="BJ430">
            <v>0</v>
          </cell>
          <cell r="BK430">
            <v>0</v>
          </cell>
          <cell r="BL430" t="str">
            <v/>
          </cell>
          <cell r="BO430" t="str">
            <v/>
          </cell>
          <cell r="BP430" t="e">
            <v>#N/A</v>
          </cell>
          <cell r="BQ430" t="e">
            <v>#N/A</v>
          </cell>
          <cell r="BS430" t="e">
            <v>#N/A</v>
          </cell>
          <cell r="BT430" t="e">
            <v>#N/A</v>
          </cell>
        </row>
        <row r="431">
          <cell r="I431">
            <v>1</v>
          </cell>
          <cell r="J431" t="str">
            <v>式</v>
          </cell>
          <cell r="K431" t="str">
            <v/>
          </cell>
          <cell r="L431">
            <v>0</v>
          </cell>
          <cell r="M431" t="e">
            <v>#N/A</v>
          </cell>
          <cell r="V431" t="e">
            <v>#N/A</v>
          </cell>
          <cell r="W431" t="str">
            <v xml:space="preserve"> </v>
          </cell>
          <cell r="X431" t="e">
            <v>#N/A</v>
          </cell>
          <cell r="Y431" t="e">
            <v>#N/A</v>
          </cell>
          <cell r="AD431" t="e">
            <v>#VALUE!</v>
          </cell>
          <cell r="AH431" t="str">
            <v/>
          </cell>
          <cell r="AP431">
            <v>3</v>
          </cell>
          <cell r="BD431" t="e">
            <v>#N/A</v>
          </cell>
          <cell r="BF431" t="e">
            <v>#N/A</v>
          </cell>
          <cell r="BG431" t="e">
            <v>#DIV/0!</v>
          </cell>
          <cell r="BJ431">
            <v>0</v>
          </cell>
          <cell r="BK431">
            <v>0</v>
          </cell>
          <cell r="BL431" t="str">
            <v/>
          </cell>
          <cell r="BO431" t="str">
            <v/>
          </cell>
          <cell r="BP431" t="e">
            <v>#N/A</v>
          </cell>
          <cell r="BQ431" t="e">
            <v>#N/A</v>
          </cell>
          <cell r="BS431" t="e">
            <v>#N/A</v>
          </cell>
          <cell r="BT431" t="e">
            <v>#N/A</v>
          </cell>
        </row>
        <row r="432">
          <cell r="I432">
            <v>1</v>
          </cell>
          <cell r="J432" t="str">
            <v>式</v>
          </cell>
          <cell r="K432" t="str">
            <v/>
          </cell>
          <cell r="L432">
            <v>0</v>
          </cell>
          <cell r="M432" t="e">
            <v>#N/A</v>
          </cell>
          <cell r="V432" t="e">
            <v>#N/A</v>
          </cell>
          <cell r="W432" t="str">
            <v xml:space="preserve"> </v>
          </cell>
          <cell r="X432" t="e">
            <v>#N/A</v>
          </cell>
          <cell r="Y432" t="e">
            <v>#N/A</v>
          </cell>
          <cell r="AD432" t="e">
            <v>#VALUE!</v>
          </cell>
          <cell r="AH432" t="str">
            <v/>
          </cell>
          <cell r="AP432">
            <v>3</v>
          </cell>
          <cell r="BD432" t="e">
            <v>#N/A</v>
          </cell>
          <cell r="BF432" t="e">
            <v>#N/A</v>
          </cell>
          <cell r="BG432" t="e">
            <v>#DIV/0!</v>
          </cell>
          <cell r="BJ432">
            <v>0</v>
          </cell>
          <cell r="BK432">
            <v>0</v>
          </cell>
          <cell r="BL432" t="str">
            <v/>
          </cell>
          <cell r="BO432" t="str">
            <v/>
          </cell>
          <cell r="BP432" t="e">
            <v>#N/A</v>
          </cell>
          <cell r="BQ432" t="e">
            <v>#N/A</v>
          </cell>
          <cell r="BS432" t="e">
            <v>#N/A</v>
          </cell>
          <cell r="BT432" t="e">
            <v>#N/A</v>
          </cell>
        </row>
        <row r="433">
          <cell r="I433">
            <v>1</v>
          </cell>
          <cell r="J433" t="str">
            <v>式</v>
          </cell>
          <cell r="K433" t="str">
            <v/>
          </cell>
          <cell r="L433">
            <v>0</v>
          </cell>
          <cell r="M433" t="e">
            <v>#N/A</v>
          </cell>
          <cell r="V433" t="e">
            <v>#N/A</v>
          </cell>
          <cell r="W433" t="str">
            <v xml:space="preserve"> </v>
          </cell>
          <cell r="X433" t="e">
            <v>#N/A</v>
          </cell>
          <cell r="Y433" t="e">
            <v>#N/A</v>
          </cell>
          <cell r="AD433" t="e">
            <v>#VALUE!</v>
          </cell>
          <cell r="AH433" t="str">
            <v/>
          </cell>
          <cell r="AP433">
            <v>3</v>
          </cell>
          <cell r="BD433" t="e">
            <v>#N/A</v>
          </cell>
          <cell r="BF433" t="e">
            <v>#N/A</v>
          </cell>
          <cell r="BG433" t="e">
            <v>#DIV/0!</v>
          </cell>
          <cell r="BJ433">
            <v>0</v>
          </cell>
          <cell r="BK433">
            <v>0</v>
          </cell>
          <cell r="BL433" t="str">
            <v/>
          </cell>
          <cell r="BO433" t="str">
            <v/>
          </cell>
          <cell r="BP433" t="e">
            <v>#N/A</v>
          </cell>
          <cell r="BQ433" t="e">
            <v>#N/A</v>
          </cell>
          <cell r="BS433" t="e">
            <v>#N/A</v>
          </cell>
          <cell r="BT433" t="e">
            <v>#N/A</v>
          </cell>
        </row>
        <row r="434">
          <cell r="I434">
            <v>1</v>
          </cell>
          <cell r="J434" t="str">
            <v>式</v>
          </cell>
          <cell r="K434" t="str">
            <v/>
          </cell>
          <cell r="L434">
            <v>0</v>
          </cell>
          <cell r="M434" t="e">
            <v>#N/A</v>
          </cell>
          <cell r="V434" t="e">
            <v>#N/A</v>
          </cell>
          <cell r="W434" t="str">
            <v xml:space="preserve"> </v>
          </cell>
          <cell r="X434" t="e">
            <v>#N/A</v>
          </cell>
          <cell r="Y434" t="e">
            <v>#N/A</v>
          </cell>
          <cell r="AD434" t="e">
            <v>#VALUE!</v>
          </cell>
          <cell r="AH434" t="str">
            <v/>
          </cell>
          <cell r="AP434">
            <v>3</v>
          </cell>
          <cell r="BD434" t="e">
            <v>#N/A</v>
          </cell>
          <cell r="BF434" t="e">
            <v>#N/A</v>
          </cell>
          <cell r="BG434" t="e">
            <v>#DIV/0!</v>
          </cell>
          <cell r="BJ434">
            <v>0</v>
          </cell>
          <cell r="BK434">
            <v>0</v>
          </cell>
          <cell r="BL434" t="str">
            <v/>
          </cell>
          <cell r="BO434" t="str">
            <v/>
          </cell>
          <cell r="BP434" t="e">
            <v>#N/A</v>
          </cell>
          <cell r="BQ434" t="e">
            <v>#N/A</v>
          </cell>
          <cell r="BS434" t="e">
            <v>#N/A</v>
          </cell>
          <cell r="BT434" t="e">
            <v>#N/A</v>
          </cell>
        </row>
        <row r="435">
          <cell r="I435">
            <v>1</v>
          </cell>
          <cell r="J435" t="str">
            <v>式</v>
          </cell>
          <cell r="K435" t="str">
            <v/>
          </cell>
          <cell r="L435">
            <v>0</v>
          </cell>
          <cell r="M435" t="e">
            <v>#N/A</v>
          </cell>
          <cell r="V435" t="e">
            <v>#N/A</v>
          </cell>
          <cell r="W435" t="str">
            <v xml:space="preserve"> </v>
          </cell>
          <cell r="X435" t="e">
            <v>#N/A</v>
          </cell>
          <cell r="Y435" t="e">
            <v>#N/A</v>
          </cell>
          <cell r="AD435" t="e">
            <v>#VALUE!</v>
          </cell>
          <cell r="AH435" t="str">
            <v/>
          </cell>
          <cell r="AP435">
            <v>3</v>
          </cell>
          <cell r="BD435" t="e">
            <v>#N/A</v>
          </cell>
          <cell r="BF435" t="e">
            <v>#N/A</v>
          </cell>
          <cell r="BG435" t="e">
            <v>#DIV/0!</v>
          </cell>
          <cell r="BJ435">
            <v>0</v>
          </cell>
          <cell r="BK435">
            <v>0</v>
          </cell>
          <cell r="BL435" t="str">
            <v/>
          </cell>
          <cell r="BO435" t="str">
            <v/>
          </cell>
          <cell r="BP435" t="e">
            <v>#N/A</v>
          </cell>
          <cell r="BQ435" t="e">
            <v>#N/A</v>
          </cell>
          <cell r="BS435" t="e">
            <v>#N/A</v>
          </cell>
          <cell r="BT435" t="e">
            <v>#N/A</v>
          </cell>
        </row>
        <row r="436">
          <cell r="I436">
            <v>1</v>
          </cell>
          <cell r="J436" t="str">
            <v>式</v>
          </cell>
          <cell r="K436" t="str">
            <v/>
          </cell>
          <cell r="L436">
            <v>0</v>
          </cell>
          <cell r="M436" t="e">
            <v>#N/A</v>
          </cell>
          <cell r="V436" t="e">
            <v>#N/A</v>
          </cell>
          <cell r="W436" t="str">
            <v xml:space="preserve"> </v>
          </cell>
          <cell r="X436" t="e">
            <v>#N/A</v>
          </cell>
          <cell r="Y436" t="e">
            <v>#N/A</v>
          </cell>
          <cell r="AD436" t="e">
            <v>#VALUE!</v>
          </cell>
          <cell r="AH436" t="str">
            <v/>
          </cell>
          <cell r="AP436">
            <v>3</v>
          </cell>
          <cell r="BD436" t="e">
            <v>#N/A</v>
          </cell>
          <cell r="BF436" t="e">
            <v>#N/A</v>
          </cell>
          <cell r="BG436" t="e">
            <v>#DIV/0!</v>
          </cell>
          <cell r="BJ436">
            <v>0</v>
          </cell>
          <cell r="BK436">
            <v>0</v>
          </cell>
          <cell r="BL436" t="str">
            <v/>
          </cell>
          <cell r="BO436" t="str">
            <v/>
          </cell>
          <cell r="BP436" t="e">
            <v>#N/A</v>
          </cell>
          <cell r="BQ436" t="e">
            <v>#N/A</v>
          </cell>
          <cell r="BS436" t="e">
            <v>#N/A</v>
          </cell>
          <cell r="BT436" t="e">
            <v>#N/A</v>
          </cell>
        </row>
        <row r="437">
          <cell r="I437">
            <v>1</v>
          </cell>
          <cell r="J437" t="str">
            <v>式</v>
          </cell>
          <cell r="K437" t="str">
            <v/>
          </cell>
          <cell r="L437">
            <v>0</v>
          </cell>
          <cell r="M437" t="e">
            <v>#N/A</v>
          </cell>
          <cell r="V437" t="e">
            <v>#N/A</v>
          </cell>
          <cell r="W437" t="str">
            <v xml:space="preserve"> </v>
          </cell>
          <cell r="X437" t="e">
            <v>#N/A</v>
          </cell>
          <cell r="Y437" t="e">
            <v>#N/A</v>
          </cell>
          <cell r="AD437" t="e">
            <v>#VALUE!</v>
          </cell>
          <cell r="AH437" t="str">
            <v/>
          </cell>
          <cell r="AP437">
            <v>3</v>
          </cell>
          <cell r="BD437" t="e">
            <v>#N/A</v>
          </cell>
          <cell r="BF437" t="e">
            <v>#N/A</v>
          </cell>
          <cell r="BG437" t="e">
            <v>#DIV/0!</v>
          </cell>
          <cell r="BJ437">
            <v>0</v>
          </cell>
          <cell r="BK437">
            <v>0</v>
          </cell>
          <cell r="BL437" t="str">
            <v/>
          </cell>
          <cell r="BO437" t="str">
            <v/>
          </cell>
          <cell r="BP437" t="e">
            <v>#N/A</v>
          </cell>
          <cell r="BQ437" t="e">
            <v>#N/A</v>
          </cell>
          <cell r="BS437" t="e">
            <v>#N/A</v>
          </cell>
          <cell r="BT437" t="e">
            <v>#N/A</v>
          </cell>
        </row>
        <row r="438">
          <cell r="I438">
            <v>1</v>
          </cell>
          <cell r="J438" t="str">
            <v>式</v>
          </cell>
          <cell r="K438" t="str">
            <v/>
          </cell>
          <cell r="L438">
            <v>0</v>
          </cell>
          <cell r="M438" t="e">
            <v>#N/A</v>
          </cell>
          <cell r="V438" t="e">
            <v>#N/A</v>
          </cell>
          <cell r="W438" t="str">
            <v xml:space="preserve"> </v>
          </cell>
          <cell r="X438" t="e">
            <v>#N/A</v>
          </cell>
          <cell r="Y438" t="e">
            <v>#N/A</v>
          </cell>
          <cell r="AD438" t="e">
            <v>#VALUE!</v>
          </cell>
          <cell r="AH438" t="str">
            <v/>
          </cell>
          <cell r="AP438">
            <v>3</v>
          </cell>
          <cell r="BD438" t="e">
            <v>#N/A</v>
          </cell>
          <cell r="BF438" t="e">
            <v>#N/A</v>
          </cell>
          <cell r="BG438" t="e">
            <v>#DIV/0!</v>
          </cell>
          <cell r="BJ438">
            <v>0</v>
          </cell>
          <cell r="BK438">
            <v>0</v>
          </cell>
          <cell r="BL438" t="str">
            <v/>
          </cell>
          <cell r="BO438" t="str">
            <v/>
          </cell>
          <cell r="BP438" t="e">
            <v>#N/A</v>
          </cell>
          <cell r="BQ438" t="e">
            <v>#N/A</v>
          </cell>
          <cell r="BS438" t="e">
            <v>#N/A</v>
          </cell>
          <cell r="BT438" t="e">
            <v>#N/A</v>
          </cell>
        </row>
        <row r="439">
          <cell r="I439">
            <v>1</v>
          </cell>
          <cell r="J439" t="str">
            <v>式</v>
          </cell>
          <cell r="K439" t="str">
            <v/>
          </cell>
          <cell r="L439">
            <v>0</v>
          </cell>
          <cell r="M439" t="e">
            <v>#N/A</v>
          </cell>
          <cell r="V439" t="e">
            <v>#N/A</v>
          </cell>
          <cell r="W439" t="str">
            <v xml:space="preserve"> </v>
          </cell>
          <cell r="X439" t="e">
            <v>#N/A</v>
          </cell>
          <cell r="Y439" t="e">
            <v>#N/A</v>
          </cell>
          <cell r="AD439" t="e">
            <v>#VALUE!</v>
          </cell>
          <cell r="AH439" t="str">
            <v/>
          </cell>
          <cell r="AP439">
            <v>3</v>
          </cell>
          <cell r="BD439" t="e">
            <v>#N/A</v>
          </cell>
          <cell r="BF439" t="e">
            <v>#N/A</v>
          </cell>
          <cell r="BG439" t="e">
            <v>#DIV/0!</v>
          </cell>
          <cell r="BJ439">
            <v>0</v>
          </cell>
          <cell r="BK439">
            <v>0</v>
          </cell>
          <cell r="BL439" t="str">
            <v/>
          </cell>
          <cell r="BO439" t="str">
            <v/>
          </cell>
          <cell r="BP439" t="e">
            <v>#N/A</v>
          </cell>
          <cell r="BQ439" t="e">
            <v>#N/A</v>
          </cell>
          <cell r="BS439" t="e">
            <v>#N/A</v>
          </cell>
          <cell r="BT439" t="e">
            <v>#N/A</v>
          </cell>
        </row>
        <row r="440">
          <cell r="I440">
            <v>1</v>
          </cell>
          <cell r="J440" t="str">
            <v>式</v>
          </cell>
          <cell r="K440" t="str">
            <v/>
          </cell>
          <cell r="L440">
            <v>0</v>
          </cell>
          <cell r="M440" t="e">
            <v>#N/A</v>
          </cell>
          <cell r="V440" t="e">
            <v>#N/A</v>
          </cell>
          <cell r="W440" t="str">
            <v xml:space="preserve"> </v>
          </cell>
          <cell r="X440" t="e">
            <v>#N/A</v>
          </cell>
          <cell r="Y440" t="e">
            <v>#N/A</v>
          </cell>
          <cell r="AD440" t="e">
            <v>#VALUE!</v>
          </cell>
          <cell r="AH440" t="str">
            <v/>
          </cell>
          <cell r="AP440">
            <v>3</v>
          </cell>
          <cell r="BD440" t="e">
            <v>#N/A</v>
          </cell>
          <cell r="BF440" t="e">
            <v>#N/A</v>
          </cell>
          <cell r="BG440" t="e">
            <v>#DIV/0!</v>
          </cell>
          <cell r="BJ440">
            <v>0</v>
          </cell>
          <cell r="BK440">
            <v>0</v>
          </cell>
          <cell r="BL440" t="str">
            <v/>
          </cell>
          <cell r="BO440" t="str">
            <v/>
          </cell>
          <cell r="BP440" t="e">
            <v>#N/A</v>
          </cell>
          <cell r="BQ440" t="e">
            <v>#N/A</v>
          </cell>
          <cell r="BS440" t="e">
            <v>#N/A</v>
          </cell>
          <cell r="BT440" t="e">
            <v>#N/A</v>
          </cell>
        </row>
        <row r="441">
          <cell r="I441">
            <v>1</v>
          </cell>
          <cell r="J441" t="str">
            <v>式</v>
          </cell>
          <cell r="K441" t="str">
            <v/>
          </cell>
          <cell r="L441">
            <v>0</v>
          </cell>
          <cell r="M441" t="e">
            <v>#N/A</v>
          </cell>
          <cell r="V441" t="e">
            <v>#N/A</v>
          </cell>
          <cell r="W441" t="str">
            <v xml:space="preserve"> </v>
          </cell>
          <cell r="X441" t="e">
            <v>#N/A</v>
          </cell>
          <cell r="Y441" t="e">
            <v>#N/A</v>
          </cell>
          <cell r="AD441" t="e">
            <v>#VALUE!</v>
          </cell>
          <cell r="AH441" t="str">
            <v/>
          </cell>
          <cell r="AP441">
            <v>3</v>
          </cell>
          <cell r="BD441" t="e">
            <v>#N/A</v>
          </cell>
          <cell r="BF441" t="e">
            <v>#N/A</v>
          </cell>
          <cell r="BG441" t="e">
            <v>#DIV/0!</v>
          </cell>
          <cell r="BJ441">
            <v>0</v>
          </cell>
          <cell r="BK441">
            <v>0</v>
          </cell>
          <cell r="BL441" t="str">
            <v/>
          </cell>
          <cell r="BO441" t="str">
            <v/>
          </cell>
          <cell r="BP441" t="e">
            <v>#N/A</v>
          </cell>
          <cell r="BQ441" t="e">
            <v>#N/A</v>
          </cell>
          <cell r="BS441" t="e">
            <v>#N/A</v>
          </cell>
          <cell r="BT441" t="e">
            <v>#N/A</v>
          </cell>
        </row>
        <row r="442">
          <cell r="I442">
            <v>1</v>
          </cell>
          <cell r="J442" t="str">
            <v>式</v>
          </cell>
          <cell r="K442" t="str">
            <v/>
          </cell>
          <cell r="L442">
            <v>0</v>
          </cell>
          <cell r="M442" t="e">
            <v>#N/A</v>
          </cell>
          <cell r="V442" t="e">
            <v>#N/A</v>
          </cell>
          <cell r="W442" t="str">
            <v xml:space="preserve"> </v>
          </cell>
          <cell r="X442" t="e">
            <v>#N/A</v>
          </cell>
          <cell r="Y442" t="e">
            <v>#N/A</v>
          </cell>
          <cell r="AD442" t="e">
            <v>#VALUE!</v>
          </cell>
          <cell r="AH442" t="str">
            <v/>
          </cell>
          <cell r="AP442">
            <v>3</v>
          </cell>
          <cell r="BD442" t="e">
            <v>#N/A</v>
          </cell>
          <cell r="BF442" t="e">
            <v>#N/A</v>
          </cell>
          <cell r="BG442" t="e">
            <v>#DIV/0!</v>
          </cell>
          <cell r="BJ442">
            <v>0</v>
          </cell>
          <cell r="BK442">
            <v>152500</v>
          </cell>
          <cell r="BL442" t="str">
            <v/>
          </cell>
          <cell r="BO442" t="str">
            <v/>
          </cell>
          <cell r="BP442" t="e">
            <v>#N/A</v>
          </cell>
          <cell r="BQ442" t="e">
            <v>#N/A</v>
          </cell>
          <cell r="BS442" t="e">
            <v>#N/A</v>
          </cell>
          <cell r="BT442" t="e">
            <v>#N/A</v>
          </cell>
        </row>
        <row r="443">
          <cell r="I443">
            <v>1</v>
          </cell>
          <cell r="J443" t="str">
            <v>式</v>
          </cell>
          <cell r="K443" t="str">
            <v/>
          </cell>
          <cell r="L443">
            <v>0</v>
          </cell>
          <cell r="M443" t="e">
            <v>#N/A</v>
          </cell>
          <cell r="V443" t="e">
            <v>#N/A</v>
          </cell>
          <cell r="W443" t="str">
            <v xml:space="preserve"> </v>
          </cell>
          <cell r="X443" t="e">
            <v>#N/A</v>
          </cell>
          <cell r="Y443" t="e">
            <v>#N/A</v>
          </cell>
          <cell r="AD443" t="e">
            <v>#VALUE!</v>
          </cell>
          <cell r="AH443" t="str">
            <v/>
          </cell>
          <cell r="AP443">
            <v>3</v>
          </cell>
          <cell r="BD443" t="e">
            <v>#N/A</v>
          </cell>
          <cell r="BF443" t="e">
            <v>#N/A</v>
          </cell>
          <cell r="BG443" t="e">
            <v>#DIV/0!</v>
          </cell>
          <cell r="BJ443">
            <v>0</v>
          </cell>
          <cell r="BK443">
            <v>0</v>
          </cell>
          <cell r="BL443" t="str">
            <v/>
          </cell>
          <cell r="BO443" t="str">
            <v/>
          </cell>
          <cell r="BP443" t="e">
            <v>#N/A</v>
          </cell>
          <cell r="BQ443" t="e">
            <v>#N/A</v>
          </cell>
          <cell r="BS443" t="e">
            <v>#N/A</v>
          </cell>
          <cell r="BT443" t="e">
            <v>#N/A</v>
          </cell>
        </row>
        <row r="444">
          <cell r="I444">
            <v>1</v>
          </cell>
          <cell r="J444" t="str">
            <v>式</v>
          </cell>
          <cell r="K444" t="str">
            <v/>
          </cell>
          <cell r="L444">
            <v>0</v>
          </cell>
          <cell r="M444" t="e">
            <v>#N/A</v>
          </cell>
          <cell r="V444" t="e">
            <v>#N/A</v>
          </cell>
          <cell r="W444" t="str">
            <v xml:space="preserve"> </v>
          </cell>
          <cell r="X444" t="e">
            <v>#N/A</v>
          </cell>
          <cell r="Y444" t="e">
            <v>#N/A</v>
          </cell>
          <cell r="AD444" t="e">
            <v>#VALUE!</v>
          </cell>
          <cell r="AH444" t="str">
            <v/>
          </cell>
          <cell r="AP444">
            <v>3</v>
          </cell>
          <cell r="BD444" t="e">
            <v>#N/A</v>
          </cell>
          <cell r="BF444" t="e">
            <v>#N/A</v>
          </cell>
          <cell r="BG444" t="e">
            <v>#DIV/0!</v>
          </cell>
          <cell r="BJ444">
            <v>0</v>
          </cell>
          <cell r="BK444">
            <v>0</v>
          </cell>
          <cell r="BL444" t="str">
            <v/>
          </cell>
          <cell r="BO444" t="str">
            <v/>
          </cell>
          <cell r="BP444" t="e">
            <v>#N/A</v>
          </cell>
          <cell r="BQ444" t="e">
            <v>#N/A</v>
          </cell>
          <cell r="BS444" t="e">
            <v>#N/A</v>
          </cell>
          <cell r="BT444" t="e">
            <v>#N/A</v>
          </cell>
        </row>
        <row r="445">
          <cell r="I445">
            <v>1</v>
          </cell>
          <cell r="J445" t="str">
            <v>式</v>
          </cell>
          <cell r="K445" t="str">
            <v/>
          </cell>
          <cell r="L445">
            <v>0</v>
          </cell>
          <cell r="M445" t="e">
            <v>#N/A</v>
          </cell>
          <cell r="V445" t="e">
            <v>#N/A</v>
          </cell>
          <cell r="W445" t="str">
            <v xml:space="preserve"> </v>
          </cell>
          <cell r="X445" t="e">
            <v>#N/A</v>
          </cell>
          <cell r="Y445" t="e">
            <v>#N/A</v>
          </cell>
          <cell r="AD445" t="e">
            <v>#VALUE!</v>
          </cell>
          <cell r="AH445" t="str">
            <v/>
          </cell>
          <cell r="AP445">
            <v>3</v>
          </cell>
          <cell r="BD445" t="e">
            <v>#N/A</v>
          </cell>
          <cell r="BF445" t="e">
            <v>#N/A</v>
          </cell>
          <cell r="BG445" t="e">
            <v>#DIV/0!</v>
          </cell>
          <cell r="BJ445">
            <v>0</v>
          </cell>
          <cell r="BK445">
            <v>0</v>
          </cell>
          <cell r="BL445" t="str">
            <v/>
          </cell>
          <cell r="BO445" t="str">
            <v/>
          </cell>
          <cell r="BP445" t="e">
            <v>#N/A</v>
          </cell>
          <cell r="BQ445" t="e">
            <v>#N/A</v>
          </cell>
          <cell r="BS445" t="e">
            <v>#N/A</v>
          </cell>
          <cell r="BT445" t="e">
            <v>#N/A</v>
          </cell>
        </row>
        <row r="446">
          <cell r="I446">
            <v>1</v>
          </cell>
          <cell r="J446" t="str">
            <v>式</v>
          </cell>
          <cell r="K446" t="str">
            <v/>
          </cell>
          <cell r="L446">
            <v>0</v>
          </cell>
          <cell r="M446" t="e">
            <v>#N/A</v>
          </cell>
          <cell r="V446" t="e">
            <v>#N/A</v>
          </cell>
          <cell r="W446" t="str">
            <v xml:space="preserve"> </v>
          </cell>
          <cell r="X446" t="e">
            <v>#N/A</v>
          </cell>
          <cell r="Y446" t="e">
            <v>#N/A</v>
          </cell>
          <cell r="AD446" t="e">
            <v>#VALUE!</v>
          </cell>
          <cell r="AH446" t="str">
            <v/>
          </cell>
          <cell r="AP446">
            <v>3</v>
          </cell>
          <cell r="BD446" t="e">
            <v>#N/A</v>
          </cell>
          <cell r="BF446" t="e">
            <v>#N/A</v>
          </cell>
          <cell r="BG446" t="e">
            <v>#DIV/0!</v>
          </cell>
          <cell r="BJ446">
            <v>0</v>
          </cell>
          <cell r="BK446">
            <v>0</v>
          </cell>
          <cell r="BL446" t="str">
            <v/>
          </cell>
          <cell r="BO446" t="str">
            <v/>
          </cell>
          <cell r="BP446" t="e">
            <v>#N/A</v>
          </cell>
          <cell r="BQ446" t="e">
            <v>#N/A</v>
          </cell>
          <cell r="BS446" t="e">
            <v>#N/A</v>
          </cell>
          <cell r="BT446" t="e">
            <v>#N/A</v>
          </cell>
        </row>
        <row r="447">
          <cell r="I447">
            <v>1</v>
          </cell>
          <cell r="J447" t="str">
            <v>式</v>
          </cell>
          <cell r="K447" t="str">
            <v/>
          </cell>
          <cell r="L447">
            <v>0</v>
          </cell>
          <cell r="M447" t="e">
            <v>#N/A</v>
          </cell>
          <cell r="V447" t="e">
            <v>#N/A</v>
          </cell>
          <cell r="W447" t="str">
            <v xml:space="preserve"> </v>
          </cell>
          <cell r="X447" t="e">
            <v>#N/A</v>
          </cell>
          <cell r="Y447" t="e">
            <v>#N/A</v>
          </cell>
          <cell r="AD447" t="e">
            <v>#VALUE!</v>
          </cell>
          <cell r="AH447" t="str">
            <v/>
          </cell>
          <cell r="AP447">
            <v>3</v>
          </cell>
          <cell r="BD447" t="e">
            <v>#N/A</v>
          </cell>
          <cell r="BF447" t="e">
            <v>#N/A</v>
          </cell>
          <cell r="BG447" t="e">
            <v>#DIV/0!</v>
          </cell>
          <cell r="BJ447">
            <v>0</v>
          </cell>
          <cell r="BK447">
            <v>0</v>
          </cell>
          <cell r="BL447" t="str">
            <v/>
          </cell>
          <cell r="BO447" t="str">
            <v/>
          </cell>
          <cell r="BP447" t="e">
            <v>#N/A</v>
          </cell>
          <cell r="BQ447" t="e">
            <v>#N/A</v>
          </cell>
          <cell r="BS447" t="e">
            <v>#N/A</v>
          </cell>
          <cell r="BT447" t="e">
            <v>#N/A</v>
          </cell>
        </row>
        <row r="448">
          <cell r="I448">
            <v>1</v>
          </cell>
          <cell r="J448" t="str">
            <v>式</v>
          </cell>
          <cell r="K448" t="str">
            <v/>
          </cell>
          <cell r="L448">
            <v>0</v>
          </cell>
          <cell r="M448" t="e">
            <v>#N/A</v>
          </cell>
          <cell r="V448" t="e">
            <v>#N/A</v>
          </cell>
          <cell r="W448" t="str">
            <v xml:space="preserve"> </v>
          </cell>
          <cell r="X448" t="e">
            <v>#N/A</v>
          </cell>
          <cell r="Y448" t="e">
            <v>#N/A</v>
          </cell>
          <cell r="AD448" t="e">
            <v>#VALUE!</v>
          </cell>
          <cell r="AH448" t="str">
            <v/>
          </cell>
          <cell r="AP448">
            <v>3</v>
          </cell>
          <cell r="BD448" t="e">
            <v>#N/A</v>
          </cell>
          <cell r="BF448" t="e">
            <v>#N/A</v>
          </cell>
          <cell r="BG448" t="e">
            <v>#DIV/0!</v>
          </cell>
          <cell r="BJ448">
            <v>0</v>
          </cell>
          <cell r="BK448">
            <v>0</v>
          </cell>
          <cell r="BL448" t="str">
            <v/>
          </cell>
          <cell r="BO448" t="str">
            <v/>
          </cell>
          <cell r="BP448" t="e">
            <v>#N/A</v>
          </cell>
          <cell r="BQ448" t="e">
            <v>#N/A</v>
          </cell>
          <cell r="BS448" t="e">
            <v>#N/A</v>
          </cell>
          <cell r="BT448" t="e">
            <v>#N/A</v>
          </cell>
        </row>
        <row r="449">
          <cell r="I449">
            <v>1</v>
          </cell>
          <cell r="J449" t="str">
            <v>式</v>
          </cell>
          <cell r="K449" t="str">
            <v/>
          </cell>
          <cell r="L449">
            <v>0</v>
          </cell>
          <cell r="M449" t="e">
            <v>#N/A</v>
          </cell>
          <cell r="V449" t="e">
            <v>#N/A</v>
          </cell>
          <cell r="W449" t="str">
            <v xml:space="preserve"> </v>
          </cell>
          <cell r="X449" t="e">
            <v>#N/A</v>
          </cell>
          <cell r="Y449" t="e">
            <v>#N/A</v>
          </cell>
          <cell r="AD449" t="e">
            <v>#VALUE!</v>
          </cell>
          <cell r="AH449" t="str">
            <v/>
          </cell>
          <cell r="AP449">
            <v>3</v>
          </cell>
          <cell r="BD449" t="e">
            <v>#N/A</v>
          </cell>
          <cell r="BF449" t="e">
            <v>#N/A</v>
          </cell>
          <cell r="BG449" t="e">
            <v>#DIV/0!</v>
          </cell>
          <cell r="BJ449">
            <v>0</v>
          </cell>
          <cell r="BK449">
            <v>0</v>
          </cell>
          <cell r="BL449" t="str">
            <v/>
          </cell>
          <cell r="BO449" t="str">
            <v/>
          </cell>
          <cell r="BP449" t="e">
            <v>#N/A</v>
          </cell>
          <cell r="BQ449" t="e">
            <v>#N/A</v>
          </cell>
          <cell r="BS449" t="e">
            <v>#N/A</v>
          </cell>
          <cell r="BT449" t="e">
            <v>#N/A</v>
          </cell>
        </row>
        <row r="450">
          <cell r="I450">
            <v>1</v>
          </cell>
          <cell r="J450" t="str">
            <v>式</v>
          </cell>
          <cell r="K450" t="str">
            <v/>
          </cell>
          <cell r="L450">
            <v>0</v>
          </cell>
          <cell r="M450" t="e">
            <v>#N/A</v>
          </cell>
          <cell r="V450" t="e">
            <v>#N/A</v>
          </cell>
          <cell r="W450" t="str">
            <v xml:space="preserve"> </v>
          </cell>
          <cell r="X450" t="e">
            <v>#N/A</v>
          </cell>
          <cell r="Y450" t="e">
            <v>#N/A</v>
          </cell>
          <cell r="AD450" t="e">
            <v>#VALUE!</v>
          </cell>
          <cell r="AH450" t="str">
            <v/>
          </cell>
          <cell r="AP450">
            <v>3</v>
          </cell>
          <cell r="BD450" t="e">
            <v>#N/A</v>
          </cell>
          <cell r="BF450" t="e">
            <v>#N/A</v>
          </cell>
          <cell r="BG450" t="e">
            <v>#DIV/0!</v>
          </cell>
          <cell r="BJ450">
            <v>0</v>
          </cell>
          <cell r="BK450">
            <v>0</v>
          </cell>
          <cell r="BL450" t="str">
            <v/>
          </cell>
          <cell r="BO450" t="str">
            <v/>
          </cell>
          <cell r="BP450" t="e">
            <v>#N/A</v>
          </cell>
          <cell r="BQ450" t="e">
            <v>#N/A</v>
          </cell>
          <cell r="BS450" t="e">
            <v>#N/A</v>
          </cell>
          <cell r="BT450" t="e">
            <v>#N/A</v>
          </cell>
        </row>
        <row r="451">
          <cell r="I451">
            <v>1</v>
          </cell>
          <cell r="J451" t="str">
            <v>式</v>
          </cell>
          <cell r="K451" t="str">
            <v/>
          </cell>
          <cell r="L451">
            <v>0</v>
          </cell>
          <cell r="M451" t="e">
            <v>#N/A</v>
          </cell>
          <cell r="V451" t="e">
            <v>#N/A</v>
          </cell>
          <cell r="W451" t="str">
            <v xml:space="preserve"> </v>
          </cell>
          <cell r="X451" t="e">
            <v>#N/A</v>
          </cell>
          <cell r="Y451" t="e">
            <v>#N/A</v>
          </cell>
          <cell r="AD451" t="e">
            <v>#VALUE!</v>
          </cell>
          <cell r="AH451" t="str">
            <v/>
          </cell>
          <cell r="AP451">
            <v>3</v>
          </cell>
          <cell r="BD451" t="e">
            <v>#N/A</v>
          </cell>
          <cell r="BF451" t="e">
            <v>#N/A</v>
          </cell>
          <cell r="BG451" t="e">
            <v>#DIV/0!</v>
          </cell>
          <cell r="BJ451">
            <v>0</v>
          </cell>
          <cell r="BK451">
            <v>0</v>
          </cell>
          <cell r="BL451" t="str">
            <v/>
          </cell>
          <cell r="BO451" t="str">
            <v/>
          </cell>
          <cell r="BP451" t="e">
            <v>#N/A</v>
          </cell>
          <cell r="BQ451" t="e">
            <v>#N/A</v>
          </cell>
          <cell r="BS451" t="e">
            <v>#N/A</v>
          </cell>
          <cell r="BT451" t="e">
            <v>#N/A</v>
          </cell>
        </row>
        <row r="452">
          <cell r="I452">
            <v>1</v>
          </cell>
          <cell r="J452" t="str">
            <v>式</v>
          </cell>
          <cell r="K452" t="str">
            <v/>
          </cell>
          <cell r="L452">
            <v>0</v>
          </cell>
          <cell r="M452" t="e">
            <v>#N/A</v>
          </cell>
          <cell r="V452" t="e">
            <v>#N/A</v>
          </cell>
          <cell r="W452" t="str">
            <v xml:space="preserve"> </v>
          </cell>
          <cell r="X452" t="e">
            <v>#N/A</v>
          </cell>
          <cell r="Y452" t="e">
            <v>#N/A</v>
          </cell>
          <cell r="AD452" t="e">
            <v>#VALUE!</v>
          </cell>
          <cell r="AH452" t="str">
            <v/>
          </cell>
          <cell r="AP452">
            <v>3</v>
          </cell>
          <cell r="BD452" t="e">
            <v>#N/A</v>
          </cell>
          <cell r="BF452" t="e">
            <v>#N/A</v>
          </cell>
          <cell r="BG452" t="e">
            <v>#DIV/0!</v>
          </cell>
          <cell r="BJ452">
            <v>0</v>
          </cell>
          <cell r="BK452">
            <v>0</v>
          </cell>
          <cell r="BL452" t="str">
            <v/>
          </cell>
          <cell r="BO452" t="str">
            <v/>
          </cell>
          <cell r="BP452" t="e">
            <v>#N/A</v>
          </cell>
          <cell r="BQ452" t="e">
            <v>#N/A</v>
          </cell>
          <cell r="BS452" t="e">
            <v>#N/A</v>
          </cell>
          <cell r="BT452" t="e">
            <v>#N/A</v>
          </cell>
        </row>
        <row r="453">
          <cell r="I453">
            <v>1</v>
          </cell>
          <cell r="J453" t="str">
            <v>式</v>
          </cell>
          <cell r="K453" t="str">
            <v/>
          </cell>
          <cell r="L453">
            <v>0</v>
          </cell>
          <cell r="M453" t="e">
            <v>#N/A</v>
          </cell>
          <cell r="V453" t="e">
            <v>#N/A</v>
          </cell>
          <cell r="W453" t="str">
            <v xml:space="preserve"> </v>
          </cell>
          <cell r="X453" t="e">
            <v>#N/A</v>
          </cell>
          <cell r="Y453" t="e">
            <v>#N/A</v>
          </cell>
          <cell r="AD453" t="e">
            <v>#VALUE!</v>
          </cell>
          <cell r="AH453" t="str">
            <v/>
          </cell>
          <cell r="AP453">
            <v>3</v>
          </cell>
          <cell r="BD453" t="e">
            <v>#N/A</v>
          </cell>
          <cell r="BF453" t="e">
            <v>#N/A</v>
          </cell>
          <cell r="BG453" t="e">
            <v>#DIV/0!</v>
          </cell>
          <cell r="BJ453">
            <v>0</v>
          </cell>
          <cell r="BK453">
            <v>0</v>
          </cell>
          <cell r="BL453" t="str">
            <v/>
          </cell>
          <cell r="BO453" t="str">
            <v/>
          </cell>
          <cell r="BP453" t="e">
            <v>#N/A</v>
          </cell>
          <cell r="BQ453" t="e">
            <v>#N/A</v>
          </cell>
          <cell r="BS453" t="e">
            <v>#N/A</v>
          </cell>
          <cell r="BT453" t="e">
            <v>#N/A</v>
          </cell>
        </row>
        <row r="454">
          <cell r="I454">
            <v>1</v>
          </cell>
          <cell r="J454" t="str">
            <v>式</v>
          </cell>
          <cell r="K454" t="str">
            <v/>
          </cell>
          <cell r="L454">
            <v>0</v>
          </cell>
          <cell r="M454" t="e">
            <v>#N/A</v>
          </cell>
          <cell r="V454" t="e">
            <v>#N/A</v>
          </cell>
          <cell r="W454" t="str">
            <v xml:space="preserve"> </v>
          </cell>
          <cell r="X454" t="e">
            <v>#N/A</v>
          </cell>
          <cell r="Y454" t="e">
            <v>#N/A</v>
          </cell>
          <cell r="AD454" t="e">
            <v>#VALUE!</v>
          </cell>
          <cell r="AH454" t="str">
            <v/>
          </cell>
          <cell r="AP454">
            <v>3</v>
          </cell>
          <cell r="BD454" t="e">
            <v>#N/A</v>
          </cell>
          <cell r="BF454" t="e">
            <v>#N/A</v>
          </cell>
          <cell r="BG454" t="e">
            <v>#DIV/0!</v>
          </cell>
          <cell r="BJ454">
            <v>0</v>
          </cell>
          <cell r="BK454">
            <v>0</v>
          </cell>
          <cell r="BL454" t="str">
            <v/>
          </cell>
          <cell r="BO454" t="str">
            <v/>
          </cell>
          <cell r="BP454" t="e">
            <v>#N/A</v>
          </cell>
          <cell r="BQ454" t="e">
            <v>#N/A</v>
          </cell>
          <cell r="BS454" t="e">
            <v>#N/A</v>
          </cell>
          <cell r="BT454" t="e">
            <v>#N/A</v>
          </cell>
        </row>
        <row r="455">
          <cell r="I455">
            <v>1</v>
          </cell>
          <cell r="J455" t="str">
            <v>式</v>
          </cell>
          <cell r="K455" t="str">
            <v/>
          </cell>
          <cell r="L455">
            <v>0</v>
          </cell>
          <cell r="M455" t="e">
            <v>#N/A</v>
          </cell>
          <cell r="V455" t="e">
            <v>#N/A</v>
          </cell>
          <cell r="W455" t="str">
            <v xml:space="preserve"> </v>
          </cell>
          <cell r="X455" t="e">
            <v>#N/A</v>
          </cell>
          <cell r="Y455" t="e">
            <v>#N/A</v>
          </cell>
          <cell r="AD455" t="e">
            <v>#VALUE!</v>
          </cell>
          <cell r="AH455" t="str">
            <v/>
          </cell>
          <cell r="AP455">
            <v>3</v>
          </cell>
          <cell r="BD455" t="e">
            <v>#N/A</v>
          </cell>
          <cell r="BF455" t="e">
            <v>#N/A</v>
          </cell>
          <cell r="BG455" t="e">
            <v>#DIV/0!</v>
          </cell>
          <cell r="BJ455">
            <v>0</v>
          </cell>
          <cell r="BK455">
            <v>0</v>
          </cell>
          <cell r="BL455" t="str">
            <v/>
          </cell>
          <cell r="BO455" t="str">
            <v/>
          </cell>
          <cell r="BP455" t="e">
            <v>#N/A</v>
          </cell>
          <cell r="BQ455" t="e">
            <v>#N/A</v>
          </cell>
          <cell r="BS455" t="e">
            <v>#N/A</v>
          </cell>
          <cell r="BT455" t="e">
            <v>#N/A</v>
          </cell>
        </row>
        <row r="456">
          <cell r="I456">
            <v>1</v>
          </cell>
          <cell r="J456" t="str">
            <v>式</v>
          </cell>
          <cell r="K456" t="str">
            <v/>
          </cell>
          <cell r="L456">
            <v>0</v>
          </cell>
          <cell r="M456" t="e">
            <v>#N/A</v>
          </cell>
          <cell r="V456" t="e">
            <v>#N/A</v>
          </cell>
          <cell r="W456" t="str">
            <v xml:space="preserve"> </v>
          </cell>
          <cell r="X456" t="e">
            <v>#N/A</v>
          </cell>
          <cell r="Y456" t="e">
            <v>#N/A</v>
          </cell>
          <cell r="AD456" t="e">
            <v>#VALUE!</v>
          </cell>
          <cell r="AH456" t="str">
            <v/>
          </cell>
          <cell r="AP456">
            <v>3</v>
          </cell>
          <cell r="BD456" t="e">
            <v>#N/A</v>
          </cell>
          <cell r="BF456" t="e">
            <v>#N/A</v>
          </cell>
          <cell r="BG456" t="e">
            <v>#DIV/0!</v>
          </cell>
          <cell r="BJ456">
            <v>0</v>
          </cell>
          <cell r="BK456">
            <v>0</v>
          </cell>
          <cell r="BL456" t="str">
            <v/>
          </cell>
          <cell r="BO456" t="str">
            <v/>
          </cell>
          <cell r="BP456" t="e">
            <v>#N/A</v>
          </cell>
          <cell r="BQ456" t="e">
            <v>#N/A</v>
          </cell>
          <cell r="BS456" t="e">
            <v>#N/A</v>
          </cell>
          <cell r="BT456" t="e">
            <v>#N/A</v>
          </cell>
        </row>
        <row r="457">
          <cell r="I457">
            <v>1</v>
          </cell>
          <cell r="J457" t="str">
            <v>式</v>
          </cell>
          <cell r="K457" t="str">
            <v/>
          </cell>
          <cell r="L457">
            <v>0</v>
          </cell>
          <cell r="M457" t="e">
            <v>#N/A</v>
          </cell>
          <cell r="V457" t="e">
            <v>#N/A</v>
          </cell>
          <cell r="W457" t="str">
            <v xml:space="preserve"> </v>
          </cell>
          <cell r="X457" t="e">
            <v>#N/A</v>
          </cell>
          <cell r="Y457" t="e">
            <v>#N/A</v>
          </cell>
          <cell r="AD457" t="e">
            <v>#VALUE!</v>
          </cell>
          <cell r="AH457" t="str">
            <v/>
          </cell>
          <cell r="AP457">
            <v>3</v>
          </cell>
          <cell r="BD457" t="e">
            <v>#N/A</v>
          </cell>
          <cell r="BF457" t="e">
            <v>#N/A</v>
          </cell>
          <cell r="BG457" t="e">
            <v>#DIV/0!</v>
          </cell>
          <cell r="BJ457">
            <v>0</v>
          </cell>
          <cell r="BK457">
            <v>0</v>
          </cell>
          <cell r="BL457" t="str">
            <v/>
          </cell>
          <cell r="BO457" t="str">
            <v/>
          </cell>
          <cell r="BP457" t="e">
            <v>#N/A</v>
          </cell>
          <cell r="BQ457" t="e">
            <v>#N/A</v>
          </cell>
          <cell r="BS457" t="e">
            <v>#N/A</v>
          </cell>
          <cell r="BT457" t="e">
            <v>#N/A</v>
          </cell>
        </row>
        <row r="458">
          <cell r="I458">
            <v>1</v>
          </cell>
          <cell r="J458" t="str">
            <v>式</v>
          </cell>
          <cell r="K458" t="str">
            <v/>
          </cell>
          <cell r="L458">
            <v>0</v>
          </cell>
          <cell r="M458" t="e">
            <v>#N/A</v>
          </cell>
          <cell r="V458" t="e">
            <v>#N/A</v>
          </cell>
          <cell r="W458" t="str">
            <v xml:space="preserve"> </v>
          </cell>
          <cell r="X458" t="e">
            <v>#N/A</v>
          </cell>
          <cell r="Y458" t="e">
            <v>#N/A</v>
          </cell>
          <cell r="AD458" t="e">
            <v>#VALUE!</v>
          </cell>
          <cell r="AH458" t="str">
            <v/>
          </cell>
          <cell r="AP458">
            <v>3</v>
          </cell>
          <cell r="BD458" t="e">
            <v>#N/A</v>
          </cell>
          <cell r="BF458" t="e">
            <v>#N/A</v>
          </cell>
          <cell r="BG458" t="e">
            <v>#DIV/0!</v>
          </cell>
          <cell r="BJ458">
            <v>0</v>
          </cell>
          <cell r="BK458">
            <v>0</v>
          </cell>
          <cell r="BL458" t="str">
            <v/>
          </cell>
          <cell r="BO458" t="str">
            <v/>
          </cell>
          <cell r="BP458" t="e">
            <v>#N/A</v>
          </cell>
          <cell r="BQ458" t="e">
            <v>#N/A</v>
          </cell>
          <cell r="BS458" t="e">
            <v>#N/A</v>
          </cell>
          <cell r="BT458" t="e">
            <v>#N/A</v>
          </cell>
        </row>
        <row r="459">
          <cell r="I459">
            <v>1</v>
          </cell>
          <cell r="J459" t="str">
            <v>式</v>
          </cell>
          <cell r="K459" t="str">
            <v/>
          </cell>
          <cell r="L459">
            <v>0</v>
          </cell>
          <cell r="M459" t="e">
            <v>#N/A</v>
          </cell>
          <cell r="V459" t="e">
            <v>#N/A</v>
          </cell>
          <cell r="W459" t="str">
            <v xml:space="preserve"> </v>
          </cell>
          <cell r="X459" t="e">
            <v>#N/A</v>
          </cell>
          <cell r="Y459" t="e">
            <v>#N/A</v>
          </cell>
          <cell r="AD459" t="e">
            <v>#VALUE!</v>
          </cell>
          <cell r="AH459" t="str">
            <v/>
          </cell>
          <cell r="AP459">
            <v>3</v>
          </cell>
          <cell r="BD459" t="e">
            <v>#N/A</v>
          </cell>
          <cell r="BF459" t="e">
            <v>#N/A</v>
          </cell>
          <cell r="BG459" t="e">
            <v>#DIV/0!</v>
          </cell>
          <cell r="BJ459">
            <v>0</v>
          </cell>
          <cell r="BK459">
            <v>0</v>
          </cell>
          <cell r="BL459" t="str">
            <v/>
          </cell>
          <cell r="BO459" t="str">
            <v/>
          </cell>
          <cell r="BP459" t="e">
            <v>#N/A</v>
          </cell>
          <cell r="BQ459" t="e">
            <v>#N/A</v>
          </cell>
          <cell r="BS459" t="e">
            <v>#N/A</v>
          </cell>
          <cell r="BT459" t="e">
            <v>#N/A</v>
          </cell>
        </row>
        <row r="460">
          <cell r="I460">
            <v>1</v>
          </cell>
          <cell r="J460" t="str">
            <v>式</v>
          </cell>
          <cell r="K460" t="str">
            <v/>
          </cell>
          <cell r="L460">
            <v>0</v>
          </cell>
          <cell r="M460" t="e">
            <v>#N/A</v>
          </cell>
          <cell r="V460" t="e">
            <v>#N/A</v>
          </cell>
          <cell r="W460" t="str">
            <v xml:space="preserve"> </v>
          </cell>
          <cell r="X460" t="e">
            <v>#N/A</v>
          </cell>
          <cell r="Y460" t="e">
            <v>#N/A</v>
          </cell>
          <cell r="AD460" t="e">
            <v>#VALUE!</v>
          </cell>
          <cell r="AH460" t="str">
            <v/>
          </cell>
          <cell r="AP460">
            <v>3</v>
          </cell>
          <cell r="BD460" t="e">
            <v>#N/A</v>
          </cell>
          <cell r="BF460" t="e">
            <v>#N/A</v>
          </cell>
          <cell r="BG460" t="e">
            <v>#DIV/0!</v>
          </cell>
          <cell r="BJ460">
            <v>0</v>
          </cell>
          <cell r="BK460">
            <v>0</v>
          </cell>
          <cell r="BL460" t="str">
            <v/>
          </cell>
          <cell r="BO460" t="str">
            <v/>
          </cell>
          <cell r="BP460" t="e">
            <v>#N/A</v>
          </cell>
          <cell r="BQ460" t="e">
            <v>#N/A</v>
          </cell>
          <cell r="BS460" t="e">
            <v>#N/A</v>
          </cell>
          <cell r="BT460" t="e">
            <v>#N/A</v>
          </cell>
        </row>
        <row r="461">
          <cell r="I461">
            <v>1</v>
          </cell>
          <cell r="J461" t="str">
            <v>式</v>
          </cell>
          <cell r="K461" t="str">
            <v/>
          </cell>
          <cell r="L461">
            <v>0</v>
          </cell>
          <cell r="M461" t="e">
            <v>#N/A</v>
          </cell>
          <cell r="V461" t="e">
            <v>#N/A</v>
          </cell>
          <cell r="W461" t="str">
            <v xml:space="preserve"> </v>
          </cell>
          <cell r="X461" t="e">
            <v>#N/A</v>
          </cell>
          <cell r="Y461" t="e">
            <v>#N/A</v>
          </cell>
          <cell r="AD461" t="e">
            <v>#VALUE!</v>
          </cell>
          <cell r="AH461" t="str">
            <v/>
          </cell>
          <cell r="AP461">
            <v>3</v>
          </cell>
          <cell r="BD461" t="e">
            <v>#N/A</v>
          </cell>
          <cell r="BF461" t="e">
            <v>#N/A</v>
          </cell>
          <cell r="BG461" t="e">
            <v>#DIV/0!</v>
          </cell>
          <cell r="BJ461">
            <v>0</v>
          </cell>
          <cell r="BK461">
            <v>0</v>
          </cell>
          <cell r="BL461" t="str">
            <v/>
          </cell>
          <cell r="BO461" t="str">
            <v/>
          </cell>
          <cell r="BP461" t="e">
            <v>#N/A</v>
          </cell>
          <cell r="BQ461" t="e">
            <v>#N/A</v>
          </cell>
          <cell r="BS461" t="e">
            <v>#N/A</v>
          </cell>
          <cell r="BT461" t="e">
            <v>#N/A</v>
          </cell>
        </row>
        <row r="462">
          <cell r="I462">
            <v>1</v>
          </cell>
          <cell r="J462" t="str">
            <v>式</v>
          </cell>
          <cell r="K462" t="str">
            <v/>
          </cell>
          <cell r="L462">
            <v>0</v>
          </cell>
          <cell r="M462" t="e">
            <v>#N/A</v>
          </cell>
          <cell r="V462" t="e">
            <v>#N/A</v>
          </cell>
          <cell r="W462" t="str">
            <v xml:space="preserve"> </v>
          </cell>
          <cell r="X462" t="e">
            <v>#N/A</v>
          </cell>
          <cell r="Y462" t="e">
            <v>#N/A</v>
          </cell>
          <cell r="AD462" t="e">
            <v>#VALUE!</v>
          </cell>
          <cell r="AH462" t="str">
            <v/>
          </cell>
          <cell r="AP462">
            <v>3</v>
          </cell>
          <cell r="BD462" t="e">
            <v>#N/A</v>
          </cell>
          <cell r="BF462" t="e">
            <v>#N/A</v>
          </cell>
          <cell r="BG462" t="e">
            <v>#DIV/0!</v>
          </cell>
          <cell r="BJ462">
            <v>0</v>
          </cell>
          <cell r="BK462">
            <v>0</v>
          </cell>
          <cell r="BL462" t="str">
            <v/>
          </cell>
          <cell r="BO462" t="str">
            <v/>
          </cell>
          <cell r="BP462" t="e">
            <v>#N/A</v>
          </cell>
          <cell r="BQ462" t="e">
            <v>#N/A</v>
          </cell>
          <cell r="BS462" t="e">
            <v>#N/A</v>
          </cell>
          <cell r="BT462" t="e">
            <v>#N/A</v>
          </cell>
        </row>
        <row r="463">
          <cell r="I463">
            <v>1</v>
          </cell>
          <cell r="J463" t="str">
            <v>式</v>
          </cell>
          <cell r="K463" t="str">
            <v/>
          </cell>
          <cell r="L463">
            <v>0</v>
          </cell>
          <cell r="M463" t="e">
            <v>#N/A</v>
          </cell>
          <cell r="V463" t="e">
            <v>#N/A</v>
          </cell>
          <cell r="W463" t="str">
            <v xml:space="preserve"> </v>
          </cell>
          <cell r="X463" t="e">
            <v>#N/A</v>
          </cell>
          <cell r="Y463" t="e">
            <v>#N/A</v>
          </cell>
          <cell r="AD463" t="e">
            <v>#VALUE!</v>
          </cell>
          <cell r="AH463" t="str">
            <v/>
          </cell>
          <cell r="AP463">
            <v>3</v>
          </cell>
          <cell r="BD463" t="e">
            <v>#N/A</v>
          </cell>
          <cell r="BF463" t="e">
            <v>#N/A</v>
          </cell>
          <cell r="BG463" t="e">
            <v>#DIV/0!</v>
          </cell>
          <cell r="BJ463">
            <v>0</v>
          </cell>
          <cell r="BK463">
            <v>0</v>
          </cell>
          <cell r="BL463" t="str">
            <v/>
          </cell>
          <cell r="BO463" t="str">
            <v/>
          </cell>
          <cell r="BP463" t="e">
            <v>#N/A</v>
          </cell>
          <cell r="BQ463" t="e">
            <v>#N/A</v>
          </cell>
          <cell r="BS463" t="e">
            <v>#N/A</v>
          </cell>
          <cell r="BT463" t="e">
            <v>#N/A</v>
          </cell>
        </row>
        <row r="464">
          <cell r="I464">
            <v>1</v>
          </cell>
          <cell r="J464" t="str">
            <v>式</v>
          </cell>
          <cell r="K464" t="str">
            <v/>
          </cell>
          <cell r="L464">
            <v>0</v>
          </cell>
          <cell r="M464" t="e">
            <v>#N/A</v>
          </cell>
          <cell r="V464" t="e">
            <v>#N/A</v>
          </cell>
          <cell r="W464" t="str">
            <v xml:space="preserve"> </v>
          </cell>
          <cell r="X464" t="e">
            <v>#N/A</v>
          </cell>
          <cell r="Y464" t="e">
            <v>#N/A</v>
          </cell>
          <cell r="AD464" t="e">
            <v>#VALUE!</v>
          </cell>
          <cell r="AH464" t="str">
            <v/>
          </cell>
          <cell r="AP464">
            <v>3</v>
          </cell>
          <cell r="BD464" t="e">
            <v>#N/A</v>
          </cell>
          <cell r="BF464" t="e">
            <v>#N/A</v>
          </cell>
          <cell r="BG464" t="e">
            <v>#DIV/0!</v>
          </cell>
          <cell r="BJ464">
            <v>0</v>
          </cell>
          <cell r="BK464">
            <v>0</v>
          </cell>
          <cell r="BL464" t="str">
            <v/>
          </cell>
          <cell r="BO464" t="str">
            <v/>
          </cell>
          <cell r="BP464" t="e">
            <v>#N/A</v>
          </cell>
          <cell r="BQ464" t="e">
            <v>#N/A</v>
          </cell>
          <cell r="BS464" t="e">
            <v>#N/A</v>
          </cell>
          <cell r="BT464" t="e">
            <v>#N/A</v>
          </cell>
        </row>
        <row r="465">
          <cell r="I465">
            <v>1</v>
          </cell>
          <cell r="J465" t="str">
            <v>式</v>
          </cell>
          <cell r="K465" t="str">
            <v/>
          </cell>
          <cell r="L465">
            <v>0</v>
          </cell>
          <cell r="M465" t="e">
            <v>#N/A</v>
          </cell>
          <cell r="V465" t="e">
            <v>#N/A</v>
          </cell>
          <cell r="W465" t="str">
            <v xml:space="preserve"> </v>
          </cell>
          <cell r="X465" t="e">
            <v>#N/A</v>
          </cell>
          <cell r="Y465" t="e">
            <v>#N/A</v>
          </cell>
          <cell r="AD465" t="e">
            <v>#VALUE!</v>
          </cell>
          <cell r="AH465" t="str">
            <v/>
          </cell>
          <cell r="AP465">
            <v>3</v>
          </cell>
          <cell r="BD465" t="e">
            <v>#N/A</v>
          </cell>
          <cell r="BF465" t="e">
            <v>#N/A</v>
          </cell>
          <cell r="BG465" t="e">
            <v>#DIV/0!</v>
          </cell>
          <cell r="BJ465">
            <v>0</v>
          </cell>
          <cell r="BK465">
            <v>0</v>
          </cell>
          <cell r="BL465" t="str">
            <v/>
          </cell>
          <cell r="BO465" t="str">
            <v/>
          </cell>
          <cell r="BP465" t="e">
            <v>#N/A</v>
          </cell>
          <cell r="BQ465" t="e">
            <v>#N/A</v>
          </cell>
          <cell r="BS465" t="e">
            <v>#N/A</v>
          </cell>
          <cell r="BT465" t="e">
            <v>#N/A</v>
          </cell>
        </row>
        <row r="466">
          <cell r="I466">
            <v>1</v>
          </cell>
          <cell r="J466" t="str">
            <v>式</v>
          </cell>
          <cell r="K466" t="str">
            <v/>
          </cell>
          <cell r="L466">
            <v>0</v>
          </cell>
          <cell r="M466" t="e">
            <v>#N/A</v>
          </cell>
          <cell r="V466" t="e">
            <v>#N/A</v>
          </cell>
          <cell r="W466" t="str">
            <v xml:space="preserve"> </v>
          </cell>
          <cell r="X466" t="e">
            <v>#N/A</v>
          </cell>
          <cell r="Y466" t="e">
            <v>#N/A</v>
          </cell>
          <cell r="AD466" t="e">
            <v>#VALUE!</v>
          </cell>
          <cell r="AH466" t="str">
            <v/>
          </cell>
          <cell r="AP466">
            <v>3</v>
          </cell>
          <cell r="BD466" t="e">
            <v>#N/A</v>
          </cell>
          <cell r="BF466" t="e">
            <v>#N/A</v>
          </cell>
          <cell r="BG466" t="e">
            <v>#DIV/0!</v>
          </cell>
          <cell r="BJ466">
            <v>0</v>
          </cell>
          <cell r="BK466">
            <v>0</v>
          </cell>
          <cell r="BL466" t="str">
            <v/>
          </cell>
          <cell r="BO466" t="str">
            <v/>
          </cell>
          <cell r="BP466" t="e">
            <v>#N/A</v>
          </cell>
          <cell r="BQ466" t="e">
            <v>#N/A</v>
          </cell>
          <cell r="BS466" t="e">
            <v>#N/A</v>
          </cell>
          <cell r="BT466" t="e">
            <v>#N/A</v>
          </cell>
        </row>
        <row r="467">
          <cell r="I467">
            <v>1</v>
          </cell>
          <cell r="J467" t="str">
            <v>式</v>
          </cell>
          <cell r="K467" t="str">
            <v/>
          </cell>
          <cell r="L467">
            <v>0</v>
          </cell>
          <cell r="M467" t="e">
            <v>#N/A</v>
          </cell>
          <cell r="V467" t="e">
            <v>#N/A</v>
          </cell>
          <cell r="W467" t="str">
            <v xml:space="preserve"> </v>
          </cell>
          <cell r="X467" t="e">
            <v>#N/A</v>
          </cell>
          <cell r="Y467" t="e">
            <v>#N/A</v>
          </cell>
          <cell r="AD467" t="e">
            <v>#VALUE!</v>
          </cell>
          <cell r="AH467" t="str">
            <v/>
          </cell>
          <cell r="AP467">
            <v>3</v>
          </cell>
          <cell r="BD467" t="e">
            <v>#N/A</v>
          </cell>
          <cell r="BF467" t="e">
            <v>#N/A</v>
          </cell>
          <cell r="BG467" t="e">
            <v>#DIV/0!</v>
          </cell>
          <cell r="BJ467">
            <v>0</v>
          </cell>
          <cell r="BK467">
            <v>0</v>
          </cell>
          <cell r="BL467" t="str">
            <v/>
          </cell>
          <cell r="BO467" t="str">
            <v/>
          </cell>
          <cell r="BP467" t="e">
            <v>#N/A</v>
          </cell>
          <cell r="BQ467" t="e">
            <v>#N/A</v>
          </cell>
          <cell r="BS467" t="e">
            <v>#N/A</v>
          </cell>
          <cell r="BT467" t="e">
            <v>#N/A</v>
          </cell>
        </row>
        <row r="468">
          <cell r="I468">
            <v>1</v>
          </cell>
          <cell r="J468" t="str">
            <v>式</v>
          </cell>
          <cell r="K468" t="str">
            <v/>
          </cell>
          <cell r="L468">
            <v>0</v>
          </cell>
          <cell r="M468" t="e">
            <v>#N/A</v>
          </cell>
          <cell r="V468" t="e">
            <v>#N/A</v>
          </cell>
          <cell r="W468" t="str">
            <v xml:space="preserve"> </v>
          </cell>
          <cell r="X468" t="e">
            <v>#N/A</v>
          </cell>
          <cell r="Y468" t="e">
            <v>#N/A</v>
          </cell>
          <cell r="AD468" t="e">
            <v>#VALUE!</v>
          </cell>
          <cell r="AH468" t="str">
            <v/>
          </cell>
          <cell r="AP468">
            <v>3</v>
          </cell>
          <cell r="BD468" t="e">
            <v>#N/A</v>
          </cell>
          <cell r="BF468" t="e">
            <v>#N/A</v>
          </cell>
          <cell r="BG468" t="e">
            <v>#DIV/0!</v>
          </cell>
          <cell r="BJ468">
            <v>0</v>
          </cell>
          <cell r="BK468">
            <v>0</v>
          </cell>
          <cell r="BL468" t="str">
            <v/>
          </cell>
          <cell r="BO468" t="str">
            <v/>
          </cell>
          <cell r="BP468" t="e">
            <v>#N/A</v>
          </cell>
          <cell r="BQ468" t="e">
            <v>#N/A</v>
          </cell>
          <cell r="BS468" t="e">
            <v>#N/A</v>
          </cell>
          <cell r="BT468" t="e">
            <v>#N/A</v>
          </cell>
        </row>
        <row r="469">
          <cell r="I469">
            <v>1</v>
          </cell>
          <cell r="J469" t="str">
            <v>式</v>
          </cell>
          <cell r="K469" t="str">
            <v/>
          </cell>
          <cell r="L469">
            <v>0</v>
          </cell>
          <cell r="M469" t="e">
            <v>#N/A</v>
          </cell>
          <cell r="V469" t="e">
            <v>#N/A</v>
          </cell>
          <cell r="W469" t="str">
            <v xml:space="preserve"> </v>
          </cell>
          <cell r="X469" t="e">
            <v>#N/A</v>
          </cell>
          <cell r="Y469" t="e">
            <v>#N/A</v>
          </cell>
          <cell r="AD469" t="e">
            <v>#VALUE!</v>
          </cell>
          <cell r="AH469" t="str">
            <v/>
          </cell>
          <cell r="AP469">
            <v>3</v>
          </cell>
          <cell r="BD469" t="e">
            <v>#N/A</v>
          </cell>
          <cell r="BF469" t="e">
            <v>#N/A</v>
          </cell>
          <cell r="BG469" t="e">
            <v>#DIV/0!</v>
          </cell>
          <cell r="BJ469">
            <v>0</v>
          </cell>
          <cell r="BK469">
            <v>0</v>
          </cell>
          <cell r="BL469" t="str">
            <v/>
          </cell>
          <cell r="BO469" t="str">
            <v/>
          </cell>
          <cell r="BP469" t="e">
            <v>#N/A</v>
          </cell>
          <cell r="BQ469" t="e">
            <v>#N/A</v>
          </cell>
          <cell r="BS469" t="e">
            <v>#N/A</v>
          </cell>
          <cell r="BT469" t="e">
            <v>#N/A</v>
          </cell>
        </row>
        <row r="470">
          <cell r="I470">
            <v>1</v>
          </cell>
          <cell r="J470" t="str">
            <v>式</v>
          </cell>
          <cell r="K470" t="str">
            <v/>
          </cell>
          <cell r="L470">
            <v>0</v>
          </cell>
          <cell r="M470" t="e">
            <v>#N/A</v>
          </cell>
          <cell r="V470" t="e">
            <v>#N/A</v>
          </cell>
          <cell r="W470" t="str">
            <v xml:space="preserve"> </v>
          </cell>
          <cell r="X470" t="e">
            <v>#N/A</v>
          </cell>
          <cell r="Y470" t="e">
            <v>#N/A</v>
          </cell>
          <cell r="AD470" t="e">
            <v>#VALUE!</v>
          </cell>
          <cell r="AH470" t="str">
            <v/>
          </cell>
          <cell r="AP470">
            <v>3</v>
          </cell>
          <cell r="BD470" t="e">
            <v>#N/A</v>
          </cell>
          <cell r="BF470" t="e">
            <v>#N/A</v>
          </cell>
          <cell r="BG470" t="e">
            <v>#DIV/0!</v>
          </cell>
          <cell r="BJ470">
            <v>0</v>
          </cell>
          <cell r="BK470">
            <v>0</v>
          </cell>
          <cell r="BL470" t="str">
            <v/>
          </cell>
          <cell r="BO470" t="str">
            <v/>
          </cell>
          <cell r="BP470" t="e">
            <v>#N/A</v>
          </cell>
          <cell r="BQ470" t="e">
            <v>#N/A</v>
          </cell>
          <cell r="BS470" t="e">
            <v>#N/A</v>
          </cell>
          <cell r="BT470" t="e">
            <v>#N/A</v>
          </cell>
        </row>
        <row r="471">
          <cell r="I471">
            <v>1</v>
          </cell>
          <cell r="J471" t="str">
            <v>式</v>
          </cell>
          <cell r="K471" t="str">
            <v/>
          </cell>
          <cell r="L471">
            <v>0</v>
          </cell>
          <cell r="M471" t="e">
            <v>#N/A</v>
          </cell>
          <cell r="V471" t="e">
            <v>#N/A</v>
          </cell>
          <cell r="W471" t="str">
            <v xml:space="preserve"> </v>
          </cell>
          <cell r="X471" t="e">
            <v>#N/A</v>
          </cell>
          <cell r="Y471" t="e">
            <v>#N/A</v>
          </cell>
          <cell r="AD471" t="e">
            <v>#VALUE!</v>
          </cell>
          <cell r="AH471" t="str">
            <v/>
          </cell>
          <cell r="AP471">
            <v>3</v>
          </cell>
          <cell r="BD471" t="e">
            <v>#N/A</v>
          </cell>
          <cell r="BF471" t="e">
            <v>#N/A</v>
          </cell>
          <cell r="BG471" t="e">
            <v>#DIV/0!</v>
          </cell>
          <cell r="BJ471">
            <v>0</v>
          </cell>
          <cell r="BK471">
            <v>0</v>
          </cell>
          <cell r="BL471" t="str">
            <v/>
          </cell>
          <cell r="BO471" t="str">
            <v/>
          </cell>
          <cell r="BP471" t="e">
            <v>#N/A</v>
          </cell>
          <cell r="BQ471" t="e">
            <v>#N/A</v>
          </cell>
          <cell r="BS471" t="e">
            <v>#N/A</v>
          </cell>
          <cell r="BT471" t="e">
            <v>#N/A</v>
          </cell>
        </row>
        <row r="472">
          <cell r="I472">
            <v>1</v>
          </cell>
          <cell r="J472" t="str">
            <v>式</v>
          </cell>
          <cell r="K472" t="str">
            <v/>
          </cell>
          <cell r="L472">
            <v>0</v>
          </cell>
          <cell r="M472" t="e">
            <v>#N/A</v>
          </cell>
          <cell r="V472" t="e">
            <v>#N/A</v>
          </cell>
          <cell r="W472" t="str">
            <v xml:space="preserve"> </v>
          </cell>
          <cell r="X472" t="e">
            <v>#N/A</v>
          </cell>
          <cell r="Y472" t="e">
            <v>#N/A</v>
          </cell>
          <cell r="AD472" t="e">
            <v>#VALUE!</v>
          </cell>
          <cell r="AH472" t="str">
            <v/>
          </cell>
          <cell r="AP472">
            <v>3</v>
          </cell>
          <cell r="BD472" t="e">
            <v>#N/A</v>
          </cell>
          <cell r="BF472" t="e">
            <v>#N/A</v>
          </cell>
          <cell r="BG472" t="e">
            <v>#DIV/0!</v>
          </cell>
          <cell r="BJ472">
            <v>0</v>
          </cell>
          <cell r="BK472">
            <v>0</v>
          </cell>
          <cell r="BL472" t="str">
            <v/>
          </cell>
          <cell r="BO472" t="str">
            <v/>
          </cell>
          <cell r="BP472" t="e">
            <v>#N/A</v>
          </cell>
          <cell r="BQ472" t="e">
            <v>#N/A</v>
          </cell>
          <cell r="BS472" t="e">
            <v>#N/A</v>
          </cell>
          <cell r="BT472" t="e">
            <v>#N/A</v>
          </cell>
        </row>
        <row r="473">
          <cell r="I473">
            <v>1</v>
          </cell>
          <cell r="J473" t="str">
            <v>式</v>
          </cell>
          <cell r="K473" t="str">
            <v/>
          </cell>
          <cell r="L473">
            <v>0</v>
          </cell>
          <cell r="M473" t="e">
            <v>#N/A</v>
          </cell>
          <cell r="V473" t="e">
            <v>#N/A</v>
          </cell>
          <cell r="W473" t="str">
            <v xml:space="preserve"> </v>
          </cell>
          <cell r="X473" t="e">
            <v>#N/A</v>
          </cell>
          <cell r="Y473" t="e">
            <v>#N/A</v>
          </cell>
          <cell r="AD473" t="e">
            <v>#VALUE!</v>
          </cell>
          <cell r="AH473" t="str">
            <v/>
          </cell>
          <cell r="AP473">
            <v>3</v>
          </cell>
          <cell r="BD473" t="e">
            <v>#N/A</v>
          </cell>
          <cell r="BF473" t="e">
            <v>#N/A</v>
          </cell>
          <cell r="BG473" t="e">
            <v>#DIV/0!</v>
          </cell>
          <cell r="BJ473">
            <v>0</v>
          </cell>
          <cell r="BK473">
            <v>0</v>
          </cell>
          <cell r="BL473" t="str">
            <v/>
          </cell>
          <cell r="BO473" t="str">
            <v/>
          </cell>
          <cell r="BP473" t="e">
            <v>#N/A</v>
          </cell>
          <cell r="BQ473" t="e">
            <v>#N/A</v>
          </cell>
          <cell r="BS473" t="e">
            <v>#N/A</v>
          </cell>
          <cell r="BT473" t="e">
            <v>#N/A</v>
          </cell>
        </row>
        <row r="474">
          <cell r="I474">
            <v>1</v>
          </cell>
          <cell r="J474" t="str">
            <v>式</v>
          </cell>
          <cell r="K474" t="str">
            <v/>
          </cell>
          <cell r="L474">
            <v>0</v>
          </cell>
          <cell r="M474" t="e">
            <v>#N/A</v>
          </cell>
          <cell r="V474" t="e">
            <v>#N/A</v>
          </cell>
          <cell r="W474" t="str">
            <v xml:space="preserve"> </v>
          </cell>
          <cell r="X474" t="e">
            <v>#N/A</v>
          </cell>
          <cell r="Y474" t="e">
            <v>#N/A</v>
          </cell>
          <cell r="AD474" t="e">
            <v>#VALUE!</v>
          </cell>
          <cell r="AH474" t="str">
            <v/>
          </cell>
          <cell r="AP474">
            <v>3</v>
          </cell>
          <cell r="BD474" t="e">
            <v>#N/A</v>
          </cell>
          <cell r="BF474" t="e">
            <v>#N/A</v>
          </cell>
          <cell r="BG474" t="e">
            <v>#DIV/0!</v>
          </cell>
          <cell r="BJ474">
            <v>0</v>
          </cell>
          <cell r="BK474">
            <v>0</v>
          </cell>
          <cell r="BL474" t="str">
            <v/>
          </cell>
          <cell r="BO474" t="str">
            <v/>
          </cell>
          <cell r="BP474" t="e">
            <v>#N/A</v>
          </cell>
          <cell r="BQ474" t="e">
            <v>#N/A</v>
          </cell>
          <cell r="BS474" t="e">
            <v>#N/A</v>
          </cell>
          <cell r="BT474" t="e">
            <v>#N/A</v>
          </cell>
        </row>
        <row r="475">
          <cell r="I475">
            <v>1</v>
          </cell>
          <cell r="J475" t="str">
            <v>式</v>
          </cell>
          <cell r="K475" t="str">
            <v/>
          </cell>
          <cell r="L475">
            <v>0</v>
          </cell>
          <cell r="M475" t="e">
            <v>#N/A</v>
          </cell>
          <cell r="V475" t="e">
            <v>#N/A</v>
          </cell>
          <cell r="W475" t="str">
            <v xml:space="preserve"> </v>
          </cell>
          <cell r="X475" t="e">
            <v>#N/A</v>
          </cell>
          <cell r="Y475" t="e">
            <v>#N/A</v>
          </cell>
          <cell r="AD475" t="e">
            <v>#VALUE!</v>
          </cell>
          <cell r="AH475" t="str">
            <v/>
          </cell>
          <cell r="AP475">
            <v>3</v>
          </cell>
          <cell r="BD475" t="e">
            <v>#N/A</v>
          </cell>
          <cell r="BF475" t="e">
            <v>#N/A</v>
          </cell>
          <cell r="BG475" t="e">
            <v>#DIV/0!</v>
          </cell>
          <cell r="BJ475">
            <v>0</v>
          </cell>
          <cell r="BK475">
            <v>0</v>
          </cell>
          <cell r="BL475" t="str">
            <v/>
          </cell>
          <cell r="BO475" t="str">
            <v/>
          </cell>
          <cell r="BP475" t="e">
            <v>#N/A</v>
          </cell>
          <cell r="BQ475" t="e">
            <v>#N/A</v>
          </cell>
          <cell r="BS475" t="e">
            <v>#N/A</v>
          </cell>
          <cell r="BT475" t="e">
            <v>#N/A</v>
          </cell>
        </row>
        <row r="476">
          <cell r="I476">
            <v>1</v>
          </cell>
          <cell r="J476" t="str">
            <v>式</v>
          </cell>
          <cell r="K476" t="str">
            <v/>
          </cell>
          <cell r="L476">
            <v>0</v>
          </cell>
          <cell r="M476" t="e">
            <v>#N/A</v>
          </cell>
          <cell r="V476" t="e">
            <v>#N/A</v>
          </cell>
          <cell r="W476" t="str">
            <v xml:space="preserve"> </v>
          </cell>
          <cell r="X476" t="e">
            <v>#N/A</v>
          </cell>
          <cell r="Y476" t="e">
            <v>#N/A</v>
          </cell>
          <cell r="AD476" t="e">
            <v>#VALUE!</v>
          </cell>
          <cell r="AH476" t="str">
            <v/>
          </cell>
          <cell r="AP476">
            <v>3</v>
          </cell>
          <cell r="BD476" t="e">
            <v>#N/A</v>
          </cell>
          <cell r="BF476" t="e">
            <v>#N/A</v>
          </cell>
          <cell r="BG476" t="e">
            <v>#DIV/0!</v>
          </cell>
          <cell r="BJ476">
            <v>0</v>
          </cell>
          <cell r="BK476">
            <v>0</v>
          </cell>
          <cell r="BL476" t="str">
            <v/>
          </cell>
          <cell r="BO476" t="str">
            <v/>
          </cell>
          <cell r="BP476" t="e">
            <v>#N/A</v>
          </cell>
          <cell r="BQ476" t="e">
            <v>#N/A</v>
          </cell>
          <cell r="BS476" t="e">
            <v>#N/A</v>
          </cell>
          <cell r="BT476" t="e">
            <v>#N/A</v>
          </cell>
        </row>
        <row r="477">
          <cell r="I477">
            <v>1</v>
          </cell>
          <cell r="J477" t="str">
            <v>式</v>
          </cell>
          <cell r="K477" t="str">
            <v/>
          </cell>
          <cell r="L477">
            <v>0</v>
          </cell>
          <cell r="M477" t="e">
            <v>#N/A</v>
          </cell>
          <cell r="V477" t="e">
            <v>#N/A</v>
          </cell>
          <cell r="W477" t="str">
            <v xml:space="preserve"> </v>
          </cell>
          <cell r="X477" t="e">
            <v>#N/A</v>
          </cell>
          <cell r="Y477" t="e">
            <v>#N/A</v>
          </cell>
          <cell r="AD477" t="e">
            <v>#VALUE!</v>
          </cell>
          <cell r="AH477" t="str">
            <v/>
          </cell>
          <cell r="AP477">
            <v>3</v>
          </cell>
          <cell r="BD477" t="e">
            <v>#N/A</v>
          </cell>
          <cell r="BF477" t="e">
            <v>#N/A</v>
          </cell>
          <cell r="BG477" t="e">
            <v>#DIV/0!</v>
          </cell>
          <cell r="BJ477">
            <v>0</v>
          </cell>
          <cell r="BK477">
            <v>0</v>
          </cell>
          <cell r="BL477" t="str">
            <v/>
          </cell>
          <cell r="BO477" t="str">
            <v/>
          </cell>
          <cell r="BP477" t="e">
            <v>#N/A</v>
          </cell>
          <cell r="BQ477" t="e">
            <v>#N/A</v>
          </cell>
          <cell r="BS477" t="e">
            <v>#N/A</v>
          </cell>
          <cell r="BT477" t="e">
            <v>#N/A</v>
          </cell>
        </row>
        <row r="478">
          <cell r="I478">
            <v>1</v>
          </cell>
          <cell r="J478" t="str">
            <v>式</v>
          </cell>
          <cell r="K478" t="str">
            <v/>
          </cell>
          <cell r="L478">
            <v>0</v>
          </cell>
          <cell r="M478" t="e">
            <v>#N/A</v>
          </cell>
          <cell r="V478" t="e">
            <v>#N/A</v>
          </cell>
          <cell r="W478" t="str">
            <v xml:space="preserve"> </v>
          </cell>
          <cell r="X478" t="e">
            <v>#N/A</v>
          </cell>
          <cell r="Y478" t="e">
            <v>#N/A</v>
          </cell>
          <cell r="AD478" t="e">
            <v>#VALUE!</v>
          </cell>
          <cell r="AH478" t="str">
            <v/>
          </cell>
          <cell r="AP478">
            <v>3</v>
          </cell>
          <cell r="BD478" t="e">
            <v>#N/A</v>
          </cell>
          <cell r="BF478" t="e">
            <v>#N/A</v>
          </cell>
          <cell r="BG478" t="e">
            <v>#DIV/0!</v>
          </cell>
          <cell r="BJ478">
            <v>0</v>
          </cell>
          <cell r="BK478">
            <v>0</v>
          </cell>
          <cell r="BL478" t="str">
            <v/>
          </cell>
          <cell r="BO478" t="str">
            <v/>
          </cell>
          <cell r="BP478" t="e">
            <v>#N/A</v>
          </cell>
          <cell r="BQ478" t="e">
            <v>#N/A</v>
          </cell>
          <cell r="BS478" t="e">
            <v>#N/A</v>
          </cell>
          <cell r="BT478" t="e">
            <v>#N/A</v>
          </cell>
        </row>
        <row r="479">
          <cell r="I479">
            <v>1</v>
          </cell>
          <cell r="J479" t="str">
            <v>式</v>
          </cell>
          <cell r="K479" t="str">
            <v/>
          </cell>
          <cell r="L479">
            <v>0</v>
          </cell>
          <cell r="M479" t="e">
            <v>#N/A</v>
          </cell>
          <cell r="V479" t="e">
            <v>#N/A</v>
          </cell>
          <cell r="W479" t="str">
            <v xml:space="preserve"> </v>
          </cell>
          <cell r="X479" t="e">
            <v>#N/A</v>
          </cell>
          <cell r="Y479" t="e">
            <v>#N/A</v>
          </cell>
          <cell r="AD479" t="e">
            <v>#VALUE!</v>
          </cell>
          <cell r="AH479" t="str">
            <v/>
          </cell>
          <cell r="AP479">
            <v>3</v>
          </cell>
          <cell r="BD479" t="e">
            <v>#N/A</v>
          </cell>
          <cell r="BF479" t="e">
            <v>#N/A</v>
          </cell>
          <cell r="BG479" t="e">
            <v>#DIV/0!</v>
          </cell>
          <cell r="BJ479">
            <v>0</v>
          </cell>
          <cell r="BK479">
            <v>0</v>
          </cell>
          <cell r="BL479" t="str">
            <v/>
          </cell>
          <cell r="BO479" t="str">
            <v/>
          </cell>
          <cell r="BP479" t="e">
            <v>#N/A</v>
          </cell>
          <cell r="BQ479" t="e">
            <v>#N/A</v>
          </cell>
          <cell r="BS479" t="e">
            <v>#N/A</v>
          </cell>
          <cell r="BT479" t="e">
            <v>#N/A</v>
          </cell>
        </row>
        <row r="480">
          <cell r="I480">
            <v>1</v>
          </cell>
          <cell r="J480" t="str">
            <v>式</v>
          </cell>
          <cell r="K480" t="str">
            <v/>
          </cell>
          <cell r="L480">
            <v>0</v>
          </cell>
          <cell r="M480" t="e">
            <v>#N/A</v>
          </cell>
          <cell r="V480" t="e">
            <v>#N/A</v>
          </cell>
          <cell r="W480" t="str">
            <v xml:space="preserve"> </v>
          </cell>
          <cell r="X480" t="e">
            <v>#N/A</v>
          </cell>
          <cell r="Y480" t="e">
            <v>#N/A</v>
          </cell>
          <cell r="AD480" t="e">
            <v>#VALUE!</v>
          </cell>
          <cell r="AH480" t="str">
            <v/>
          </cell>
          <cell r="AP480">
            <v>3</v>
          </cell>
          <cell r="BD480" t="e">
            <v>#N/A</v>
          </cell>
          <cell r="BF480" t="e">
            <v>#N/A</v>
          </cell>
          <cell r="BG480" t="e">
            <v>#DIV/0!</v>
          </cell>
          <cell r="BJ480">
            <v>0</v>
          </cell>
          <cell r="BK480">
            <v>0</v>
          </cell>
          <cell r="BL480" t="str">
            <v/>
          </cell>
          <cell r="BO480" t="str">
            <v/>
          </cell>
          <cell r="BP480" t="e">
            <v>#N/A</v>
          </cell>
          <cell r="BQ480" t="e">
            <v>#N/A</v>
          </cell>
          <cell r="BS480" t="e">
            <v>#N/A</v>
          </cell>
          <cell r="BT480" t="e">
            <v>#N/A</v>
          </cell>
        </row>
        <row r="481">
          <cell r="I481">
            <v>1</v>
          </cell>
          <cell r="J481" t="str">
            <v>式</v>
          </cell>
          <cell r="K481" t="str">
            <v/>
          </cell>
          <cell r="L481">
            <v>0</v>
          </cell>
          <cell r="M481" t="e">
            <v>#N/A</v>
          </cell>
          <cell r="V481" t="e">
            <v>#N/A</v>
          </cell>
          <cell r="W481" t="str">
            <v xml:space="preserve"> </v>
          </cell>
          <cell r="X481" t="e">
            <v>#N/A</v>
          </cell>
          <cell r="Y481" t="e">
            <v>#N/A</v>
          </cell>
          <cell r="AD481" t="e">
            <v>#VALUE!</v>
          </cell>
          <cell r="AH481" t="str">
            <v/>
          </cell>
          <cell r="AP481">
            <v>3</v>
          </cell>
          <cell r="BD481" t="e">
            <v>#N/A</v>
          </cell>
          <cell r="BF481" t="e">
            <v>#N/A</v>
          </cell>
          <cell r="BG481" t="e">
            <v>#DIV/0!</v>
          </cell>
          <cell r="BJ481">
            <v>0</v>
          </cell>
          <cell r="BK481">
            <v>0</v>
          </cell>
          <cell r="BL481" t="str">
            <v/>
          </cell>
          <cell r="BO481" t="str">
            <v/>
          </cell>
          <cell r="BP481" t="e">
            <v>#N/A</v>
          </cell>
          <cell r="BQ481" t="e">
            <v>#N/A</v>
          </cell>
          <cell r="BS481" t="e">
            <v>#N/A</v>
          </cell>
          <cell r="BT481" t="e">
            <v>#N/A</v>
          </cell>
        </row>
        <row r="482">
          <cell r="I482">
            <v>1</v>
          </cell>
          <cell r="J482" t="str">
            <v>式</v>
          </cell>
          <cell r="K482" t="str">
            <v/>
          </cell>
          <cell r="L482">
            <v>0</v>
          </cell>
          <cell r="M482" t="e">
            <v>#N/A</v>
          </cell>
          <cell r="V482" t="e">
            <v>#N/A</v>
          </cell>
          <cell r="W482" t="str">
            <v xml:space="preserve"> </v>
          </cell>
          <cell r="X482" t="e">
            <v>#N/A</v>
          </cell>
          <cell r="Y482" t="e">
            <v>#N/A</v>
          </cell>
          <cell r="AD482" t="e">
            <v>#VALUE!</v>
          </cell>
          <cell r="AH482" t="str">
            <v/>
          </cell>
          <cell r="AP482">
            <v>3</v>
          </cell>
          <cell r="BD482" t="e">
            <v>#N/A</v>
          </cell>
          <cell r="BF482" t="e">
            <v>#N/A</v>
          </cell>
          <cell r="BG482" t="e">
            <v>#DIV/0!</v>
          </cell>
          <cell r="BJ482">
            <v>0</v>
          </cell>
          <cell r="BK482">
            <v>0</v>
          </cell>
          <cell r="BL482" t="str">
            <v/>
          </cell>
          <cell r="BO482" t="str">
            <v/>
          </cell>
          <cell r="BP482" t="e">
            <v>#N/A</v>
          </cell>
          <cell r="BQ482" t="e">
            <v>#N/A</v>
          </cell>
          <cell r="BS482" t="e">
            <v>#N/A</v>
          </cell>
          <cell r="BT482" t="e">
            <v>#N/A</v>
          </cell>
        </row>
        <row r="483">
          <cell r="I483">
            <v>1</v>
          </cell>
          <cell r="J483" t="str">
            <v>式</v>
          </cell>
          <cell r="K483" t="str">
            <v/>
          </cell>
          <cell r="L483">
            <v>0</v>
          </cell>
          <cell r="M483" t="e">
            <v>#N/A</v>
          </cell>
          <cell r="V483" t="e">
            <v>#N/A</v>
          </cell>
          <cell r="W483" t="str">
            <v xml:space="preserve"> </v>
          </cell>
          <cell r="X483" t="e">
            <v>#N/A</v>
          </cell>
          <cell r="Y483" t="e">
            <v>#N/A</v>
          </cell>
          <cell r="AD483" t="e">
            <v>#VALUE!</v>
          </cell>
          <cell r="AH483" t="str">
            <v/>
          </cell>
          <cell r="AP483">
            <v>3</v>
          </cell>
          <cell r="BD483" t="e">
            <v>#N/A</v>
          </cell>
          <cell r="BF483" t="e">
            <v>#N/A</v>
          </cell>
          <cell r="BG483" t="e">
            <v>#DIV/0!</v>
          </cell>
          <cell r="BJ483">
            <v>0</v>
          </cell>
          <cell r="BK483">
            <v>0</v>
          </cell>
          <cell r="BL483" t="str">
            <v/>
          </cell>
          <cell r="BO483" t="str">
            <v/>
          </cell>
          <cell r="BP483" t="e">
            <v>#N/A</v>
          </cell>
          <cell r="BQ483" t="e">
            <v>#N/A</v>
          </cell>
          <cell r="BS483" t="e">
            <v>#N/A</v>
          </cell>
          <cell r="BT483" t="e">
            <v>#N/A</v>
          </cell>
        </row>
        <row r="484">
          <cell r="I484">
            <v>1</v>
          </cell>
          <cell r="J484" t="str">
            <v>式</v>
          </cell>
          <cell r="K484" t="str">
            <v/>
          </cell>
          <cell r="L484">
            <v>0</v>
          </cell>
          <cell r="M484" t="e">
            <v>#N/A</v>
          </cell>
          <cell r="V484" t="e">
            <v>#N/A</v>
          </cell>
          <cell r="W484" t="str">
            <v xml:space="preserve"> </v>
          </cell>
          <cell r="X484" t="e">
            <v>#N/A</v>
          </cell>
          <cell r="Y484" t="e">
            <v>#N/A</v>
          </cell>
          <cell r="AD484" t="e">
            <v>#VALUE!</v>
          </cell>
          <cell r="AH484" t="str">
            <v/>
          </cell>
          <cell r="AP484">
            <v>3</v>
          </cell>
          <cell r="BD484" t="e">
            <v>#N/A</v>
          </cell>
          <cell r="BF484" t="e">
            <v>#N/A</v>
          </cell>
          <cell r="BG484" t="e">
            <v>#DIV/0!</v>
          </cell>
          <cell r="BJ484">
            <v>0</v>
          </cell>
          <cell r="BK484">
            <v>0</v>
          </cell>
          <cell r="BL484" t="str">
            <v/>
          </cell>
          <cell r="BO484" t="str">
            <v/>
          </cell>
          <cell r="BP484" t="e">
            <v>#N/A</v>
          </cell>
          <cell r="BQ484" t="e">
            <v>#N/A</v>
          </cell>
          <cell r="BS484" t="e">
            <v>#N/A</v>
          </cell>
          <cell r="BT484" t="e">
            <v>#N/A</v>
          </cell>
        </row>
        <row r="485">
          <cell r="I485">
            <v>1</v>
          </cell>
          <cell r="J485" t="str">
            <v>式</v>
          </cell>
          <cell r="K485" t="str">
            <v/>
          </cell>
          <cell r="L485">
            <v>0</v>
          </cell>
          <cell r="M485" t="e">
            <v>#N/A</v>
          </cell>
          <cell r="V485" t="e">
            <v>#N/A</v>
          </cell>
          <cell r="W485" t="str">
            <v xml:space="preserve"> </v>
          </cell>
          <cell r="X485" t="e">
            <v>#N/A</v>
          </cell>
          <cell r="Y485" t="e">
            <v>#N/A</v>
          </cell>
          <cell r="AD485" t="e">
            <v>#VALUE!</v>
          </cell>
          <cell r="AH485" t="str">
            <v/>
          </cell>
          <cell r="AP485">
            <v>3</v>
          </cell>
          <cell r="BD485" t="e">
            <v>#N/A</v>
          </cell>
          <cell r="BF485" t="e">
            <v>#N/A</v>
          </cell>
          <cell r="BG485" t="e">
            <v>#DIV/0!</v>
          </cell>
          <cell r="BJ485">
            <v>0</v>
          </cell>
          <cell r="BK485">
            <v>0</v>
          </cell>
          <cell r="BL485" t="str">
            <v/>
          </cell>
          <cell r="BO485" t="str">
            <v/>
          </cell>
          <cell r="BP485" t="e">
            <v>#N/A</v>
          </cell>
          <cell r="BQ485" t="e">
            <v>#N/A</v>
          </cell>
          <cell r="BS485" t="e">
            <v>#N/A</v>
          </cell>
          <cell r="BT485" t="e">
            <v>#N/A</v>
          </cell>
        </row>
        <row r="486">
          <cell r="I486">
            <v>1</v>
          </cell>
          <cell r="J486" t="str">
            <v>式</v>
          </cell>
          <cell r="K486" t="str">
            <v/>
          </cell>
          <cell r="L486">
            <v>0</v>
          </cell>
          <cell r="M486" t="e">
            <v>#N/A</v>
          </cell>
          <cell r="V486" t="e">
            <v>#N/A</v>
          </cell>
          <cell r="W486" t="str">
            <v xml:space="preserve"> </v>
          </cell>
          <cell r="X486" t="e">
            <v>#N/A</v>
          </cell>
          <cell r="Y486" t="e">
            <v>#N/A</v>
          </cell>
          <cell r="AD486" t="e">
            <v>#VALUE!</v>
          </cell>
          <cell r="AH486" t="str">
            <v/>
          </cell>
          <cell r="AP486">
            <v>3</v>
          </cell>
          <cell r="BD486" t="e">
            <v>#N/A</v>
          </cell>
          <cell r="BF486" t="e">
            <v>#N/A</v>
          </cell>
          <cell r="BG486" t="e">
            <v>#DIV/0!</v>
          </cell>
          <cell r="BJ486">
            <v>0</v>
          </cell>
          <cell r="BK486">
            <v>0</v>
          </cell>
          <cell r="BL486" t="str">
            <v/>
          </cell>
          <cell r="BO486" t="str">
            <v/>
          </cell>
          <cell r="BP486" t="e">
            <v>#N/A</v>
          </cell>
          <cell r="BQ486" t="e">
            <v>#N/A</v>
          </cell>
          <cell r="BS486" t="e">
            <v>#N/A</v>
          </cell>
          <cell r="BT486" t="e">
            <v>#N/A</v>
          </cell>
        </row>
        <row r="487">
          <cell r="I487">
            <v>1</v>
          </cell>
          <cell r="J487" t="str">
            <v>式</v>
          </cell>
          <cell r="K487" t="str">
            <v/>
          </cell>
          <cell r="L487">
            <v>0</v>
          </cell>
          <cell r="M487" t="e">
            <v>#N/A</v>
          </cell>
          <cell r="V487" t="e">
            <v>#N/A</v>
          </cell>
          <cell r="W487" t="str">
            <v xml:space="preserve"> </v>
          </cell>
          <cell r="X487" t="e">
            <v>#N/A</v>
          </cell>
          <cell r="Y487" t="e">
            <v>#N/A</v>
          </cell>
          <cell r="AD487" t="e">
            <v>#VALUE!</v>
          </cell>
          <cell r="AH487" t="str">
            <v/>
          </cell>
          <cell r="AP487">
            <v>3</v>
          </cell>
          <cell r="BD487" t="e">
            <v>#N/A</v>
          </cell>
          <cell r="BF487" t="e">
            <v>#N/A</v>
          </cell>
          <cell r="BG487" t="e">
            <v>#DIV/0!</v>
          </cell>
          <cell r="BJ487">
            <v>0</v>
          </cell>
          <cell r="BK487">
            <v>0</v>
          </cell>
          <cell r="BL487" t="str">
            <v/>
          </cell>
          <cell r="BO487" t="str">
            <v/>
          </cell>
          <cell r="BP487" t="e">
            <v>#N/A</v>
          </cell>
          <cell r="BQ487" t="e">
            <v>#N/A</v>
          </cell>
          <cell r="BS487" t="e">
            <v>#N/A</v>
          </cell>
          <cell r="BT487" t="e">
            <v>#N/A</v>
          </cell>
        </row>
        <row r="488">
          <cell r="I488">
            <v>1</v>
          </cell>
          <cell r="J488" t="str">
            <v>式</v>
          </cell>
          <cell r="K488" t="str">
            <v/>
          </cell>
          <cell r="L488">
            <v>0</v>
          </cell>
          <cell r="M488" t="e">
            <v>#N/A</v>
          </cell>
          <cell r="V488" t="e">
            <v>#N/A</v>
          </cell>
          <cell r="W488" t="str">
            <v xml:space="preserve"> </v>
          </cell>
          <cell r="X488" t="e">
            <v>#N/A</v>
          </cell>
          <cell r="Y488" t="e">
            <v>#N/A</v>
          </cell>
          <cell r="AD488" t="e">
            <v>#VALUE!</v>
          </cell>
          <cell r="AH488" t="str">
            <v/>
          </cell>
          <cell r="AP488">
            <v>3</v>
          </cell>
          <cell r="BD488" t="e">
            <v>#N/A</v>
          </cell>
          <cell r="BF488" t="e">
            <v>#N/A</v>
          </cell>
          <cell r="BG488" t="e">
            <v>#DIV/0!</v>
          </cell>
          <cell r="BJ488">
            <v>0</v>
          </cell>
          <cell r="BK488">
            <v>0</v>
          </cell>
          <cell r="BL488" t="str">
            <v/>
          </cell>
          <cell r="BO488" t="str">
            <v/>
          </cell>
          <cell r="BP488" t="e">
            <v>#N/A</v>
          </cell>
          <cell r="BQ488" t="e">
            <v>#N/A</v>
          </cell>
          <cell r="BS488" t="e">
            <v>#N/A</v>
          </cell>
          <cell r="BT488" t="e">
            <v>#N/A</v>
          </cell>
        </row>
        <row r="489">
          <cell r="I489">
            <v>1</v>
          </cell>
          <cell r="J489" t="str">
            <v>式</v>
          </cell>
          <cell r="K489" t="str">
            <v/>
          </cell>
          <cell r="L489">
            <v>0</v>
          </cell>
          <cell r="M489" t="e">
            <v>#N/A</v>
          </cell>
          <cell r="V489" t="e">
            <v>#N/A</v>
          </cell>
          <cell r="W489" t="str">
            <v xml:space="preserve"> </v>
          </cell>
          <cell r="X489" t="e">
            <v>#N/A</v>
          </cell>
          <cell r="Y489" t="e">
            <v>#N/A</v>
          </cell>
          <cell r="AD489" t="e">
            <v>#VALUE!</v>
          </cell>
          <cell r="AH489" t="str">
            <v/>
          </cell>
          <cell r="AP489">
            <v>3</v>
          </cell>
          <cell r="BD489" t="e">
            <v>#N/A</v>
          </cell>
          <cell r="BF489" t="e">
            <v>#N/A</v>
          </cell>
          <cell r="BG489" t="e">
            <v>#DIV/0!</v>
          </cell>
          <cell r="BJ489">
            <v>0</v>
          </cell>
          <cell r="BK489">
            <v>0</v>
          </cell>
          <cell r="BL489" t="str">
            <v/>
          </cell>
          <cell r="BO489" t="str">
            <v/>
          </cell>
          <cell r="BP489" t="e">
            <v>#N/A</v>
          </cell>
          <cell r="BQ489" t="e">
            <v>#N/A</v>
          </cell>
          <cell r="BS489" t="e">
            <v>#N/A</v>
          </cell>
          <cell r="BT489" t="e">
            <v>#N/A</v>
          </cell>
        </row>
        <row r="490">
          <cell r="I490">
            <v>1</v>
          </cell>
          <cell r="J490" t="str">
            <v>式</v>
          </cell>
          <cell r="K490" t="str">
            <v/>
          </cell>
          <cell r="L490">
            <v>0</v>
          </cell>
          <cell r="M490" t="e">
            <v>#N/A</v>
          </cell>
          <cell r="V490" t="e">
            <v>#N/A</v>
          </cell>
          <cell r="W490" t="str">
            <v xml:space="preserve"> </v>
          </cell>
          <cell r="X490" t="e">
            <v>#N/A</v>
          </cell>
          <cell r="Y490" t="e">
            <v>#N/A</v>
          </cell>
          <cell r="AD490" t="e">
            <v>#VALUE!</v>
          </cell>
          <cell r="AH490" t="str">
            <v/>
          </cell>
          <cell r="AP490">
            <v>3</v>
          </cell>
          <cell r="BD490" t="e">
            <v>#N/A</v>
          </cell>
          <cell r="BF490" t="e">
            <v>#N/A</v>
          </cell>
          <cell r="BG490" t="e">
            <v>#DIV/0!</v>
          </cell>
          <cell r="BJ490">
            <v>0</v>
          </cell>
          <cell r="BK490">
            <v>0</v>
          </cell>
          <cell r="BL490" t="str">
            <v/>
          </cell>
          <cell r="BO490" t="str">
            <v/>
          </cell>
          <cell r="BP490" t="e">
            <v>#N/A</v>
          </cell>
          <cell r="BQ490" t="e">
            <v>#N/A</v>
          </cell>
          <cell r="BS490" t="e">
            <v>#N/A</v>
          </cell>
          <cell r="BT490" t="e">
            <v>#N/A</v>
          </cell>
        </row>
        <row r="491">
          <cell r="I491">
            <v>1</v>
          </cell>
          <cell r="J491" t="str">
            <v>式</v>
          </cell>
          <cell r="K491" t="str">
            <v/>
          </cell>
          <cell r="L491">
            <v>0</v>
          </cell>
          <cell r="M491" t="e">
            <v>#N/A</v>
          </cell>
          <cell r="V491" t="e">
            <v>#N/A</v>
          </cell>
          <cell r="W491" t="str">
            <v xml:space="preserve"> </v>
          </cell>
          <cell r="X491" t="e">
            <v>#N/A</v>
          </cell>
          <cell r="Y491" t="e">
            <v>#N/A</v>
          </cell>
          <cell r="AD491" t="e">
            <v>#VALUE!</v>
          </cell>
          <cell r="AH491" t="str">
            <v/>
          </cell>
          <cell r="AP491">
            <v>3</v>
          </cell>
          <cell r="BD491" t="e">
            <v>#N/A</v>
          </cell>
          <cell r="BF491" t="e">
            <v>#N/A</v>
          </cell>
          <cell r="BG491" t="e">
            <v>#DIV/0!</v>
          </cell>
          <cell r="BJ491">
            <v>0</v>
          </cell>
          <cell r="BK491">
            <v>0</v>
          </cell>
          <cell r="BL491" t="str">
            <v/>
          </cell>
          <cell r="BO491" t="str">
            <v/>
          </cell>
          <cell r="BP491" t="e">
            <v>#N/A</v>
          </cell>
          <cell r="BQ491" t="e">
            <v>#N/A</v>
          </cell>
          <cell r="BS491" t="e">
            <v>#N/A</v>
          </cell>
          <cell r="BT491" t="e">
            <v>#N/A</v>
          </cell>
        </row>
        <row r="492">
          <cell r="I492">
            <v>1</v>
          </cell>
          <cell r="J492" t="str">
            <v>式</v>
          </cell>
          <cell r="K492" t="str">
            <v/>
          </cell>
          <cell r="L492">
            <v>0</v>
          </cell>
          <cell r="M492" t="e">
            <v>#N/A</v>
          </cell>
          <cell r="V492" t="e">
            <v>#N/A</v>
          </cell>
          <cell r="W492" t="str">
            <v xml:space="preserve"> </v>
          </cell>
          <cell r="X492" t="e">
            <v>#N/A</v>
          </cell>
          <cell r="Y492" t="e">
            <v>#N/A</v>
          </cell>
          <cell r="AD492" t="e">
            <v>#VALUE!</v>
          </cell>
          <cell r="AH492" t="str">
            <v/>
          </cell>
          <cell r="AP492">
            <v>3</v>
          </cell>
          <cell r="BD492" t="e">
            <v>#N/A</v>
          </cell>
          <cell r="BF492" t="e">
            <v>#N/A</v>
          </cell>
          <cell r="BG492" t="e">
            <v>#DIV/0!</v>
          </cell>
          <cell r="BJ492">
            <v>0</v>
          </cell>
          <cell r="BK492">
            <v>0</v>
          </cell>
          <cell r="BL492" t="str">
            <v/>
          </cell>
          <cell r="BO492" t="str">
            <v/>
          </cell>
          <cell r="BP492" t="e">
            <v>#N/A</v>
          </cell>
          <cell r="BQ492" t="e">
            <v>#N/A</v>
          </cell>
          <cell r="BS492" t="e">
            <v>#N/A</v>
          </cell>
          <cell r="BT492" t="e">
            <v>#N/A</v>
          </cell>
        </row>
        <row r="493">
          <cell r="I493">
            <v>1</v>
          </cell>
          <cell r="J493" t="str">
            <v>式</v>
          </cell>
          <cell r="K493" t="str">
            <v/>
          </cell>
          <cell r="L493">
            <v>0</v>
          </cell>
          <cell r="M493" t="e">
            <v>#N/A</v>
          </cell>
          <cell r="V493" t="e">
            <v>#N/A</v>
          </cell>
          <cell r="W493" t="str">
            <v xml:space="preserve"> </v>
          </cell>
          <cell r="X493" t="e">
            <v>#N/A</v>
          </cell>
          <cell r="Y493" t="e">
            <v>#N/A</v>
          </cell>
          <cell r="AD493" t="e">
            <v>#VALUE!</v>
          </cell>
          <cell r="AH493" t="str">
            <v/>
          </cell>
          <cell r="AP493">
            <v>3</v>
          </cell>
          <cell r="BD493" t="e">
            <v>#N/A</v>
          </cell>
          <cell r="BF493" t="e">
            <v>#N/A</v>
          </cell>
          <cell r="BG493" t="e">
            <v>#DIV/0!</v>
          </cell>
          <cell r="BJ493">
            <v>0</v>
          </cell>
          <cell r="BK493">
            <v>0</v>
          </cell>
          <cell r="BL493" t="str">
            <v/>
          </cell>
          <cell r="BO493" t="str">
            <v/>
          </cell>
          <cell r="BP493" t="e">
            <v>#N/A</v>
          </cell>
          <cell r="BQ493" t="e">
            <v>#N/A</v>
          </cell>
          <cell r="BS493" t="e">
            <v>#N/A</v>
          </cell>
          <cell r="BT493" t="e">
            <v>#N/A</v>
          </cell>
        </row>
        <row r="494">
          <cell r="I494">
            <v>1</v>
          </cell>
          <cell r="J494" t="str">
            <v>式</v>
          </cell>
          <cell r="K494" t="str">
            <v/>
          </cell>
          <cell r="L494">
            <v>0</v>
          </cell>
          <cell r="M494" t="e">
            <v>#N/A</v>
          </cell>
          <cell r="V494" t="e">
            <v>#N/A</v>
          </cell>
          <cell r="W494" t="str">
            <v xml:space="preserve"> </v>
          </cell>
          <cell r="X494" t="e">
            <v>#N/A</v>
          </cell>
          <cell r="Y494" t="e">
            <v>#N/A</v>
          </cell>
          <cell r="AD494" t="e">
            <v>#VALUE!</v>
          </cell>
          <cell r="AH494" t="str">
            <v/>
          </cell>
          <cell r="AP494">
            <v>3</v>
          </cell>
          <cell r="BD494" t="e">
            <v>#N/A</v>
          </cell>
          <cell r="BF494" t="e">
            <v>#N/A</v>
          </cell>
          <cell r="BG494" t="e">
            <v>#DIV/0!</v>
          </cell>
          <cell r="BJ494">
            <v>0</v>
          </cell>
          <cell r="BK494">
            <v>0</v>
          </cell>
          <cell r="BL494" t="str">
            <v/>
          </cell>
          <cell r="BO494" t="str">
            <v/>
          </cell>
          <cell r="BP494" t="e">
            <v>#N/A</v>
          </cell>
          <cell r="BQ494" t="e">
            <v>#N/A</v>
          </cell>
          <cell r="BS494" t="e">
            <v>#N/A</v>
          </cell>
          <cell r="BT494" t="e">
            <v>#N/A</v>
          </cell>
        </row>
        <row r="495">
          <cell r="I495">
            <v>1</v>
          </cell>
          <cell r="J495" t="str">
            <v>式</v>
          </cell>
          <cell r="K495" t="str">
            <v/>
          </cell>
          <cell r="L495">
            <v>0</v>
          </cell>
          <cell r="M495" t="e">
            <v>#N/A</v>
          </cell>
          <cell r="V495" t="e">
            <v>#N/A</v>
          </cell>
          <cell r="W495" t="str">
            <v xml:space="preserve"> </v>
          </cell>
          <cell r="X495" t="e">
            <v>#N/A</v>
          </cell>
          <cell r="Y495" t="e">
            <v>#N/A</v>
          </cell>
          <cell r="AD495" t="e">
            <v>#VALUE!</v>
          </cell>
          <cell r="AH495" t="str">
            <v/>
          </cell>
          <cell r="AP495">
            <v>3</v>
          </cell>
          <cell r="BD495" t="e">
            <v>#N/A</v>
          </cell>
          <cell r="BF495" t="e">
            <v>#N/A</v>
          </cell>
          <cell r="BG495" t="e">
            <v>#DIV/0!</v>
          </cell>
          <cell r="BJ495">
            <v>0</v>
          </cell>
          <cell r="BK495">
            <v>0</v>
          </cell>
          <cell r="BL495" t="str">
            <v/>
          </cell>
          <cell r="BO495" t="str">
            <v/>
          </cell>
          <cell r="BP495" t="e">
            <v>#N/A</v>
          </cell>
          <cell r="BQ495" t="e">
            <v>#N/A</v>
          </cell>
          <cell r="BS495" t="e">
            <v>#N/A</v>
          </cell>
          <cell r="BT495" t="e">
            <v>#N/A</v>
          </cell>
        </row>
        <row r="496">
          <cell r="I496">
            <v>1</v>
          </cell>
          <cell r="J496" t="str">
            <v>式</v>
          </cell>
          <cell r="K496" t="str">
            <v/>
          </cell>
          <cell r="L496">
            <v>0</v>
          </cell>
          <cell r="M496" t="e">
            <v>#N/A</v>
          </cell>
          <cell r="V496" t="e">
            <v>#N/A</v>
          </cell>
          <cell r="W496" t="str">
            <v xml:space="preserve"> </v>
          </cell>
          <cell r="X496" t="e">
            <v>#N/A</v>
          </cell>
          <cell r="Y496" t="e">
            <v>#N/A</v>
          </cell>
          <cell r="AD496" t="e">
            <v>#VALUE!</v>
          </cell>
          <cell r="AH496" t="str">
            <v/>
          </cell>
          <cell r="AP496">
            <v>3</v>
          </cell>
          <cell r="BD496" t="e">
            <v>#N/A</v>
          </cell>
          <cell r="BF496" t="e">
            <v>#N/A</v>
          </cell>
          <cell r="BG496" t="e">
            <v>#DIV/0!</v>
          </cell>
          <cell r="BJ496">
            <v>0</v>
          </cell>
          <cell r="BK496">
            <v>0</v>
          </cell>
          <cell r="BL496" t="str">
            <v/>
          </cell>
          <cell r="BO496" t="str">
            <v/>
          </cell>
          <cell r="BP496" t="e">
            <v>#N/A</v>
          </cell>
          <cell r="BQ496" t="e">
            <v>#N/A</v>
          </cell>
          <cell r="BS496" t="e">
            <v>#N/A</v>
          </cell>
          <cell r="BT496" t="e">
            <v>#N/A</v>
          </cell>
        </row>
        <row r="497">
          <cell r="I497">
            <v>1</v>
          </cell>
          <cell r="J497" t="str">
            <v>式</v>
          </cell>
          <cell r="K497" t="str">
            <v/>
          </cell>
          <cell r="L497">
            <v>0</v>
          </cell>
          <cell r="M497" t="e">
            <v>#N/A</v>
          </cell>
          <cell r="V497" t="e">
            <v>#N/A</v>
          </cell>
          <cell r="W497" t="str">
            <v xml:space="preserve"> </v>
          </cell>
          <cell r="X497" t="e">
            <v>#N/A</v>
          </cell>
          <cell r="Y497" t="e">
            <v>#N/A</v>
          </cell>
          <cell r="AD497" t="e">
            <v>#VALUE!</v>
          </cell>
          <cell r="AH497" t="str">
            <v/>
          </cell>
          <cell r="AP497">
            <v>3</v>
          </cell>
          <cell r="BD497" t="e">
            <v>#N/A</v>
          </cell>
          <cell r="BF497" t="e">
            <v>#N/A</v>
          </cell>
          <cell r="BG497" t="e">
            <v>#DIV/0!</v>
          </cell>
          <cell r="BJ497">
            <v>0</v>
          </cell>
          <cell r="BK497">
            <v>0</v>
          </cell>
          <cell r="BL497" t="str">
            <v/>
          </cell>
          <cell r="BO497" t="str">
            <v/>
          </cell>
          <cell r="BP497" t="e">
            <v>#N/A</v>
          </cell>
          <cell r="BQ497" t="e">
            <v>#N/A</v>
          </cell>
          <cell r="BS497" t="e">
            <v>#N/A</v>
          </cell>
          <cell r="BT497" t="e">
            <v>#N/A</v>
          </cell>
        </row>
        <row r="498">
          <cell r="I498">
            <v>1</v>
          </cell>
          <cell r="J498" t="str">
            <v>式</v>
          </cell>
          <cell r="K498" t="str">
            <v/>
          </cell>
          <cell r="L498">
            <v>0</v>
          </cell>
          <cell r="M498" t="e">
            <v>#N/A</v>
          </cell>
          <cell r="V498" t="e">
            <v>#N/A</v>
          </cell>
          <cell r="W498" t="str">
            <v xml:space="preserve"> </v>
          </cell>
          <cell r="X498" t="e">
            <v>#N/A</v>
          </cell>
          <cell r="Y498" t="e">
            <v>#N/A</v>
          </cell>
          <cell r="AD498" t="e">
            <v>#VALUE!</v>
          </cell>
          <cell r="AH498" t="str">
            <v/>
          </cell>
          <cell r="AP498">
            <v>3</v>
          </cell>
          <cell r="BD498" t="e">
            <v>#N/A</v>
          </cell>
          <cell r="BF498" t="e">
            <v>#N/A</v>
          </cell>
          <cell r="BG498" t="e">
            <v>#DIV/0!</v>
          </cell>
          <cell r="BJ498">
            <v>0</v>
          </cell>
          <cell r="BK498">
            <v>0</v>
          </cell>
          <cell r="BL498" t="str">
            <v/>
          </cell>
          <cell r="BO498" t="str">
            <v/>
          </cell>
          <cell r="BP498" t="e">
            <v>#N/A</v>
          </cell>
          <cell r="BQ498" t="e">
            <v>#N/A</v>
          </cell>
          <cell r="BS498" t="e">
            <v>#N/A</v>
          </cell>
          <cell r="BT498" t="e">
            <v>#N/A</v>
          </cell>
        </row>
        <row r="499">
          <cell r="I499">
            <v>1</v>
          </cell>
          <cell r="J499" t="str">
            <v>式</v>
          </cell>
          <cell r="K499" t="str">
            <v/>
          </cell>
          <cell r="L499">
            <v>0</v>
          </cell>
          <cell r="M499" t="e">
            <v>#N/A</v>
          </cell>
          <cell r="V499" t="e">
            <v>#N/A</v>
          </cell>
          <cell r="W499" t="str">
            <v xml:space="preserve"> </v>
          </cell>
          <cell r="X499" t="e">
            <v>#N/A</v>
          </cell>
          <cell r="Y499" t="e">
            <v>#N/A</v>
          </cell>
          <cell r="AD499" t="e">
            <v>#VALUE!</v>
          </cell>
          <cell r="AH499" t="str">
            <v/>
          </cell>
          <cell r="AP499">
            <v>3</v>
          </cell>
          <cell r="BD499" t="e">
            <v>#N/A</v>
          </cell>
          <cell r="BF499" t="e">
            <v>#N/A</v>
          </cell>
          <cell r="BG499" t="e">
            <v>#DIV/0!</v>
          </cell>
          <cell r="BJ499">
            <v>0</v>
          </cell>
          <cell r="BK499">
            <v>0</v>
          </cell>
          <cell r="BL499" t="str">
            <v/>
          </cell>
          <cell r="BO499" t="str">
            <v/>
          </cell>
          <cell r="BP499" t="e">
            <v>#N/A</v>
          </cell>
          <cell r="BQ499" t="e">
            <v>#N/A</v>
          </cell>
          <cell r="BS499" t="e">
            <v>#N/A</v>
          </cell>
          <cell r="BT499" t="e">
            <v>#N/A</v>
          </cell>
        </row>
        <row r="500">
          <cell r="I500">
            <v>1</v>
          </cell>
          <cell r="J500" t="str">
            <v>式</v>
          </cell>
          <cell r="K500" t="str">
            <v/>
          </cell>
          <cell r="L500">
            <v>0</v>
          </cell>
          <cell r="M500" t="e">
            <v>#N/A</v>
          </cell>
          <cell r="V500" t="e">
            <v>#N/A</v>
          </cell>
          <cell r="W500" t="str">
            <v xml:space="preserve"> </v>
          </cell>
          <cell r="X500" t="e">
            <v>#N/A</v>
          </cell>
          <cell r="Y500" t="e">
            <v>#N/A</v>
          </cell>
          <cell r="AD500" t="e">
            <v>#VALUE!</v>
          </cell>
          <cell r="AH500" t="str">
            <v/>
          </cell>
          <cell r="AP500">
            <v>3</v>
          </cell>
          <cell r="BD500" t="e">
            <v>#N/A</v>
          </cell>
          <cell r="BF500" t="e">
            <v>#N/A</v>
          </cell>
          <cell r="BG500" t="e">
            <v>#DIV/0!</v>
          </cell>
          <cell r="BJ500">
            <v>0</v>
          </cell>
          <cell r="BK500">
            <v>0</v>
          </cell>
          <cell r="BL500" t="str">
            <v/>
          </cell>
          <cell r="BO500" t="str">
            <v/>
          </cell>
          <cell r="BP500" t="e">
            <v>#N/A</v>
          </cell>
          <cell r="BQ500" t="e">
            <v>#N/A</v>
          </cell>
          <cell r="BS500" t="e">
            <v>#N/A</v>
          </cell>
          <cell r="BT500" t="e">
            <v>#N/A</v>
          </cell>
        </row>
        <row r="501">
          <cell r="I501">
            <v>1</v>
          </cell>
          <cell r="J501" t="str">
            <v>式</v>
          </cell>
          <cell r="K501" t="str">
            <v/>
          </cell>
          <cell r="L501">
            <v>0</v>
          </cell>
          <cell r="M501" t="e">
            <v>#N/A</v>
          </cell>
          <cell r="V501" t="e">
            <v>#N/A</v>
          </cell>
          <cell r="W501" t="str">
            <v xml:space="preserve"> </v>
          </cell>
          <cell r="X501" t="e">
            <v>#N/A</v>
          </cell>
          <cell r="Y501" t="e">
            <v>#N/A</v>
          </cell>
          <cell r="AD501" t="e">
            <v>#VALUE!</v>
          </cell>
          <cell r="AH501" t="str">
            <v/>
          </cell>
          <cell r="AP501">
            <v>3</v>
          </cell>
          <cell r="BD501" t="e">
            <v>#N/A</v>
          </cell>
          <cell r="BF501" t="e">
            <v>#N/A</v>
          </cell>
          <cell r="BG501" t="e">
            <v>#DIV/0!</v>
          </cell>
          <cell r="BJ501">
            <v>0</v>
          </cell>
          <cell r="BK501">
            <v>0</v>
          </cell>
          <cell r="BL501" t="str">
            <v/>
          </cell>
          <cell r="BO501" t="str">
            <v/>
          </cell>
          <cell r="BP501" t="e">
            <v>#N/A</v>
          </cell>
          <cell r="BQ501" t="e">
            <v>#N/A</v>
          </cell>
          <cell r="BS501" t="e">
            <v>#N/A</v>
          </cell>
          <cell r="BT501" t="e">
            <v>#N/A</v>
          </cell>
        </row>
        <row r="502">
          <cell r="I502">
            <v>1</v>
          </cell>
          <cell r="J502" t="str">
            <v>式</v>
          </cell>
          <cell r="K502" t="str">
            <v/>
          </cell>
          <cell r="L502">
            <v>0</v>
          </cell>
          <cell r="M502" t="e">
            <v>#N/A</v>
          </cell>
          <cell r="V502" t="e">
            <v>#N/A</v>
          </cell>
          <cell r="W502" t="str">
            <v xml:space="preserve"> </v>
          </cell>
          <cell r="X502" t="e">
            <v>#N/A</v>
          </cell>
          <cell r="Y502" t="e">
            <v>#N/A</v>
          </cell>
          <cell r="AD502" t="e">
            <v>#VALUE!</v>
          </cell>
          <cell r="AH502" t="str">
            <v/>
          </cell>
          <cell r="AP502">
            <v>3</v>
          </cell>
          <cell r="BD502" t="e">
            <v>#N/A</v>
          </cell>
          <cell r="BF502" t="e">
            <v>#N/A</v>
          </cell>
          <cell r="BG502" t="e">
            <v>#DIV/0!</v>
          </cell>
          <cell r="BJ502">
            <v>0</v>
          </cell>
          <cell r="BK502">
            <v>0</v>
          </cell>
          <cell r="BL502" t="str">
            <v/>
          </cell>
          <cell r="BO502" t="str">
            <v/>
          </cell>
          <cell r="BP502" t="e">
            <v>#N/A</v>
          </cell>
          <cell r="BQ502" t="e">
            <v>#N/A</v>
          </cell>
          <cell r="BS502" t="e">
            <v>#N/A</v>
          </cell>
          <cell r="BT502" t="e">
            <v>#N/A</v>
          </cell>
        </row>
        <row r="503">
          <cell r="I503">
            <v>1</v>
          </cell>
          <cell r="J503" t="str">
            <v>式</v>
          </cell>
          <cell r="K503" t="str">
            <v/>
          </cell>
          <cell r="L503">
            <v>0</v>
          </cell>
          <cell r="M503" t="e">
            <v>#N/A</v>
          </cell>
          <cell r="V503" t="e">
            <v>#N/A</v>
          </cell>
          <cell r="W503" t="str">
            <v xml:space="preserve"> </v>
          </cell>
          <cell r="X503" t="e">
            <v>#N/A</v>
          </cell>
          <cell r="Y503" t="e">
            <v>#N/A</v>
          </cell>
          <cell r="AD503" t="e">
            <v>#VALUE!</v>
          </cell>
          <cell r="AH503" t="str">
            <v/>
          </cell>
          <cell r="AP503">
            <v>3</v>
          </cell>
          <cell r="BD503" t="e">
            <v>#N/A</v>
          </cell>
          <cell r="BF503" t="e">
            <v>#N/A</v>
          </cell>
          <cell r="BG503" t="e">
            <v>#DIV/0!</v>
          </cell>
          <cell r="BJ503">
            <v>0</v>
          </cell>
          <cell r="BK503">
            <v>0</v>
          </cell>
          <cell r="BL503" t="str">
            <v/>
          </cell>
          <cell r="BO503" t="str">
            <v/>
          </cell>
          <cell r="BP503" t="e">
            <v>#N/A</v>
          </cell>
          <cell r="BQ503" t="e">
            <v>#N/A</v>
          </cell>
          <cell r="BS503" t="e">
            <v>#N/A</v>
          </cell>
          <cell r="BT503" t="e">
            <v>#N/A</v>
          </cell>
        </row>
        <row r="504">
          <cell r="I504">
            <v>1</v>
          </cell>
          <cell r="J504" t="str">
            <v>式</v>
          </cell>
          <cell r="K504" t="str">
            <v/>
          </cell>
          <cell r="L504">
            <v>0</v>
          </cell>
          <cell r="M504" t="e">
            <v>#N/A</v>
          </cell>
          <cell r="V504" t="e">
            <v>#N/A</v>
          </cell>
          <cell r="W504" t="str">
            <v xml:space="preserve"> </v>
          </cell>
          <cell r="X504" t="e">
            <v>#N/A</v>
          </cell>
          <cell r="Y504" t="e">
            <v>#N/A</v>
          </cell>
          <cell r="AD504" t="e">
            <v>#VALUE!</v>
          </cell>
          <cell r="AH504" t="str">
            <v/>
          </cell>
          <cell r="AP504">
            <v>3</v>
          </cell>
          <cell r="BD504" t="e">
            <v>#N/A</v>
          </cell>
          <cell r="BF504" t="e">
            <v>#N/A</v>
          </cell>
          <cell r="BG504" t="e">
            <v>#DIV/0!</v>
          </cell>
          <cell r="BJ504">
            <v>0</v>
          </cell>
          <cell r="BK504">
            <v>0</v>
          </cell>
          <cell r="BL504" t="str">
            <v/>
          </cell>
          <cell r="BO504" t="str">
            <v/>
          </cell>
          <cell r="BP504" t="e">
            <v>#N/A</v>
          </cell>
          <cell r="BQ504" t="e">
            <v>#N/A</v>
          </cell>
          <cell r="BS504" t="e">
            <v>#N/A</v>
          </cell>
          <cell r="BT504" t="e">
            <v>#N/A</v>
          </cell>
        </row>
        <row r="505">
          <cell r="I505">
            <v>1</v>
          </cell>
          <cell r="J505" t="str">
            <v>式</v>
          </cell>
          <cell r="K505" t="str">
            <v/>
          </cell>
          <cell r="L505">
            <v>0</v>
          </cell>
          <cell r="M505" t="e">
            <v>#N/A</v>
          </cell>
          <cell r="V505" t="e">
            <v>#N/A</v>
          </cell>
          <cell r="W505" t="str">
            <v xml:space="preserve"> </v>
          </cell>
          <cell r="X505" t="e">
            <v>#N/A</v>
          </cell>
          <cell r="Y505" t="e">
            <v>#N/A</v>
          </cell>
          <cell r="AD505" t="e">
            <v>#VALUE!</v>
          </cell>
          <cell r="AH505" t="str">
            <v/>
          </cell>
          <cell r="AP505">
            <v>3</v>
          </cell>
          <cell r="BD505" t="e">
            <v>#N/A</v>
          </cell>
          <cell r="BF505" t="e">
            <v>#N/A</v>
          </cell>
          <cell r="BG505" t="e">
            <v>#DIV/0!</v>
          </cell>
          <cell r="BJ505">
            <v>0</v>
          </cell>
          <cell r="BK505">
            <v>0</v>
          </cell>
          <cell r="BL505" t="str">
            <v/>
          </cell>
          <cell r="BO505" t="str">
            <v/>
          </cell>
          <cell r="BP505" t="e">
            <v>#N/A</v>
          </cell>
          <cell r="BQ505" t="e">
            <v>#N/A</v>
          </cell>
          <cell r="BS505" t="e">
            <v>#N/A</v>
          </cell>
          <cell r="BT505" t="e">
            <v>#N/A</v>
          </cell>
        </row>
        <row r="506">
          <cell r="I506">
            <v>1</v>
          </cell>
          <cell r="J506" t="str">
            <v>式</v>
          </cell>
          <cell r="K506" t="str">
            <v/>
          </cell>
          <cell r="L506">
            <v>0</v>
          </cell>
          <cell r="M506" t="e">
            <v>#N/A</v>
          </cell>
          <cell r="V506" t="e">
            <v>#N/A</v>
          </cell>
          <cell r="W506" t="str">
            <v xml:space="preserve"> </v>
          </cell>
          <cell r="X506" t="e">
            <v>#N/A</v>
          </cell>
          <cell r="Y506" t="e">
            <v>#N/A</v>
          </cell>
          <cell r="AD506" t="e">
            <v>#VALUE!</v>
          </cell>
          <cell r="AH506" t="str">
            <v/>
          </cell>
          <cell r="AP506">
            <v>3</v>
          </cell>
          <cell r="BD506" t="e">
            <v>#N/A</v>
          </cell>
          <cell r="BF506" t="e">
            <v>#N/A</v>
          </cell>
          <cell r="BG506" t="e">
            <v>#DIV/0!</v>
          </cell>
          <cell r="BJ506">
            <v>0</v>
          </cell>
          <cell r="BK506">
            <v>0</v>
          </cell>
          <cell r="BL506" t="str">
            <v/>
          </cell>
          <cell r="BO506" t="str">
            <v/>
          </cell>
          <cell r="BP506" t="e">
            <v>#N/A</v>
          </cell>
          <cell r="BQ506" t="e">
            <v>#N/A</v>
          </cell>
          <cell r="BS506" t="e">
            <v>#N/A</v>
          </cell>
          <cell r="BT506" t="e">
            <v>#N/A</v>
          </cell>
        </row>
        <row r="507">
          <cell r="I507">
            <v>1</v>
          </cell>
          <cell r="J507" t="str">
            <v>式</v>
          </cell>
          <cell r="K507" t="str">
            <v/>
          </cell>
          <cell r="L507">
            <v>0</v>
          </cell>
          <cell r="M507" t="e">
            <v>#N/A</v>
          </cell>
          <cell r="V507" t="e">
            <v>#N/A</v>
          </cell>
          <cell r="W507" t="str">
            <v xml:space="preserve"> </v>
          </cell>
          <cell r="X507" t="e">
            <v>#N/A</v>
          </cell>
          <cell r="Y507" t="e">
            <v>#N/A</v>
          </cell>
          <cell r="AD507" t="e">
            <v>#VALUE!</v>
          </cell>
          <cell r="AH507" t="str">
            <v/>
          </cell>
          <cell r="AP507">
            <v>3</v>
          </cell>
          <cell r="BD507" t="e">
            <v>#N/A</v>
          </cell>
          <cell r="BF507" t="e">
            <v>#N/A</v>
          </cell>
          <cell r="BG507" t="e">
            <v>#DIV/0!</v>
          </cell>
          <cell r="BJ507">
            <v>0</v>
          </cell>
          <cell r="BK507">
            <v>0</v>
          </cell>
          <cell r="BL507" t="str">
            <v/>
          </cell>
          <cell r="BO507" t="str">
            <v/>
          </cell>
          <cell r="BP507" t="e">
            <v>#N/A</v>
          </cell>
          <cell r="BQ507" t="e">
            <v>#N/A</v>
          </cell>
          <cell r="BS507" t="e">
            <v>#N/A</v>
          </cell>
          <cell r="BT507" t="e">
            <v>#N/A</v>
          </cell>
        </row>
        <row r="508">
          <cell r="I508">
            <v>1</v>
          </cell>
          <cell r="J508" t="str">
            <v>式</v>
          </cell>
          <cell r="K508" t="str">
            <v/>
          </cell>
          <cell r="L508">
            <v>0</v>
          </cell>
          <cell r="M508" t="e">
            <v>#N/A</v>
          </cell>
          <cell r="V508" t="e">
            <v>#N/A</v>
          </cell>
          <cell r="W508" t="str">
            <v xml:space="preserve"> </v>
          </cell>
          <cell r="X508" t="e">
            <v>#N/A</v>
          </cell>
          <cell r="Y508" t="e">
            <v>#N/A</v>
          </cell>
          <cell r="AD508" t="e">
            <v>#VALUE!</v>
          </cell>
          <cell r="AH508" t="str">
            <v/>
          </cell>
          <cell r="AP508">
            <v>3</v>
          </cell>
          <cell r="BD508" t="e">
            <v>#N/A</v>
          </cell>
          <cell r="BF508" t="e">
            <v>#N/A</v>
          </cell>
          <cell r="BG508" t="e">
            <v>#DIV/0!</v>
          </cell>
          <cell r="BJ508">
            <v>0</v>
          </cell>
          <cell r="BK508">
            <v>0</v>
          </cell>
          <cell r="BL508" t="str">
            <v/>
          </cell>
          <cell r="BO508" t="str">
            <v/>
          </cell>
          <cell r="BP508" t="e">
            <v>#N/A</v>
          </cell>
          <cell r="BQ508" t="e">
            <v>#N/A</v>
          </cell>
          <cell r="BS508" t="e">
            <v>#N/A</v>
          </cell>
          <cell r="BT508" t="e">
            <v>#N/A</v>
          </cell>
        </row>
        <row r="509">
          <cell r="I509">
            <v>1</v>
          </cell>
          <cell r="J509" t="str">
            <v>式</v>
          </cell>
          <cell r="K509" t="str">
            <v/>
          </cell>
          <cell r="L509">
            <v>0</v>
          </cell>
          <cell r="M509" t="e">
            <v>#N/A</v>
          </cell>
          <cell r="V509" t="e">
            <v>#N/A</v>
          </cell>
          <cell r="W509" t="str">
            <v xml:space="preserve"> </v>
          </cell>
          <cell r="X509" t="e">
            <v>#N/A</v>
          </cell>
          <cell r="Y509" t="e">
            <v>#N/A</v>
          </cell>
          <cell r="AD509" t="e">
            <v>#VALUE!</v>
          </cell>
          <cell r="AH509" t="str">
            <v/>
          </cell>
          <cell r="AP509">
            <v>3</v>
          </cell>
          <cell r="BD509" t="e">
            <v>#N/A</v>
          </cell>
          <cell r="BF509" t="e">
            <v>#N/A</v>
          </cell>
          <cell r="BG509" t="e">
            <v>#DIV/0!</v>
          </cell>
          <cell r="BJ509">
            <v>0</v>
          </cell>
          <cell r="BK509">
            <v>0</v>
          </cell>
          <cell r="BL509" t="str">
            <v/>
          </cell>
          <cell r="BO509" t="str">
            <v/>
          </cell>
          <cell r="BP509" t="e">
            <v>#N/A</v>
          </cell>
          <cell r="BQ509" t="e">
            <v>#N/A</v>
          </cell>
          <cell r="BS509" t="e">
            <v>#N/A</v>
          </cell>
          <cell r="BT509" t="e">
            <v>#N/A</v>
          </cell>
        </row>
        <row r="510">
          <cell r="I510">
            <v>1</v>
          </cell>
          <cell r="J510" t="str">
            <v>式</v>
          </cell>
          <cell r="K510" t="str">
            <v/>
          </cell>
          <cell r="L510">
            <v>0</v>
          </cell>
          <cell r="M510" t="e">
            <v>#N/A</v>
          </cell>
          <cell r="V510" t="e">
            <v>#N/A</v>
          </cell>
          <cell r="W510" t="str">
            <v xml:space="preserve"> </v>
          </cell>
          <cell r="X510" t="e">
            <v>#N/A</v>
          </cell>
          <cell r="Y510" t="e">
            <v>#N/A</v>
          </cell>
          <cell r="AD510" t="e">
            <v>#VALUE!</v>
          </cell>
          <cell r="AH510" t="str">
            <v/>
          </cell>
          <cell r="AP510">
            <v>3</v>
          </cell>
          <cell r="BD510" t="e">
            <v>#N/A</v>
          </cell>
          <cell r="BF510" t="e">
            <v>#N/A</v>
          </cell>
          <cell r="BG510" t="e">
            <v>#DIV/0!</v>
          </cell>
          <cell r="BJ510">
            <v>0</v>
          </cell>
          <cell r="BK510">
            <v>0</v>
          </cell>
          <cell r="BL510" t="str">
            <v/>
          </cell>
          <cell r="BO510" t="str">
            <v/>
          </cell>
          <cell r="BP510" t="e">
            <v>#N/A</v>
          </cell>
          <cell r="BQ510" t="e">
            <v>#N/A</v>
          </cell>
          <cell r="BS510" t="e">
            <v>#N/A</v>
          </cell>
          <cell r="BT510" t="e">
            <v>#N/A</v>
          </cell>
        </row>
        <row r="511">
          <cell r="I511">
            <v>1</v>
          </cell>
          <cell r="J511" t="str">
            <v>式</v>
          </cell>
          <cell r="K511" t="str">
            <v/>
          </cell>
          <cell r="L511">
            <v>0</v>
          </cell>
          <cell r="M511" t="e">
            <v>#N/A</v>
          </cell>
          <cell r="V511" t="e">
            <v>#N/A</v>
          </cell>
          <cell r="W511" t="str">
            <v xml:space="preserve"> </v>
          </cell>
          <cell r="X511" t="e">
            <v>#N/A</v>
          </cell>
          <cell r="Y511" t="e">
            <v>#N/A</v>
          </cell>
          <cell r="AD511" t="e">
            <v>#VALUE!</v>
          </cell>
          <cell r="AH511" t="str">
            <v/>
          </cell>
          <cell r="AP511">
            <v>3</v>
          </cell>
          <cell r="BD511" t="e">
            <v>#N/A</v>
          </cell>
          <cell r="BF511" t="e">
            <v>#N/A</v>
          </cell>
          <cell r="BG511" t="e">
            <v>#DIV/0!</v>
          </cell>
          <cell r="BJ511">
            <v>0</v>
          </cell>
          <cell r="BK511">
            <v>0</v>
          </cell>
          <cell r="BL511" t="str">
            <v/>
          </cell>
          <cell r="BO511" t="str">
            <v/>
          </cell>
          <cell r="BP511" t="e">
            <v>#N/A</v>
          </cell>
          <cell r="BQ511" t="e">
            <v>#N/A</v>
          </cell>
          <cell r="BS511" t="e">
            <v>#N/A</v>
          </cell>
          <cell r="BT511" t="e">
            <v>#N/A</v>
          </cell>
        </row>
        <row r="512">
          <cell r="I512">
            <v>1</v>
          </cell>
          <cell r="J512" t="str">
            <v>式</v>
          </cell>
          <cell r="K512" t="str">
            <v/>
          </cell>
          <cell r="L512">
            <v>0</v>
          </cell>
          <cell r="M512" t="e">
            <v>#N/A</v>
          </cell>
          <cell r="V512" t="e">
            <v>#N/A</v>
          </cell>
          <cell r="W512" t="str">
            <v xml:space="preserve"> </v>
          </cell>
          <cell r="X512" t="e">
            <v>#N/A</v>
          </cell>
          <cell r="Y512" t="e">
            <v>#N/A</v>
          </cell>
          <cell r="AD512" t="e">
            <v>#VALUE!</v>
          </cell>
          <cell r="AH512" t="str">
            <v/>
          </cell>
          <cell r="AP512">
            <v>3</v>
          </cell>
          <cell r="BD512" t="e">
            <v>#N/A</v>
          </cell>
          <cell r="BF512" t="e">
            <v>#N/A</v>
          </cell>
          <cell r="BG512" t="e">
            <v>#DIV/0!</v>
          </cell>
          <cell r="BJ512">
            <v>0</v>
          </cell>
          <cell r="BK512">
            <v>0</v>
          </cell>
          <cell r="BL512" t="str">
            <v/>
          </cell>
          <cell r="BO512" t="str">
            <v/>
          </cell>
          <cell r="BP512" t="e">
            <v>#N/A</v>
          </cell>
          <cell r="BQ512" t="e">
            <v>#N/A</v>
          </cell>
          <cell r="BS512" t="e">
            <v>#N/A</v>
          </cell>
          <cell r="BT512" t="e">
            <v>#N/A</v>
          </cell>
        </row>
        <row r="513">
          <cell r="I513">
            <v>1</v>
          </cell>
          <cell r="J513" t="str">
            <v>式</v>
          </cell>
          <cell r="K513" t="str">
            <v/>
          </cell>
          <cell r="L513">
            <v>0</v>
          </cell>
          <cell r="M513" t="e">
            <v>#N/A</v>
          </cell>
          <cell r="V513" t="e">
            <v>#N/A</v>
          </cell>
          <cell r="W513" t="str">
            <v xml:space="preserve"> </v>
          </cell>
          <cell r="X513" t="e">
            <v>#N/A</v>
          </cell>
          <cell r="Y513" t="e">
            <v>#N/A</v>
          </cell>
          <cell r="AD513" t="e">
            <v>#VALUE!</v>
          </cell>
          <cell r="AH513" t="str">
            <v/>
          </cell>
          <cell r="AP513">
            <v>3</v>
          </cell>
          <cell r="BD513" t="e">
            <v>#N/A</v>
          </cell>
          <cell r="BF513" t="e">
            <v>#N/A</v>
          </cell>
          <cell r="BG513" t="e">
            <v>#DIV/0!</v>
          </cell>
          <cell r="BJ513">
            <v>0</v>
          </cell>
          <cell r="BK513">
            <v>0</v>
          </cell>
          <cell r="BL513" t="str">
            <v/>
          </cell>
          <cell r="BO513" t="str">
            <v/>
          </cell>
          <cell r="BP513" t="e">
            <v>#N/A</v>
          </cell>
          <cell r="BQ513" t="e">
            <v>#N/A</v>
          </cell>
          <cell r="BS513" t="e">
            <v>#N/A</v>
          </cell>
          <cell r="BT513" t="e">
            <v>#N/A</v>
          </cell>
        </row>
        <row r="514">
          <cell r="I514">
            <v>1</v>
          </cell>
          <cell r="J514" t="str">
            <v>式</v>
          </cell>
          <cell r="K514" t="str">
            <v/>
          </cell>
          <cell r="L514">
            <v>0</v>
          </cell>
          <cell r="M514" t="e">
            <v>#N/A</v>
          </cell>
          <cell r="V514" t="e">
            <v>#N/A</v>
          </cell>
          <cell r="W514" t="str">
            <v xml:space="preserve"> </v>
          </cell>
          <cell r="X514" t="e">
            <v>#N/A</v>
          </cell>
          <cell r="Y514" t="e">
            <v>#N/A</v>
          </cell>
          <cell r="AD514" t="e">
            <v>#VALUE!</v>
          </cell>
          <cell r="AH514" t="str">
            <v/>
          </cell>
          <cell r="AP514">
            <v>3</v>
          </cell>
          <cell r="BD514" t="e">
            <v>#N/A</v>
          </cell>
          <cell r="BF514" t="e">
            <v>#N/A</v>
          </cell>
          <cell r="BG514" t="e">
            <v>#DIV/0!</v>
          </cell>
          <cell r="BJ514">
            <v>0</v>
          </cell>
          <cell r="BK514">
            <v>0</v>
          </cell>
          <cell r="BL514" t="str">
            <v/>
          </cell>
          <cell r="BO514" t="str">
            <v/>
          </cell>
          <cell r="BP514" t="e">
            <v>#N/A</v>
          </cell>
          <cell r="BQ514" t="e">
            <v>#N/A</v>
          </cell>
          <cell r="BS514" t="e">
            <v>#N/A</v>
          </cell>
          <cell r="BT514" t="e">
            <v>#N/A</v>
          </cell>
        </row>
        <row r="515">
          <cell r="I515">
            <v>1</v>
          </cell>
          <cell r="J515" t="str">
            <v>式</v>
          </cell>
          <cell r="K515" t="str">
            <v/>
          </cell>
          <cell r="L515">
            <v>0</v>
          </cell>
          <cell r="M515" t="e">
            <v>#N/A</v>
          </cell>
          <cell r="V515" t="e">
            <v>#N/A</v>
          </cell>
          <cell r="W515" t="str">
            <v xml:space="preserve"> </v>
          </cell>
          <cell r="X515" t="e">
            <v>#N/A</v>
          </cell>
          <cell r="Y515" t="e">
            <v>#N/A</v>
          </cell>
          <cell r="AD515" t="e">
            <v>#VALUE!</v>
          </cell>
          <cell r="AH515" t="str">
            <v/>
          </cell>
          <cell r="AP515">
            <v>3</v>
          </cell>
          <cell r="BD515" t="e">
            <v>#N/A</v>
          </cell>
          <cell r="BF515" t="e">
            <v>#N/A</v>
          </cell>
          <cell r="BG515" t="e">
            <v>#DIV/0!</v>
          </cell>
          <cell r="BJ515">
            <v>0</v>
          </cell>
          <cell r="BK515">
            <v>0</v>
          </cell>
          <cell r="BL515" t="str">
            <v/>
          </cell>
          <cell r="BO515" t="str">
            <v/>
          </cell>
          <cell r="BP515" t="e">
            <v>#N/A</v>
          </cell>
          <cell r="BQ515" t="e">
            <v>#N/A</v>
          </cell>
          <cell r="BS515" t="e">
            <v>#N/A</v>
          </cell>
          <cell r="BT515" t="e">
            <v>#N/A</v>
          </cell>
        </row>
        <row r="516">
          <cell r="I516">
            <v>1</v>
          </cell>
          <cell r="J516" t="str">
            <v>式</v>
          </cell>
          <cell r="K516" t="str">
            <v/>
          </cell>
          <cell r="L516">
            <v>0</v>
          </cell>
          <cell r="M516" t="e">
            <v>#N/A</v>
          </cell>
          <cell r="V516" t="e">
            <v>#N/A</v>
          </cell>
          <cell r="W516" t="str">
            <v xml:space="preserve"> </v>
          </cell>
          <cell r="X516" t="e">
            <v>#N/A</v>
          </cell>
          <cell r="Y516" t="e">
            <v>#N/A</v>
          </cell>
          <cell r="AD516" t="e">
            <v>#VALUE!</v>
          </cell>
          <cell r="AH516" t="str">
            <v/>
          </cell>
          <cell r="AP516">
            <v>3</v>
          </cell>
          <cell r="BD516" t="e">
            <v>#N/A</v>
          </cell>
          <cell r="BF516" t="e">
            <v>#N/A</v>
          </cell>
          <cell r="BG516" t="e">
            <v>#DIV/0!</v>
          </cell>
          <cell r="BJ516">
            <v>0</v>
          </cell>
          <cell r="BK516">
            <v>0</v>
          </cell>
          <cell r="BL516" t="str">
            <v/>
          </cell>
          <cell r="BO516" t="str">
            <v/>
          </cell>
          <cell r="BP516" t="e">
            <v>#N/A</v>
          </cell>
          <cell r="BQ516" t="e">
            <v>#N/A</v>
          </cell>
          <cell r="BS516" t="e">
            <v>#N/A</v>
          </cell>
          <cell r="BT516" t="e">
            <v>#N/A</v>
          </cell>
        </row>
        <row r="517">
          <cell r="I517">
            <v>1</v>
          </cell>
          <cell r="J517" t="str">
            <v>式</v>
          </cell>
          <cell r="K517" t="str">
            <v/>
          </cell>
          <cell r="L517">
            <v>0</v>
          </cell>
          <cell r="M517" t="e">
            <v>#N/A</v>
          </cell>
          <cell r="V517" t="e">
            <v>#N/A</v>
          </cell>
          <cell r="W517" t="str">
            <v xml:space="preserve"> </v>
          </cell>
          <cell r="X517" t="e">
            <v>#N/A</v>
          </cell>
          <cell r="Y517" t="e">
            <v>#N/A</v>
          </cell>
          <cell r="AD517" t="e">
            <v>#VALUE!</v>
          </cell>
          <cell r="AH517" t="str">
            <v/>
          </cell>
          <cell r="AP517">
            <v>3</v>
          </cell>
          <cell r="BD517" t="e">
            <v>#N/A</v>
          </cell>
          <cell r="BF517" t="e">
            <v>#N/A</v>
          </cell>
          <cell r="BG517" t="e">
            <v>#DIV/0!</v>
          </cell>
          <cell r="BJ517">
            <v>0</v>
          </cell>
          <cell r="BK517">
            <v>0</v>
          </cell>
          <cell r="BL517" t="str">
            <v/>
          </cell>
          <cell r="BO517" t="str">
            <v/>
          </cell>
          <cell r="BP517" t="e">
            <v>#N/A</v>
          </cell>
          <cell r="BQ517" t="e">
            <v>#N/A</v>
          </cell>
          <cell r="BS517" t="e">
            <v>#N/A</v>
          </cell>
          <cell r="BT517" t="e">
            <v>#N/A</v>
          </cell>
        </row>
        <row r="518">
          <cell r="I518">
            <v>1</v>
          </cell>
          <cell r="J518" t="str">
            <v>式</v>
          </cell>
          <cell r="K518" t="str">
            <v/>
          </cell>
          <cell r="L518">
            <v>0</v>
          </cell>
          <cell r="M518" t="e">
            <v>#N/A</v>
          </cell>
          <cell r="V518" t="e">
            <v>#N/A</v>
          </cell>
          <cell r="W518" t="str">
            <v xml:space="preserve"> </v>
          </cell>
          <cell r="X518" t="e">
            <v>#N/A</v>
          </cell>
          <cell r="Y518" t="e">
            <v>#N/A</v>
          </cell>
          <cell r="AD518" t="e">
            <v>#VALUE!</v>
          </cell>
          <cell r="AH518" t="str">
            <v/>
          </cell>
          <cell r="AP518">
            <v>3</v>
          </cell>
          <cell r="BD518" t="e">
            <v>#N/A</v>
          </cell>
          <cell r="BF518" t="e">
            <v>#N/A</v>
          </cell>
          <cell r="BG518" t="e">
            <v>#DIV/0!</v>
          </cell>
          <cell r="BJ518">
            <v>0</v>
          </cell>
          <cell r="BK518">
            <v>0</v>
          </cell>
          <cell r="BL518" t="str">
            <v/>
          </cell>
          <cell r="BO518" t="str">
            <v/>
          </cell>
          <cell r="BP518" t="e">
            <v>#N/A</v>
          </cell>
          <cell r="BQ518" t="e">
            <v>#N/A</v>
          </cell>
          <cell r="BS518" t="e">
            <v>#N/A</v>
          </cell>
          <cell r="BT518" t="e">
            <v>#N/A</v>
          </cell>
        </row>
        <row r="519">
          <cell r="I519">
            <v>1</v>
          </cell>
          <cell r="J519" t="str">
            <v>式</v>
          </cell>
          <cell r="K519" t="str">
            <v/>
          </cell>
          <cell r="L519">
            <v>0</v>
          </cell>
          <cell r="M519" t="e">
            <v>#N/A</v>
          </cell>
          <cell r="V519" t="e">
            <v>#N/A</v>
          </cell>
          <cell r="W519" t="str">
            <v xml:space="preserve"> </v>
          </cell>
          <cell r="X519" t="e">
            <v>#N/A</v>
          </cell>
          <cell r="Y519" t="e">
            <v>#N/A</v>
          </cell>
          <cell r="AD519" t="e">
            <v>#VALUE!</v>
          </cell>
          <cell r="AH519" t="str">
            <v/>
          </cell>
          <cell r="AP519">
            <v>3</v>
          </cell>
          <cell r="BD519" t="e">
            <v>#N/A</v>
          </cell>
          <cell r="BF519" t="e">
            <v>#N/A</v>
          </cell>
          <cell r="BG519" t="e">
            <v>#DIV/0!</v>
          </cell>
          <cell r="BJ519">
            <v>0</v>
          </cell>
          <cell r="BK519">
            <v>0</v>
          </cell>
          <cell r="BL519" t="str">
            <v/>
          </cell>
          <cell r="BO519" t="str">
            <v/>
          </cell>
          <cell r="BP519" t="e">
            <v>#N/A</v>
          </cell>
          <cell r="BQ519" t="e">
            <v>#N/A</v>
          </cell>
          <cell r="BS519" t="e">
            <v>#N/A</v>
          </cell>
          <cell r="BT519" t="e">
            <v>#N/A</v>
          </cell>
        </row>
        <row r="520">
          <cell r="I520">
            <v>1</v>
          </cell>
          <cell r="J520" t="str">
            <v>式</v>
          </cell>
          <cell r="K520" t="str">
            <v/>
          </cell>
          <cell r="L520">
            <v>0</v>
          </cell>
          <cell r="M520" t="e">
            <v>#N/A</v>
          </cell>
          <cell r="V520" t="e">
            <v>#N/A</v>
          </cell>
          <cell r="W520" t="str">
            <v xml:space="preserve"> </v>
          </cell>
          <cell r="X520" t="e">
            <v>#N/A</v>
          </cell>
          <cell r="Y520" t="e">
            <v>#N/A</v>
          </cell>
          <cell r="AD520" t="e">
            <v>#VALUE!</v>
          </cell>
          <cell r="AH520" t="str">
            <v/>
          </cell>
          <cell r="AP520">
            <v>3</v>
          </cell>
          <cell r="BD520" t="e">
            <v>#N/A</v>
          </cell>
          <cell r="BF520" t="e">
            <v>#N/A</v>
          </cell>
          <cell r="BG520" t="e">
            <v>#DIV/0!</v>
          </cell>
          <cell r="BJ520">
            <v>0</v>
          </cell>
          <cell r="BK520">
            <v>0</v>
          </cell>
          <cell r="BL520" t="str">
            <v/>
          </cell>
          <cell r="BO520" t="str">
            <v/>
          </cell>
          <cell r="BP520" t="e">
            <v>#N/A</v>
          </cell>
          <cell r="BQ520" t="e">
            <v>#N/A</v>
          </cell>
          <cell r="BS520" t="e">
            <v>#N/A</v>
          </cell>
          <cell r="BT520" t="e">
            <v>#N/A</v>
          </cell>
        </row>
        <row r="521">
          <cell r="I521">
            <v>1</v>
          </cell>
          <cell r="J521" t="str">
            <v>式</v>
          </cell>
          <cell r="K521" t="str">
            <v/>
          </cell>
          <cell r="L521">
            <v>0</v>
          </cell>
          <cell r="M521" t="e">
            <v>#N/A</v>
          </cell>
          <cell r="V521" t="e">
            <v>#N/A</v>
          </cell>
          <cell r="W521" t="str">
            <v xml:space="preserve"> </v>
          </cell>
          <cell r="X521" t="e">
            <v>#N/A</v>
          </cell>
          <cell r="Y521" t="e">
            <v>#N/A</v>
          </cell>
          <cell r="AD521" t="e">
            <v>#VALUE!</v>
          </cell>
          <cell r="AH521" t="str">
            <v/>
          </cell>
          <cell r="AP521">
            <v>3</v>
          </cell>
          <cell r="BD521" t="e">
            <v>#N/A</v>
          </cell>
          <cell r="BF521" t="e">
            <v>#N/A</v>
          </cell>
          <cell r="BG521" t="e">
            <v>#DIV/0!</v>
          </cell>
          <cell r="BJ521">
            <v>0</v>
          </cell>
          <cell r="BK521">
            <v>0</v>
          </cell>
          <cell r="BL521" t="str">
            <v/>
          </cell>
          <cell r="BO521" t="str">
            <v/>
          </cell>
          <cell r="BP521" t="e">
            <v>#N/A</v>
          </cell>
          <cell r="BQ521" t="e">
            <v>#N/A</v>
          </cell>
          <cell r="BS521" t="e">
            <v>#N/A</v>
          </cell>
          <cell r="BT521" t="e">
            <v>#N/A</v>
          </cell>
        </row>
        <row r="522">
          <cell r="I522">
            <v>1</v>
          </cell>
          <cell r="J522" t="str">
            <v>式</v>
          </cell>
          <cell r="K522" t="str">
            <v/>
          </cell>
          <cell r="L522">
            <v>0</v>
          </cell>
          <cell r="M522" t="e">
            <v>#N/A</v>
          </cell>
          <cell r="V522" t="e">
            <v>#N/A</v>
          </cell>
          <cell r="W522" t="str">
            <v xml:space="preserve"> </v>
          </cell>
          <cell r="X522" t="e">
            <v>#N/A</v>
          </cell>
          <cell r="Y522" t="e">
            <v>#N/A</v>
          </cell>
          <cell r="AD522" t="e">
            <v>#VALUE!</v>
          </cell>
          <cell r="AH522" t="str">
            <v/>
          </cell>
          <cell r="AP522">
            <v>3</v>
          </cell>
          <cell r="BD522" t="e">
            <v>#N/A</v>
          </cell>
          <cell r="BF522" t="e">
            <v>#N/A</v>
          </cell>
          <cell r="BG522" t="e">
            <v>#DIV/0!</v>
          </cell>
          <cell r="BJ522">
            <v>0</v>
          </cell>
          <cell r="BK522">
            <v>0</v>
          </cell>
          <cell r="BL522" t="str">
            <v/>
          </cell>
          <cell r="BO522" t="str">
            <v/>
          </cell>
          <cell r="BP522" t="e">
            <v>#N/A</v>
          </cell>
          <cell r="BQ522" t="e">
            <v>#N/A</v>
          </cell>
          <cell r="BS522" t="e">
            <v>#N/A</v>
          </cell>
          <cell r="BT522" t="e">
            <v>#N/A</v>
          </cell>
        </row>
        <row r="523">
          <cell r="I523">
            <v>1</v>
          </cell>
          <cell r="J523" t="str">
            <v>式</v>
          </cell>
          <cell r="K523" t="str">
            <v/>
          </cell>
          <cell r="L523">
            <v>0</v>
          </cell>
          <cell r="M523" t="e">
            <v>#N/A</v>
          </cell>
          <cell r="V523" t="e">
            <v>#N/A</v>
          </cell>
          <cell r="W523" t="str">
            <v xml:space="preserve"> </v>
          </cell>
          <cell r="X523" t="e">
            <v>#N/A</v>
          </cell>
          <cell r="Y523" t="e">
            <v>#N/A</v>
          </cell>
          <cell r="AD523" t="e">
            <v>#VALUE!</v>
          </cell>
          <cell r="AH523" t="str">
            <v/>
          </cell>
          <cell r="AP523">
            <v>3</v>
          </cell>
          <cell r="BD523" t="e">
            <v>#N/A</v>
          </cell>
          <cell r="BF523" t="e">
            <v>#N/A</v>
          </cell>
          <cell r="BG523" t="e">
            <v>#DIV/0!</v>
          </cell>
          <cell r="BJ523">
            <v>0</v>
          </cell>
          <cell r="BK523">
            <v>0</v>
          </cell>
          <cell r="BL523" t="str">
            <v/>
          </cell>
          <cell r="BO523" t="str">
            <v/>
          </cell>
          <cell r="BP523" t="e">
            <v>#N/A</v>
          </cell>
          <cell r="BQ523" t="e">
            <v>#N/A</v>
          </cell>
          <cell r="BS523" t="e">
            <v>#N/A</v>
          </cell>
          <cell r="BT523" t="e">
            <v>#N/A</v>
          </cell>
        </row>
        <row r="524">
          <cell r="I524">
            <v>1</v>
          </cell>
          <cell r="J524" t="str">
            <v>式</v>
          </cell>
          <cell r="K524" t="str">
            <v/>
          </cell>
          <cell r="L524">
            <v>0</v>
          </cell>
          <cell r="M524" t="e">
            <v>#N/A</v>
          </cell>
          <cell r="V524" t="e">
            <v>#N/A</v>
          </cell>
          <cell r="W524" t="str">
            <v xml:space="preserve"> </v>
          </cell>
          <cell r="X524" t="e">
            <v>#N/A</v>
          </cell>
          <cell r="Y524" t="e">
            <v>#N/A</v>
          </cell>
          <cell r="AD524" t="e">
            <v>#VALUE!</v>
          </cell>
          <cell r="AH524" t="str">
            <v/>
          </cell>
          <cell r="AP524">
            <v>3</v>
          </cell>
          <cell r="BD524" t="e">
            <v>#N/A</v>
          </cell>
          <cell r="BF524" t="e">
            <v>#N/A</v>
          </cell>
          <cell r="BG524" t="e">
            <v>#DIV/0!</v>
          </cell>
          <cell r="BJ524">
            <v>0</v>
          </cell>
          <cell r="BK524">
            <v>0</v>
          </cell>
          <cell r="BL524" t="str">
            <v/>
          </cell>
          <cell r="BO524" t="str">
            <v/>
          </cell>
          <cell r="BP524" t="e">
            <v>#N/A</v>
          </cell>
          <cell r="BQ524" t="e">
            <v>#N/A</v>
          </cell>
          <cell r="BS524" t="e">
            <v>#N/A</v>
          </cell>
          <cell r="BT524" t="e">
            <v>#N/A</v>
          </cell>
        </row>
        <row r="525">
          <cell r="I525">
            <v>1</v>
          </cell>
          <cell r="J525" t="str">
            <v>式</v>
          </cell>
          <cell r="K525" t="str">
            <v/>
          </cell>
          <cell r="L525">
            <v>0</v>
          </cell>
          <cell r="M525" t="e">
            <v>#N/A</v>
          </cell>
          <cell r="V525" t="e">
            <v>#N/A</v>
          </cell>
          <cell r="W525" t="str">
            <v xml:space="preserve"> </v>
          </cell>
          <cell r="X525" t="e">
            <v>#N/A</v>
          </cell>
          <cell r="Y525" t="e">
            <v>#N/A</v>
          </cell>
          <cell r="AD525" t="e">
            <v>#VALUE!</v>
          </cell>
          <cell r="AH525" t="str">
            <v/>
          </cell>
          <cell r="AP525">
            <v>3</v>
          </cell>
          <cell r="BD525" t="e">
            <v>#N/A</v>
          </cell>
          <cell r="BF525" t="e">
            <v>#N/A</v>
          </cell>
          <cell r="BG525" t="e">
            <v>#DIV/0!</v>
          </cell>
          <cell r="BJ525">
            <v>0</v>
          </cell>
          <cell r="BK525">
            <v>0</v>
          </cell>
          <cell r="BL525" t="str">
            <v/>
          </cell>
          <cell r="BO525" t="str">
            <v/>
          </cell>
          <cell r="BP525" t="e">
            <v>#N/A</v>
          </cell>
          <cell r="BQ525" t="e">
            <v>#N/A</v>
          </cell>
          <cell r="BS525" t="e">
            <v>#N/A</v>
          </cell>
          <cell r="BT525" t="e">
            <v>#N/A</v>
          </cell>
        </row>
        <row r="526">
          <cell r="I526">
            <v>1</v>
          </cell>
          <cell r="J526" t="str">
            <v>式</v>
          </cell>
          <cell r="K526" t="str">
            <v/>
          </cell>
          <cell r="L526">
            <v>0</v>
          </cell>
          <cell r="M526" t="e">
            <v>#N/A</v>
          </cell>
          <cell r="V526" t="e">
            <v>#N/A</v>
          </cell>
          <cell r="W526" t="str">
            <v xml:space="preserve"> </v>
          </cell>
          <cell r="X526" t="e">
            <v>#N/A</v>
          </cell>
          <cell r="Y526" t="e">
            <v>#N/A</v>
          </cell>
          <cell r="AD526" t="e">
            <v>#VALUE!</v>
          </cell>
          <cell r="AH526" t="str">
            <v/>
          </cell>
          <cell r="AP526">
            <v>3</v>
          </cell>
          <cell r="BD526" t="e">
            <v>#N/A</v>
          </cell>
          <cell r="BF526" t="e">
            <v>#N/A</v>
          </cell>
          <cell r="BG526" t="e">
            <v>#DIV/0!</v>
          </cell>
          <cell r="BJ526">
            <v>0</v>
          </cell>
          <cell r="BK526">
            <v>0</v>
          </cell>
          <cell r="BL526" t="str">
            <v/>
          </cell>
          <cell r="BO526" t="str">
            <v/>
          </cell>
          <cell r="BP526" t="e">
            <v>#N/A</v>
          </cell>
          <cell r="BQ526" t="e">
            <v>#N/A</v>
          </cell>
          <cell r="BS526" t="e">
            <v>#N/A</v>
          </cell>
          <cell r="BT526" t="e">
            <v>#N/A</v>
          </cell>
        </row>
        <row r="527">
          <cell r="I527">
            <v>1</v>
          </cell>
          <cell r="J527" t="str">
            <v>式</v>
          </cell>
          <cell r="K527" t="str">
            <v/>
          </cell>
          <cell r="L527">
            <v>0</v>
          </cell>
          <cell r="M527" t="e">
            <v>#N/A</v>
          </cell>
          <cell r="V527" t="e">
            <v>#N/A</v>
          </cell>
          <cell r="W527" t="str">
            <v xml:space="preserve"> </v>
          </cell>
          <cell r="X527" t="e">
            <v>#N/A</v>
          </cell>
          <cell r="Y527" t="e">
            <v>#N/A</v>
          </cell>
          <cell r="AD527" t="e">
            <v>#VALUE!</v>
          </cell>
          <cell r="AH527" t="str">
            <v/>
          </cell>
          <cell r="AP527">
            <v>3</v>
          </cell>
          <cell r="BD527" t="e">
            <v>#N/A</v>
          </cell>
          <cell r="BF527" t="e">
            <v>#N/A</v>
          </cell>
          <cell r="BG527" t="e">
            <v>#DIV/0!</v>
          </cell>
          <cell r="BJ527">
            <v>0</v>
          </cell>
          <cell r="BK527">
            <v>0</v>
          </cell>
          <cell r="BL527" t="str">
            <v/>
          </cell>
          <cell r="BO527" t="str">
            <v/>
          </cell>
          <cell r="BP527" t="e">
            <v>#N/A</v>
          </cell>
          <cell r="BQ527" t="e">
            <v>#N/A</v>
          </cell>
          <cell r="BS527" t="e">
            <v>#N/A</v>
          </cell>
          <cell r="BT527" t="e">
            <v>#N/A</v>
          </cell>
        </row>
        <row r="528">
          <cell r="I528">
            <v>1</v>
          </cell>
          <cell r="J528" t="str">
            <v>式</v>
          </cell>
          <cell r="K528" t="str">
            <v/>
          </cell>
          <cell r="L528">
            <v>0</v>
          </cell>
          <cell r="M528" t="e">
            <v>#N/A</v>
          </cell>
          <cell r="V528" t="e">
            <v>#N/A</v>
          </cell>
          <cell r="W528" t="str">
            <v xml:space="preserve"> </v>
          </cell>
          <cell r="X528" t="e">
            <v>#N/A</v>
          </cell>
          <cell r="Y528" t="e">
            <v>#N/A</v>
          </cell>
          <cell r="AD528" t="e">
            <v>#VALUE!</v>
          </cell>
          <cell r="AH528" t="str">
            <v/>
          </cell>
          <cell r="AP528">
            <v>3</v>
          </cell>
          <cell r="BD528" t="e">
            <v>#N/A</v>
          </cell>
          <cell r="BF528" t="e">
            <v>#N/A</v>
          </cell>
          <cell r="BG528" t="e">
            <v>#DIV/0!</v>
          </cell>
          <cell r="BJ528">
            <v>0</v>
          </cell>
          <cell r="BK528">
            <v>0</v>
          </cell>
          <cell r="BL528" t="str">
            <v/>
          </cell>
          <cell r="BO528" t="str">
            <v/>
          </cell>
          <cell r="BP528" t="e">
            <v>#N/A</v>
          </cell>
          <cell r="BQ528" t="e">
            <v>#N/A</v>
          </cell>
          <cell r="BS528" t="e">
            <v>#N/A</v>
          </cell>
          <cell r="BT528" t="e">
            <v>#N/A</v>
          </cell>
        </row>
        <row r="529">
          <cell r="I529">
            <v>1</v>
          </cell>
          <cell r="J529" t="str">
            <v>式</v>
          </cell>
          <cell r="K529" t="str">
            <v/>
          </cell>
          <cell r="L529">
            <v>0</v>
          </cell>
          <cell r="M529" t="e">
            <v>#N/A</v>
          </cell>
          <cell r="V529" t="e">
            <v>#N/A</v>
          </cell>
          <cell r="W529" t="str">
            <v xml:space="preserve"> </v>
          </cell>
          <cell r="X529" t="e">
            <v>#N/A</v>
          </cell>
          <cell r="Y529" t="e">
            <v>#N/A</v>
          </cell>
          <cell r="AD529" t="e">
            <v>#VALUE!</v>
          </cell>
          <cell r="AH529" t="str">
            <v/>
          </cell>
          <cell r="AP529">
            <v>3</v>
          </cell>
          <cell r="BD529" t="e">
            <v>#N/A</v>
          </cell>
          <cell r="BF529" t="e">
            <v>#N/A</v>
          </cell>
          <cell r="BG529" t="e">
            <v>#DIV/0!</v>
          </cell>
          <cell r="BJ529">
            <v>0</v>
          </cell>
          <cell r="BK529">
            <v>0</v>
          </cell>
          <cell r="BL529" t="str">
            <v/>
          </cell>
          <cell r="BO529" t="str">
            <v/>
          </cell>
          <cell r="BP529" t="e">
            <v>#N/A</v>
          </cell>
          <cell r="BQ529" t="e">
            <v>#N/A</v>
          </cell>
          <cell r="BS529" t="e">
            <v>#N/A</v>
          </cell>
          <cell r="BT529" t="e">
            <v>#N/A</v>
          </cell>
        </row>
        <row r="530">
          <cell r="I530">
            <v>1</v>
          </cell>
          <cell r="J530" t="str">
            <v>式</v>
          </cell>
          <cell r="K530" t="str">
            <v/>
          </cell>
          <cell r="L530">
            <v>0</v>
          </cell>
          <cell r="M530" t="e">
            <v>#N/A</v>
          </cell>
          <cell r="V530" t="e">
            <v>#N/A</v>
          </cell>
          <cell r="W530" t="str">
            <v xml:space="preserve"> </v>
          </cell>
          <cell r="X530" t="e">
            <v>#N/A</v>
          </cell>
          <cell r="Y530" t="e">
            <v>#N/A</v>
          </cell>
          <cell r="AD530" t="e">
            <v>#VALUE!</v>
          </cell>
          <cell r="AH530" t="str">
            <v/>
          </cell>
          <cell r="AP530">
            <v>3</v>
          </cell>
          <cell r="BD530" t="e">
            <v>#N/A</v>
          </cell>
          <cell r="BF530" t="e">
            <v>#N/A</v>
          </cell>
          <cell r="BG530" t="e">
            <v>#DIV/0!</v>
          </cell>
          <cell r="BJ530">
            <v>0</v>
          </cell>
          <cell r="BK530">
            <v>0</v>
          </cell>
          <cell r="BL530" t="str">
            <v/>
          </cell>
          <cell r="BO530" t="str">
            <v/>
          </cell>
          <cell r="BP530" t="e">
            <v>#N/A</v>
          </cell>
          <cell r="BQ530" t="e">
            <v>#N/A</v>
          </cell>
          <cell r="BS530" t="e">
            <v>#N/A</v>
          </cell>
          <cell r="BT530" t="e">
            <v>#N/A</v>
          </cell>
        </row>
        <row r="531">
          <cell r="I531">
            <v>1</v>
          </cell>
          <cell r="J531" t="str">
            <v>式</v>
          </cell>
          <cell r="K531" t="str">
            <v/>
          </cell>
          <cell r="L531">
            <v>0</v>
          </cell>
          <cell r="M531" t="e">
            <v>#N/A</v>
          </cell>
          <cell r="V531" t="e">
            <v>#N/A</v>
          </cell>
          <cell r="W531" t="str">
            <v xml:space="preserve"> </v>
          </cell>
          <cell r="X531" t="e">
            <v>#N/A</v>
          </cell>
          <cell r="Y531" t="e">
            <v>#N/A</v>
          </cell>
          <cell r="AD531" t="e">
            <v>#VALUE!</v>
          </cell>
          <cell r="AH531" t="str">
            <v/>
          </cell>
          <cell r="AP531">
            <v>3</v>
          </cell>
          <cell r="BD531" t="e">
            <v>#N/A</v>
          </cell>
          <cell r="BF531" t="e">
            <v>#N/A</v>
          </cell>
          <cell r="BG531" t="e">
            <v>#DIV/0!</v>
          </cell>
          <cell r="BJ531">
            <v>0</v>
          </cell>
          <cell r="BK531">
            <v>0</v>
          </cell>
          <cell r="BL531" t="str">
            <v/>
          </cell>
          <cell r="BO531" t="str">
            <v/>
          </cell>
          <cell r="BP531" t="e">
            <v>#N/A</v>
          </cell>
          <cell r="BQ531" t="e">
            <v>#N/A</v>
          </cell>
          <cell r="BS531" t="e">
            <v>#N/A</v>
          </cell>
          <cell r="BT531" t="e">
            <v>#N/A</v>
          </cell>
        </row>
        <row r="532">
          <cell r="I532">
            <v>1</v>
          </cell>
          <cell r="J532" t="str">
            <v>式</v>
          </cell>
          <cell r="K532" t="str">
            <v/>
          </cell>
          <cell r="L532">
            <v>0</v>
          </cell>
          <cell r="M532" t="e">
            <v>#N/A</v>
          </cell>
          <cell r="V532" t="e">
            <v>#N/A</v>
          </cell>
          <cell r="W532" t="str">
            <v xml:space="preserve"> </v>
          </cell>
          <cell r="X532" t="e">
            <v>#N/A</v>
          </cell>
          <cell r="Y532" t="e">
            <v>#N/A</v>
          </cell>
          <cell r="AD532" t="e">
            <v>#VALUE!</v>
          </cell>
          <cell r="AH532" t="str">
            <v/>
          </cell>
          <cell r="AP532">
            <v>3</v>
          </cell>
          <cell r="BD532" t="e">
            <v>#N/A</v>
          </cell>
          <cell r="BF532" t="e">
            <v>#N/A</v>
          </cell>
          <cell r="BG532" t="e">
            <v>#DIV/0!</v>
          </cell>
          <cell r="BJ532">
            <v>0</v>
          </cell>
          <cell r="BK532">
            <v>0</v>
          </cell>
          <cell r="BL532" t="str">
            <v/>
          </cell>
          <cell r="BO532" t="str">
            <v/>
          </cell>
          <cell r="BP532" t="e">
            <v>#N/A</v>
          </cell>
          <cell r="BQ532" t="e">
            <v>#N/A</v>
          </cell>
          <cell r="BS532" t="e">
            <v>#N/A</v>
          </cell>
          <cell r="BT532" t="e">
            <v>#N/A</v>
          </cell>
        </row>
        <row r="533">
          <cell r="I533">
            <v>1</v>
          </cell>
          <cell r="J533" t="str">
            <v>式</v>
          </cell>
          <cell r="K533" t="str">
            <v/>
          </cell>
          <cell r="L533">
            <v>0</v>
          </cell>
          <cell r="M533" t="e">
            <v>#N/A</v>
          </cell>
          <cell r="V533" t="e">
            <v>#N/A</v>
          </cell>
          <cell r="W533" t="str">
            <v xml:space="preserve"> </v>
          </cell>
          <cell r="X533" t="e">
            <v>#N/A</v>
          </cell>
          <cell r="Y533" t="e">
            <v>#N/A</v>
          </cell>
          <cell r="AD533" t="e">
            <v>#VALUE!</v>
          </cell>
          <cell r="AH533" t="str">
            <v/>
          </cell>
          <cell r="AP533">
            <v>3</v>
          </cell>
          <cell r="BD533" t="e">
            <v>#N/A</v>
          </cell>
          <cell r="BF533" t="e">
            <v>#N/A</v>
          </cell>
          <cell r="BG533" t="e">
            <v>#DIV/0!</v>
          </cell>
          <cell r="BJ533">
            <v>0</v>
          </cell>
          <cell r="BK533">
            <v>0</v>
          </cell>
          <cell r="BL533" t="str">
            <v/>
          </cell>
          <cell r="BO533" t="str">
            <v/>
          </cell>
          <cell r="BP533" t="e">
            <v>#N/A</v>
          </cell>
          <cell r="BQ533" t="e">
            <v>#N/A</v>
          </cell>
          <cell r="BS533" t="e">
            <v>#N/A</v>
          </cell>
          <cell r="BT533" t="e">
            <v>#N/A</v>
          </cell>
        </row>
        <row r="534">
          <cell r="I534">
            <v>1</v>
          </cell>
          <cell r="J534" t="str">
            <v>式</v>
          </cell>
          <cell r="K534" t="str">
            <v/>
          </cell>
          <cell r="L534">
            <v>0</v>
          </cell>
          <cell r="M534" t="e">
            <v>#N/A</v>
          </cell>
          <cell r="V534" t="e">
            <v>#N/A</v>
          </cell>
          <cell r="W534" t="str">
            <v xml:space="preserve"> </v>
          </cell>
          <cell r="X534" t="e">
            <v>#N/A</v>
          </cell>
          <cell r="Y534" t="e">
            <v>#N/A</v>
          </cell>
          <cell r="AD534" t="e">
            <v>#VALUE!</v>
          </cell>
          <cell r="AH534" t="str">
            <v/>
          </cell>
          <cell r="AP534">
            <v>3</v>
          </cell>
          <cell r="BD534" t="e">
            <v>#N/A</v>
          </cell>
          <cell r="BF534" t="e">
            <v>#N/A</v>
          </cell>
          <cell r="BG534" t="e">
            <v>#DIV/0!</v>
          </cell>
          <cell r="BJ534">
            <v>0</v>
          </cell>
          <cell r="BK534">
            <v>0</v>
          </cell>
          <cell r="BL534" t="str">
            <v/>
          </cell>
          <cell r="BO534" t="str">
            <v/>
          </cell>
          <cell r="BP534" t="e">
            <v>#N/A</v>
          </cell>
          <cell r="BQ534" t="e">
            <v>#N/A</v>
          </cell>
          <cell r="BS534" t="e">
            <v>#N/A</v>
          </cell>
          <cell r="BT534" t="e">
            <v>#N/A</v>
          </cell>
        </row>
        <row r="535">
          <cell r="I535">
            <v>1</v>
          </cell>
          <cell r="J535" t="str">
            <v>式</v>
          </cell>
          <cell r="K535" t="str">
            <v/>
          </cell>
          <cell r="L535">
            <v>0</v>
          </cell>
          <cell r="M535" t="e">
            <v>#N/A</v>
          </cell>
          <cell r="V535" t="e">
            <v>#N/A</v>
          </cell>
          <cell r="W535" t="str">
            <v xml:space="preserve"> </v>
          </cell>
          <cell r="X535" t="e">
            <v>#N/A</v>
          </cell>
          <cell r="Y535" t="e">
            <v>#N/A</v>
          </cell>
          <cell r="AD535" t="e">
            <v>#VALUE!</v>
          </cell>
          <cell r="AH535" t="str">
            <v/>
          </cell>
          <cell r="AP535">
            <v>3</v>
          </cell>
          <cell r="BD535" t="e">
            <v>#N/A</v>
          </cell>
          <cell r="BF535" t="e">
            <v>#N/A</v>
          </cell>
          <cell r="BG535" t="e">
            <v>#DIV/0!</v>
          </cell>
          <cell r="BJ535">
            <v>0</v>
          </cell>
          <cell r="BK535">
            <v>0</v>
          </cell>
          <cell r="BL535" t="str">
            <v/>
          </cell>
          <cell r="BO535" t="str">
            <v/>
          </cell>
          <cell r="BP535" t="e">
            <v>#N/A</v>
          </cell>
          <cell r="BQ535" t="e">
            <v>#N/A</v>
          </cell>
          <cell r="BS535" t="e">
            <v>#N/A</v>
          </cell>
          <cell r="BT535" t="e">
            <v>#N/A</v>
          </cell>
        </row>
        <row r="536">
          <cell r="I536">
            <v>1</v>
          </cell>
          <cell r="J536" t="str">
            <v>式</v>
          </cell>
          <cell r="K536" t="str">
            <v/>
          </cell>
          <cell r="L536">
            <v>0</v>
          </cell>
          <cell r="M536" t="e">
            <v>#N/A</v>
          </cell>
          <cell r="V536" t="e">
            <v>#N/A</v>
          </cell>
          <cell r="W536" t="str">
            <v xml:space="preserve"> </v>
          </cell>
          <cell r="X536" t="e">
            <v>#N/A</v>
          </cell>
          <cell r="Y536" t="e">
            <v>#N/A</v>
          </cell>
          <cell r="AD536" t="e">
            <v>#VALUE!</v>
          </cell>
          <cell r="AH536" t="str">
            <v/>
          </cell>
          <cell r="AP536">
            <v>3</v>
          </cell>
          <cell r="BD536" t="e">
            <v>#N/A</v>
          </cell>
          <cell r="BF536" t="e">
            <v>#N/A</v>
          </cell>
          <cell r="BG536" t="e">
            <v>#DIV/0!</v>
          </cell>
          <cell r="BJ536">
            <v>0</v>
          </cell>
          <cell r="BK536">
            <v>0</v>
          </cell>
          <cell r="BL536" t="str">
            <v/>
          </cell>
          <cell r="BO536" t="str">
            <v/>
          </cell>
          <cell r="BP536" t="e">
            <v>#N/A</v>
          </cell>
          <cell r="BQ536" t="e">
            <v>#N/A</v>
          </cell>
          <cell r="BS536" t="e">
            <v>#N/A</v>
          </cell>
          <cell r="BT536" t="e">
            <v>#N/A</v>
          </cell>
        </row>
        <row r="537">
          <cell r="I537">
            <v>1</v>
          </cell>
          <cell r="J537" t="str">
            <v>式</v>
          </cell>
          <cell r="K537" t="str">
            <v/>
          </cell>
          <cell r="L537">
            <v>0</v>
          </cell>
          <cell r="M537" t="e">
            <v>#N/A</v>
          </cell>
          <cell r="V537" t="e">
            <v>#N/A</v>
          </cell>
          <cell r="W537" t="str">
            <v xml:space="preserve"> </v>
          </cell>
          <cell r="X537" t="e">
            <v>#N/A</v>
          </cell>
          <cell r="Y537" t="e">
            <v>#N/A</v>
          </cell>
          <cell r="AD537" t="e">
            <v>#VALUE!</v>
          </cell>
          <cell r="AH537" t="str">
            <v/>
          </cell>
          <cell r="AP537">
            <v>3</v>
          </cell>
          <cell r="BD537" t="e">
            <v>#N/A</v>
          </cell>
          <cell r="BF537" t="e">
            <v>#N/A</v>
          </cell>
          <cell r="BG537" t="e">
            <v>#DIV/0!</v>
          </cell>
          <cell r="BJ537">
            <v>0</v>
          </cell>
          <cell r="BK537">
            <v>0</v>
          </cell>
          <cell r="BL537" t="str">
            <v/>
          </cell>
          <cell r="BO537" t="str">
            <v/>
          </cell>
          <cell r="BP537" t="e">
            <v>#N/A</v>
          </cell>
          <cell r="BQ537" t="e">
            <v>#N/A</v>
          </cell>
          <cell r="BS537" t="e">
            <v>#N/A</v>
          </cell>
          <cell r="BT537" t="e">
            <v>#N/A</v>
          </cell>
        </row>
        <row r="538">
          <cell r="I538">
            <v>1</v>
          </cell>
          <cell r="J538" t="str">
            <v>式</v>
          </cell>
          <cell r="K538" t="str">
            <v/>
          </cell>
          <cell r="L538">
            <v>0</v>
          </cell>
          <cell r="M538" t="e">
            <v>#N/A</v>
          </cell>
          <cell r="V538" t="e">
            <v>#N/A</v>
          </cell>
          <cell r="W538" t="str">
            <v xml:space="preserve"> </v>
          </cell>
          <cell r="X538" t="e">
            <v>#N/A</v>
          </cell>
          <cell r="Y538" t="e">
            <v>#N/A</v>
          </cell>
          <cell r="AD538" t="e">
            <v>#VALUE!</v>
          </cell>
          <cell r="AH538" t="str">
            <v/>
          </cell>
          <cell r="AP538">
            <v>3</v>
          </cell>
          <cell r="BD538" t="e">
            <v>#N/A</v>
          </cell>
          <cell r="BF538" t="e">
            <v>#N/A</v>
          </cell>
          <cell r="BG538" t="e">
            <v>#DIV/0!</v>
          </cell>
          <cell r="BJ538">
            <v>0</v>
          </cell>
          <cell r="BK538">
            <v>0</v>
          </cell>
          <cell r="BL538" t="str">
            <v/>
          </cell>
          <cell r="BO538" t="str">
            <v/>
          </cell>
          <cell r="BP538" t="e">
            <v>#N/A</v>
          </cell>
          <cell r="BQ538" t="e">
            <v>#N/A</v>
          </cell>
          <cell r="BS538" t="e">
            <v>#N/A</v>
          </cell>
          <cell r="BT538" t="e">
            <v>#N/A</v>
          </cell>
        </row>
        <row r="539">
          <cell r="I539">
            <v>1</v>
          </cell>
          <cell r="J539" t="str">
            <v>式</v>
          </cell>
          <cell r="K539" t="str">
            <v/>
          </cell>
          <cell r="L539">
            <v>0</v>
          </cell>
          <cell r="M539" t="e">
            <v>#N/A</v>
          </cell>
          <cell r="V539" t="e">
            <v>#N/A</v>
          </cell>
          <cell r="W539" t="str">
            <v xml:space="preserve"> </v>
          </cell>
          <cell r="X539" t="e">
            <v>#N/A</v>
          </cell>
          <cell r="Y539" t="e">
            <v>#N/A</v>
          </cell>
          <cell r="AD539" t="e">
            <v>#VALUE!</v>
          </cell>
          <cell r="AH539" t="str">
            <v/>
          </cell>
          <cell r="AP539">
            <v>3</v>
          </cell>
          <cell r="BD539" t="e">
            <v>#N/A</v>
          </cell>
          <cell r="BF539" t="e">
            <v>#N/A</v>
          </cell>
          <cell r="BG539" t="e">
            <v>#DIV/0!</v>
          </cell>
          <cell r="BJ539">
            <v>0</v>
          </cell>
          <cell r="BK539">
            <v>0</v>
          </cell>
          <cell r="BL539" t="str">
            <v/>
          </cell>
          <cell r="BO539" t="str">
            <v/>
          </cell>
          <cell r="BP539" t="e">
            <v>#N/A</v>
          </cell>
          <cell r="BQ539" t="e">
            <v>#N/A</v>
          </cell>
          <cell r="BS539" t="e">
            <v>#N/A</v>
          </cell>
          <cell r="BT539" t="e">
            <v>#N/A</v>
          </cell>
        </row>
        <row r="540">
          <cell r="I540">
            <v>1</v>
          </cell>
          <cell r="J540" t="str">
            <v>式</v>
          </cell>
          <cell r="K540" t="str">
            <v/>
          </cell>
          <cell r="L540">
            <v>0</v>
          </cell>
          <cell r="M540" t="e">
            <v>#N/A</v>
          </cell>
          <cell r="V540" t="e">
            <v>#N/A</v>
          </cell>
          <cell r="W540" t="str">
            <v xml:space="preserve"> </v>
          </cell>
          <cell r="X540" t="e">
            <v>#N/A</v>
          </cell>
          <cell r="Y540" t="e">
            <v>#N/A</v>
          </cell>
          <cell r="AD540" t="e">
            <v>#VALUE!</v>
          </cell>
          <cell r="AH540" t="str">
            <v/>
          </cell>
          <cell r="AP540">
            <v>3</v>
          </cell>
          <cell r="BD540" t="e">
            <v>#N/A</v>
          </cell>
          <cell r="BF540" t="e">
            <v>#N/A</v>
          </cell>
          <cell r="BG540" t="e">
            <v>#DIV/0!</v>
          </cell>
          <cell r="BJ540">
            <v>0</v>
          </cell>
          <cell r="BK540">
            <v>0</v>
          </cell>
          <cell r="BL540" t="str">
            <v/>
          </cell>
          <cell r="BO540" t="str">
            <v/>
          </cell>
          <cell r="BP540" t="e">
            <v>#N/A</v>
          </cell>
          <cell r="BQ540" t="e">
            <v>#N/A</v>
          </cell>
          <cell r="BS540" t="e">
            <v>#N/A</v>
          </cell>
          <cell r="BT540" t="e">
            <v>#N/A</v>
          </cell>
        </row>
        <row r="541">
          <cell r="I541">
            <v>1</v>
          </cell>
          <cell r="J541" t="str">
            <v>式</v>
          </cell>
          <cell r="K541" t="str">
            <v/>
          </cell>
          <cell r="L541">
            <v>0</v>
          </cell>
          <cell r="M541" t="e">
            <v>#N/A</v>
          </cell>
          <cell r="V541" t="e">
            <v>#N/A</v>
          </cell>
          <cell r="W541" t="str">
            <v xml:space="preserve"> </v>
          </cell>
          <cell r="X541" t="e">
            <v>#N/A</v>
          </cell>
          <cell r="Y541" t="e">
            <v>#N/A</v>
          </cell>
          <cell r="AD541" t="e">
            <v>#VALUE!</v>
          </cell>
          <cell r="AH541" t="str">
            <v/>
          </cell>
          <cell r="AP541">
            <v>3</v>
          </cell>
          <cell r="BD541" t="e">
            <v>#N/A</v>
          </cell>
          <cell r="BF541" t="e">
            <v>#N/A</v>
          </cell>
          <cell r="BG541" t="e">
            <v>#DIV/0!</v>
          </cell>
          <cell r="BJ541">
            <v>0</v>
          </cell>
          <cell r="BK541">
            <v>0</v>
          </cell>
          <cell r="BL541" t="str">
            <v/>
          </cell>
          <cell r="BO541" t="str">
            <v/>
          </cell>
          <cell r="BP541" t="e">
            <v>#N/A</v>
          </cell>
          <cell r="BQ541" t="e">
            <v>#N/A</v>
          </cell>
          <cell r="BS541" t="e">
            <v>#N/A</v>
          </cell>
          <cell r="BT541" t="e">
            <v>#N/A</v>
          </cell>
        </row>
        <row r="542">
          <cell r="I542">
            <v>1</v>
          </cell>
          <cell r="J542" t="str">
            <v>式</v>
          </cell>
          <cell r="K542" t="str">
            <v/>
          </cell>
          <cell r="L542">
            <v>0</v>
          </cell>
          <cell r="M542" t="e">
            <v>#N/A</v>
          </cell>
          <cell r="V542" t="e">
            <v>#N/A</v>
          </cell>
          <cell r="W542" t="str">
            <v xml:space="preserve"> </v>
          </cell>
          <cell r="X542" t="e">
            <v>#N/A</v>
          </cell>
          <cell r="Y542" t="e">
            <v>#N/A</v>
          </cell>
          <cell r="AD542" t="e">
            <v>#VALUE!</v>
          </cell>
          <cell r="AH542" t="str">
            <v/>
          </cell>
          <cell r="AP542">
            <v>3</v>
          </cell>
          <cell r="BD542" t="e">
            <v>#N/A</v>
          </cell>
          <cell r="BF542" t="e">
            <v>#N/A</v>
          </cell>
          <cell r="BG542" t="e">
            <v>#DIV/0!</v>
          </cell>
          <cell r="BJ542">
            <v>0</v>
          </cell>
          <cell r="BK542">
            <v>0</v>
          </cell>
          <cell r="BL542" t="str">
            <v/>
          </cell>
          <cell r="BO542" t="str">
            <v/>
          </cell>
          <cell r="BP542" t="e">
            <v>#N/A</v>
          </cell>
          <cell r="BQ542" t="e">
            <v>#N/A</v>
          </cell>
          <cell r="BS542" t="e">
            <v>#N/A</v>
          </cell>
          <cell r="BT542" t="e">
            <v>#N/A</v>
          </cell>
        </row>
        <row r="543">
          <cell r="I543">
            <v>1</v>
          </cell>
          <cell r="J543" t="str">
            <v>式</v>
          </cell>
          <cell r="K543" t="str">
            <v/>
          </cell>
          <cell r="L543">
            <v>0</v>
          </cell>
          <cell r="M543" t="e">
            <v>#N/A</v>
          </cell>
          <cell r="V543" t="e">
            <v>#N/A</v>
          </cell>
          <cell r="W543" t="str">
            <v xml:space="preserve"> </v>
          </cell>
          <cell r="X543" t="e">
            <v>#N/A</v>
          </cell>
          <cell r="Y543" t="e">
            <v>#N/A</v>
          </cell>
          <cell r="AD543" t="e">
            <v>#VALUE!</v>
          </cell>
          <cell r="AH543" t="str">
            <v/>
          </cell>
          <cell r="AP543">
            <v>3</v>
          </cell>
          <cell r="BD543" t="e">
            <v>#N/A</v>
          </cell>
          <cell r="BF543" t="e">
            <v>#N/A</v>
          </cell>
          <cell r="BG543" t="e">
            <v>#DIV/0!</v>
          </cell>
          <cell r="BJ543">
            <v>0</v>
          </cell>
          <cell r="BK543">
            <v>0</v>
          </cell>
          <cell r="BL543" t="str">
            <v/>
          </cell>
          <cell r="BO543" t="str">
            <v/>
          </cell>
          <cell r="BP543" t="e">
            <v>#N/A</v>
          </cell>
          <cell r="BQ543" t="e">
            <v>#N/A</v>
          </cell>
          <cell r="BS543" t="e">
            <v>#N/A</v>
          </cell>
          <cell r="BT543" t="e">
            <v>#N/A</v>
          </cell>
        </row>
        <row r="544">
          <cell r="I544">
            <v>1</v>
          </cell>
          <cell r="J544" t="str">
            <v>式</v>
          </cell>
          <cell r="K544" t="str">
            <v/>
          </cell>
          <cell r="L544">
            <v>0</v>
          </cell>
          <cell r="M544" t="e">
            <v>#N/A</v>
          </cell>
          <cell r="V544" t="e">
            <v>#N/A</v>
          </cell>
          <cell r="W544" t="str">
            <v xml:space="preserve"> </v>
          </cell>
          <cell r="X544" t="e">
            <v>#N/A</v>
          </cell>
          <cell r="Y544" t="e">
            <v>#N/A</v>
          </cell>
          <cell r="AD544" t="e">
            <v>#VALUE!</v>
          </cell>
          <cell r="AH544" t="str">
            <v/>
          </cell>
          <cell r="AP544">
            <v>3</v>
          </cell>
          <cell r="BD544" t="e">
            <v>#N/A</v>
          </cell>
          <cell r="BF544" t="e">
            <v>#N/A</v>
          </cell>
          <cell r="BG544" t="e">
            <v>#DIV/0!</v>
          </cell>
          <cell r="BJ544">
            <v>0</v>
          </cell>
          <cell r="BK544">
            <v>0</v>
          </cell>
          <cell r="BL544" t="str">
            <v/>
          </cell>
          <cell r="BO544" t="str">
            <v/>
          </cell>
          <cell r="BP544" t="e">
            <v>#N/A</v>
          </cell>
          <cell r="BQ544" t="e">
            <v>#N/A</v>
          </cell>
          <cell r="BS544" t="e">
            <v>#N/A</v>
          </cell>
          <cell r="BT544" t="e">
            <v>#N/A</v>
          </cell>
        </row>
        <row r="545">
          <cell r="I545">
            <v>1</v>
          </cell>
          <cell r="J545" t="str">
            <v>式</v>
          </cell>
          <cell r="K545" t="str">
            <v/>
          </cell>
          <cell r="L545">
            <v>0</v>
          </cell>
          <cell r="M545" t="e">
            <v>#N/A</v>
          </cell>
          <cell r="V545" t="e">
            <v>#N/A</v>
          </cell>
          <cell r="W545" t="str">
            <v xml:space="preserve"> </v>
          </cell>
          <cell r="X545" t="e">
            <v>#N/A</v>
          </cell>
          <cell r="Y545" t="e">
            <v>#N/A</v>
          </cell>
          <cell r="AD545" t="e">
            <v>#VALUE!</v>
          </cell>
          <cell r="AH545" t="str">
            <v/>
          </cell>
          <cell r="AP545">
            <v>3</v>
          </cell>
          <cell r="BD545" t="e">
            <v>#N/A</v>
          </cell>
          <cell r="BF545" t="e">
            <v>#N/A</v>
          </cell>
          <cell r="BG545" t="e">
            <v>#DIV/0!</v>
          </cell>
          <cell r="BJ545">
            <v>0</v>
          </cell>
          <cell r="BK545">
            <v>0</v>
          </cell>
          <cell r="BL545" t="str">
            <v/>
          </cell>
          <cell r="BO545" t="str">
            <v/>
          </cell>
          <cell r="BP545" t="e">
            <v>#N/A</v>
          </cell>
          <cell r="BQ545" t="e">
            <v>#N/A</v>
          </cell>
          <cell r="BS545" t="e">
            <v>#N/A</v>
          </cell>
          <cell r="BT545" t="e">
            <v>#N/A</v>
          </cell>
        </row>
        <row r="546">
          <cell r="I546">
            <v>1</v>
          </cell>
          <cell r="J546" t="str">
            <v>式</v>
          </cell>
          <cell r="K546" t="str">
            <v/>
          </cell>
          <cell r="L546">
            <v>0</v>
          </cell>
          <cell r="M546" t="e">
            <v>#N/A</v>
          </cell>
          <cell r="V546" t="e">
            <v>#N/A</v>
          </cell>
          <cell r="W546" t="str">
            <v xml:space="preserve"> </v>
          </cell>
          <cell r="X546" t="e">
            <v>#N/A</v>
          </cell>
          <cell r="Y546" t="e">
            <v>#N/A</v>
          </cell>
          <cell r="AD546" t="e">
            <v>#VALUE!</v>
          </cell>
          <cell r="AH546" t="str">
            <v/>
          </cell>
          <cell r="AP546">
            <v>3</v>
          </cell>
          <cell r="BD546" t="e">
            <v>#N/A</v>
          </cell>
          <cell r="BF546" t="e">
            <v>#N/A</v>
          </cell>
          <cell r="BG546" t="e">
            <v>#DIV/0!</v>
          </cell>
          <cell r="BJ546">
            <v>0</v>
          </cell>
          <cell r="BK546">
            <v>0</v>
          </cell>
          <cell r="BL546" t="str">
            <v/>
          </cell>
          <cell r="BO546" t="str">
            <v/>
          </cell>
          <cell r="BP546" t="e">
            <v>#N/A</v>
          </cell>
          <cell r="BQ546" t="e">
            <v>#N/A</v>
          </cell>
          <cell r="BS546" t="e">
            <v>#N/A</v>
          </cell>
          <cell r="BT546" t="e">
            <v>#N/A</v>
          </cell>
        </row>
        <row r="547">
          <cell r="I547">
            <v>1</v>
          </cell>
          <cell r="J547" t="str">
            <v>式</v>
          </cell>
          <cell r="K547" t="str">
            <v/>
          </cell>
          <cell r="L547">
            <v>0</v>
          </cell>
          <cell r="M547" t="e">
            <v>#N/A</v>
          </cell>
          <cell r="V547" t="e">
            <v>#N/A</v>
          </cell>
          <cell r="W547" t="str">
            <v xml:space="preserve"> </v>
          </cell>
          <cell r="X547" t="e">
            <v>#N/A</v>
          </cell>
          <cell r="Y547" t="e">
            <v>#N/A</v>
          </cell>
          <cell r="AD547" t="e">
            <v>#VALUE!</v>
          </cell>
          <cell r="AH547" t="str">
            <v/>
          </cell>
          <cell r="AP547">
            <v>3</v>
          </cell>
          <cell r="BD547" t="e">
            <v>#N/A</v>
          </cell>
          <cell r="BF547" t="e">
            <v>#N/A</v>
          </cell>
          <cell r="BG547" t="e">
            <v>#DIV/0!</v>
          </cell>
          <cell r="BJ547">
            <v>0</v>
          </cell>
          <cell r="BK547">
            <v>0</v>
          </cell>
          <cell r="BL547" t="str">
            <v/>
          </cell>
          <cell r="BO547" t="str">
            <v/>
          </cell>
          <cell r="BP547" t="e">
            <v>#N/A</v>
          </cell>
          <cell r="BQ547" t="e">
            <v>#N/A</v>
          </cell>
          <cell r="BS547" t="e">
            <v>#N/A</v>
          </cell>
          <cell r="BT547" t="e">
            <v>#N/A</v>
          </cell>
        </row>
        <row r="548">
          <cell r="I548">
            <v>1</v>
          </cell>
          <cell r="J548" t="str">
            <v>式</v>
          </cell>
          <cell r="K548" t="str">
            <v/>
          </cell>
          <cell r="L548">
            <v>0</v>
          </cell>
          <cell r="M548" t="e">
            <v>#N/A</v>
          </cell>
          <cell r="V548" t="e">
            <v>#N/A</v>
          </cell>
          <cell r="W548" t="str">
            <v xml:space="preserve"> </v>
          </cell>
          <cell r="X548" t="e">
            <v>#N/A</v>
          </cell>
          <cell r="Y548" t="e">
            <v>#N/A</v>
          </cell>
          <cell r="AD548" t="e">
            <v>#VALUE!</v>
          </cell>
          <cell r="AH548" t="str">
            <v/>
          </cell>
          <cell r="AP548">
            <v>3</v>
          </cell>
          <cell r="BD548" t="e">
            <v>#N/A</v>
          </cell>
          <cell r="BF548" t="e">
            <v>#N/A</v>
          </cell>
          <cell r="BG548" t="e">
            <v>#DIV/0!</v>
          </cell>
          <cell r="BJ548">
            <v>0</v>
          </cell>
          <cell r="BK548">
            <v>0</v>
          </cell>
          <cell r="BL548" t="str">
            <v/>
          </cell>
          <cell r="BO548" t="str">
            <v/>
          </cell>
          <cell r="BP548" t="e">
            <v>#N/A</v>
          </cell>
          <cell r="BQ548" t="e">
            <v>#N/A</v>
          </cell>
          <cell r="BS548" t="e">
            <v>#N/A</v>
          </cell>
          <cell r="BT548" t="e">
            <v>#N/A</v>
          </cell>
        </row>
        <row r="549">
          <cell r="I549">
            <v>1</v>
          </cell>
          <cell r="J549" t="str">
            <v>式</v>
          </cell>
          <cell r="K549" t="str">
            <v/>
          </cell>
          <cell r="L549">
            <v>0</v>
          </cell>
          <cell r="M549" t="e">
            <v>#N/A</v>
          </cell>
          <cell r="V549" t="e">
            <v>#N/A</v>
          </cell>
          <cell r="W549" t="str">
            <v xml:space="preserve"> </v>
          </cell>
          <cell r="X549" t="e">
            <v>#N/A</v>
          </cell>
          <cell r="Y549" t="e">
            <v>#N/A</v>
          </cell>
          <cell r="AD549" t="e">
            <v>#VALUE!</v>
          </cell>
          <cell r="AH549" t="str">
            <v/>
          </cell>
          <cell r="AP549">
            <v>3</v>
          </cell>
          <cell r="BD549" t="e">
            <v>#N/A</v>
          </cell>
          <cell r="BF549" t="e">
            <v>#N/A</v>
          </cell>
          <cell r="BG549" t="e">
            <v>#DIV/0!</v>
          </cell>
          <cell r="BJ549">
            <v>0</v>
          </cell>
          <cell r="BK549">
            <v>0</v>
          </cell>
          <cell r="BL549" t="str">
            <v/>
          </cell>
          <cell r="BO549" t="str">
            <v/>
          </cell>
          <cell r="BP549" t="e">
            <v>#N/A</v>
          </cell>
          <cell r="BQ549" t="e">
            <v>#N/A</v>
          </cell>
          <cell r="BS549" t="e">
            <v>#N/A</v>
          </cell>
          <cell r="BT549" t="e">
            <v>#N/A</v>
          </cell>
        </row>
        <row r="550">
          <cell r="I550">
            <v>1</v>
          </cell>
          <cell r="J550" t="str">
            <v>式</v>
          </cell>
          <cell r="K550" t="str">
            <v/>
          </cell>
          <cell r="L550">
            <v>0</v>
          </cell>
          <cell r="M550" t="e">
            <v>#N/A</v>
          </cell>
          <cell r="V550" t="e">
            <v>#N/A</v>
          </cell>
          <cell r="W550" t="str">
            <v xml:space="preserve"> </v>
          </cell>
          <cell r="X550" t="e">
            <v>#N/A</v>
          </cell>
          <cell r="Y550" t="e">
            <v>#N/A</v>
          </cell>
          <cell r="AD550" t="e">
            <v>#VALUE!</v>
          </cell>
          <cell r="AH550" t="str">
            <v/>
          </cell>
          <cell r="AP550">
            <v>3</v>
          </cell>
          <cell r="BD550" t="e">
            <v>#N/A</v>
          </cell>
          <cell r="BF550" t="e">
            <v>#N/A</v>
          </cell>
          <cell r="BG550" t="e">
            <v>#DIV/0!</v>
          </cell>
          <cell r="BJ550">
            <v>0</v>
          </cell>
          <cell r="BK550">
            <v>0</v>
          </cell>
          <cell r="BL550" t="str">
            <v/>
          </cell>
          <cell r="BO550" t="str">
            <v/>
          </cell>
          <cell r="BP550" t="e">
            <v>#N/A</v>
          </cell>
          <cell r="BQ550" t="e">
            <v>#N/A</v>
          </cell>
          <cell r="BS550" t="e">
            <v>#N/A</v>
          </cell>
          <cell r="BT550" t="e">
            <v>#N/A</v>
          </cell>
        </row>
        <row r="551">
          <cell r="I551">
            <v>1</v>
          </cell>
          <cell r="J551" t="str">
            <v>式</v>
          </cell>
          <cell r="K551" t="str">
            <v/>
          </cell>
          <cell r="L551">
            <v>0</v>
          </cell>
          <cell r="M551" t="e">
            <v>#N/A</v>
          </cell>
          <cell r="V551" t="e">
            <v>#N/A</v>
          </cell>
          <cell r="W551" t="str">
            <v xml:space="preserve"> </v>
          </cell>
          <cell r="X551" t="e">
            <v>#N/A</v>
          </cell>
          <cell r="Y551" t="e">
            <v>#N/A</v>
          </cell>
          <cell r="AD551" t="e">
            <v>#VALUE!</v>
          </cell>
          <cell r="AH551" t="str">
            <v/>
          </cell>
          <cell r="AP551">
            <v>3</v>
          </cell>
          <cell r="BD551" t="e">
            <v>#N/A</v>
          </cell>
          <cell r="BF551" t="e">
            <v>#N/A</v>
          </cell>
          <cell r="BG551" t="e">
            <v>#DIV/0!</v>
          </cell>
          <cell r="BJ551">
            <v>0</v>
          </cell>
          <cell r="BK551">
            <v>0</v>
          </cell>
          <cell r="BL551" t="str">
            <v/>
          </cell>
          <cell r="BO551" t="str">
            <v/>
          </cell>
          <cell r="BP551" t="e">
            <v>#N/A</v>
          </cell>
          <cell r="BQ551" t="e">
            <v>#N/A</v>
          </cell>
          <cell r="BS551" t="e">
            <v>#N/A</v>
          </cell>
          <cell r="BT551" t="e">
            <v>#N/A</v>
          </cell>
        </row>
        <row r="552">
          <cell r="I552">
            <v>1</v>
          </cell>
          <cell r="J552" t="str">
            <v>式</v>
          </cell>
          <cell r="K552" t="str">
            <v/>
          </cell>
          <cell r="L552">
            <v>0</v>
          </cell>
          <cell r="M552" t="e">
            <v>#N/A</v>
          </cell>
          <cell r="V552" t="e">
            <v>#N/A</v>
          </cell>
          <cell r="W552" t="str">
            <v xml:space="preserve"> </v>
          </cell>
          <cell r="X552" t="e">
            <v>#N/A</v>
          </cell>
          <cell r="Y552" t="e">
            <v>#N/A</v>
          </cell>
          <cell r="AD552" t="e">
            <v>#VALUE!</v>
          </cell>
          <cell r="AH552" t="str">
            <v/>
          </cell>
          <cell r="AP552">
            <v>3</v>
          </cell>
          <cell r="BD552" t="e">
            <v>#N/A</v>
          </cell>
          <cell r="BF552" t="e">
            <v>#N/A</v>
          </cell>
          <cell r="BG552" t="e">
            <v>#DIV/0!</v>
          </cell>
          <cell r="BJ552">
            <v>0</v>
          </cell>
          <cell r="BK552">
            <v>0</v>
          </cell>
          <cell r="BL552" t="str">
            <v/>
          </cell>
          <cell r="BO552" t="str">
            <v/>
          </cell>
          <cell r="BP552" t="e">
            <v>#N/A</v>
          </cell>
          <cell r="BQ552" t="e">
            <v>#N/A</v>
          </cell>
          <cell r="BS552" t="e">
            <v>#N/A</v>
          </cell>
          <cell r="BT552" t="e">
            <v>#N/A</v>
          </cell>
        </row>
        <row r="553">
          <cell r="I553">
            <v>1</v>
          </cell>
          <cell r="J553" t="str">
            <v>式</v>
          </cell>
          <cell r="K553" t="str">
            <v/>
          </cell>
          <cell r="L553">
            <v>0</v>
          </cell>
          <cell r="M553" t="e">
            <v>#N/A</v>
          </cell>
          <cell r="V553" t="e">
            <v>#N/A</v>
          </cell>
          <cell r="W553" t="str">
            <v xml:space="preserve"> </v>
          </cell>
          <cell r="X553" t="e">
            <v>#N/A</v>
          </cell>
          <cell r="Y553" t="e">
            <v>#N/A</v>
          </cell>
          <cell r="AD553" t="e">
            <v>#VALUE!</v>
          </cell>
          <cell r="AH553" t="str">
            <v/>
          </cell>
          <cell r="AP553">
            <v>3</v>
          </cell>
          <cell r="BD553" t="e">
            <v>#N/A</v>
          </cell>
          <cell r="BF553" t="e">
            <v>#N/A</v>
          </cell>
          <cell r="BG553" t="e">
            <v>#DIV/0!</v>
          </cell>
          <cell r="BJ553">
            <v>0</v>
          </cell>
          <cell r="BK553">
            <v>0</v>
          </cell>
          <cell r="BL553" t="str">
            <v/>
          </cell>
          <cell r="BO553" t="str">
            <v/>
          </cell>
          <cell r="BP553" t="e">
            <v>#N/A</v>
          </cell>
          <cell r="BQ553" t="e">
            <v>#N/A</v>
          </cell>
          <cell r="BS553" t="e">
            <v>#N/A</v>
          </cell>
          <cell r="BT553" t="e">
            <v>#N/A</v>
          </cell>
        </row>
        <row r="554">
          <cell r="I554">
            <v>1</v>
          </cell>
          <cell r="J554" t="str">
            <v>式</v>
          </cell>
          <cell r="K554" t="str">
            <v/>
          </cell>
          <cell r="L554">
            <v>0</v>
          </cell>
          <cell r="M554" t="e">
            <v>#N/A</v>
          </cell>
          <cell r="V554" t="e">
            <v>#N/A</v>
          </cell>
          <cell r="W554" t="str">
            <v xml:space="preserve"> </v>
          </cell>
          <cell r="X554" t="e">
            <v>#N/A</v>
          </cell>
          <cell r="Y554" t="e">
            <v>#N/A</v>
          </cell>
          <cell r="AD554" t="e">
            <v>#VALUE!</v>
          </cell>
          <cell r="AH554" t="str">
            <v/>
          </cell>
          <cell r="AP554">
            <v>3</v>
          </cell>
          <cell r="BD554" t="e">
            <v>#N/A</v>
          </cell>
          <cell r="BF554" t="e">
            <v>#N/A</v>
          </cell>
          <cell r="BG554" t="e">
            <v>#DIV/0!</v>
          </cell>
          <cell r="BJ554">
            <v>0</v>
          </cell>
          <cell r="BK554">
            <v>0</v>
          </cell>
          <cell r="BL554" t="str">
            <v/>
          </cell>
          <cell r="BO554" t="str">
            <v/>
          </cell>
          <cell r="BP554" t="e">
            <v>#N/A</v>
          </cell>
          <cell r="BQ554" t="e">
            <v>#N/A</v>
          </cell>
          <cell r="BS554" t="e">
            <v>#N/A</v>
          </cell>
          <cell r="BT554" t="e">
            <v>#N/A</v>
          </cell>
        </row>
        <row r="555">
          <cell r="I555">
            <v>1</v>
          </cell>
          <cell r="J555" t="str">
            <v>式</v>
          </cell>
          <cell r="K555" t="str">
            <v/>
          </cell>
          <cell r="L555">
            <v>0</v>
          </cell>
          <cell r="M555" t="e">
            <v>#N/A</v>
          </cell>
          <cell r="V555" t="e">
            <v>#N/A</v>
          </cell>
          <cell r="W555" t="str">
            <v xml:space="preserve"> </v>
          </cell>
          <cell r="X555" t="e">
            <v>#N/A</v>
          </cell>
          <cell r="Y555" t="e">
            <v>#N/A</v>
          </cell>
          <cell r="AD555" t="e">
            <v>#VALUE!</v>
          </cell>
          <cell r="AH555" t="str">
            <v/>
          </cell>
          <cell r="AP555">
            <v>3</v>
          </cell>
          <cell r="BD555" t="e">
            <v>#N/A</v>
          </cell>
          <cell r="BF555" t="e">
            <v>#N/A</v>
          </cell>
          <cell r="BG555" t="e">
            <v>#DIV/0!</v>
          </cell>
          <cell r="BJ555">
            <v>0</v>
          </cell>
          <cell r="BK555">
            <v>0</v>
          </cell>
          <cell r="BL555" t="str">
            <v/>
          </cell>
          <cell r="BO555" t="str">
            <v/>
          </cell>
          <cell r="BP555" t="e">
            <v>#N/A</v>
          </cell>
          <cell r="BQ555" t="e">
            <v>#N/A</v>
          </cell>
          <cell r="BS555" t="e">
            <v>#N/A</v>
          </cell>
          <cell r="BT555" t="e">
            <v>#N/A</v>
          </cell>
        </row>
        <row r="556">
          <cell r="I556">
            <v>1</v>
          </cell>
          <cell r="J556" t="str">
            <v>式</v>
          </cell>
          <cell r="K556" t="str">
            <v/>
          </cell>
          <cell r="L556">
            <v>0</v>
          </cell>
          <cell r="M556" t="e">
            <v>#N/A</v>
          </cell>
          <cell r="V556" t="e">
            <v>#N/A</v>
          </cell>
          <cell r="W556" t="str">
            <v xml:space="preserve"> </v>
          </cell>
          <cell r="X556" t="e">
            <v>#N/A</v>
          </cell>
          <cell r="Y556" t="e">
            <v>#N/A</v>
          </cell>
          <cell r="AD556" t="e">
            <v>#VALUE!</v>
          </cell>
          <cell r="AH556" t="str">
            <v/>
          </cell>
          <cell r="AP556">
            <v>3</v>
          </cell>
          <cell r="BD556" t="e">
            <v>#N/A</v>
          </cell>
          <cell r="BF556" t="e">
            <v>#N/A</v>
          </cell>
          <cell r="BG556" t="e">
            <v>#DIV/0!</v>
          </cell>
          <cell r="BJ556">
            <v>0</v>
          </cell>
          <cell r="BK556">
            <v>0</v>
          </cell>
          <cell r="BL556" t="str">
            <v/>
          </cell>
          <cell r="BO556" t="str">
            <v/>
          </cell>
          <cell r="BP556" t="e">
            <v>#N/A</v>
          </cell>
          <cell r="BQ556" t="e">
            <v>#N/A</v>
          </cell>
          <cell r="BS556" t="e">
            <v>#N/A</v>
          </cell>
          <cell r="BT556" t="e">
            <v>#N/A</v>
          </cell>
        </row>
        <row r="557">
          <cell r="I557">
            <v>1</v>
          </cell>
          <cell r="J557" t="str">
            <v>式</v>
          </cell>
          <cell r="K557" t="str">
            <v/>
          </cell>
          <cell r="L557">
            <v>0</v>
          </cell>
          <cell r="M557" t="e">
            <v>#N/A</v>
          </cell>
          <cell r="V557" t="e">
            <v>#N/A</v>
          </cell>
          <cell r="W557" t="str">
            <v xml:space="preserve"> </v>
          </cell>
          <cell r="X557" t="e">
            <v>#N/A</v>
          </cell>
          <cell r="Y557" t="e">
            <v>#N/A</v>
          </cell>
          <cell r="AD557" t="e">
            <v>#VALUE!</v>
          </cell>
          <cell r="AH557" t="str">
            <v/>
          </cell>
          <cell r="AP557">
            <v>3</v>
          </cell>
          <cell r="BD557" t="e">
            <v>#N/A</v>
          </cell>
          <cell r="BF557" t="e">
            <v>#N/A</v>
          </cell>
          <cell r="BG557" t="e">
            <v>#DIV/0!</v>
          </cell>
          <cell r="BJ557">
            <v>0</v>
          </cell>
          <cell r="BK557">
            <v>0</v>
          </cell>
          <cell r="BL557" t="str">
            <v/>
          </cell>
          <cell r="BO557" t="str">
            <v/>
          </cell>
          <cell r="BP557" t="e">
            <v>#N/A</v>
          </cell>
          <cell r="BQ557" t="e">
            <v>#N/A</v>
          </cell>
          <cell r="BS557" t="e">
            <v>#N/A</v>
          </cell>
          <cell r="BT557" t="e">
            <v>#N/A</v>
          </cell>
        </row>
        <row r="558">
          <cell r="I558">
            <v>1</v>
          </cell>
          <cell r="J558" t="str">
            <v>式</v>
          </cell>
          <cell r="K558" t="str">
            <v/>
          </cell>
          <cell r="L558">
            <v>0</v>
          </cell>
          <cell r="M558" t="e">
            <v>#N/A</v>
          </cell>
          <cell r="V558" t="e">
            <v>#N/A</v>
          </cell>
          <cell r="W558" t="str">
            <v xml:space="preserve"> </v>
          </cell>
          <cell r="X558" t="e">
            <v>#N/A</v>
          </cell>
          <cell r="Y558" t="e">
            <v>#N/A</v>
          </cell>
          <cell r="AD558" t="e">
            <v>#VALUE!</v>
          </cell>
          <cell r="AH558" t="str">
            <v/>
          </cell>
          <cell r="AP558">
            <v>3</v>
          </cell>
          <cell r="BD558" t="e">
            <v>#N/A</v>
          </cell>
          <cell r="BF558" t="e">
            <v>#N/A</v>
          </cell>
          <cell r="BG558" t="e">
            <v>#DIV/0!</v>
          </cell>
          <cell r="BJ558">
            <v>0</v>
          </cell>
          <cell r="BK558">
            <v>0</v>
          </cell>
          <cell r="BL558" t="str">
            <v/>
          </cell>
          <cell r="BO558" t="str">
            <v/>
          </cell>
          <cell r="BP558" t="e">
            <v>#N/A</v>
          </cell>
          <cell r="BQ558" t="e">
            <v>#N/A</v>
          </cell>
          <cell r="BS558" t="e">
            <v>#N/A</v>
          </cell>
          <cell r="BT558" t="e">
            <v>#N/A</v>
          </cell>
        </row>
        <row r="559">
          <cell r="I559">
            <v>1</v>
          </cell>
          <cell r="J559" t="str">
            <v>式</v>
          </cell>
          <cell r="K559" t="str">
            <v/>
          </cell>
          <cell r="L559">
            <v>0</v>
          </cell>
          <cell r="M559" t="e">
            <v>#N/A</v>
          </cell>
          <cell r="V559" t="e">
            <v>#N/A</v>
          </cell>
          <cell r="W559" t="str">
            <v xml:space="preserve"> </v>
          </cell>
          <cell r="X559" t="e">
            <v>#N/A</v>
          </cell>
          <cell r="Y559" t="e">
            <v>#N/A</v>
          </cell>
          <cell r="AD559" t="e">
            <v>#VALUE!</v>
          </cell>
          <cell r="AH559" t="str">
            <v/>
          </cell>
          <cell r="AP559">
            <v>3</v>
          </cell>
          <cell r="BD559" t="e">
            <v>#N/A</v>
          </cell>
          <cell r="BF559" t="e">
            <v>#N/A</v>
          </cell>
          <cell r="BG559" t="e">
            <v>#DIV/0!</v>
          </cell>
          <cell r="BJ559">
            <v>0</v>
          </cell>
          <cell r="BK559">
            <v>0</v>
          </cell>
          <cell r="BL559" t="str">
            <v/>
          </cell>
          <cell r="BO559" t="str">
            <v/>
          </cell>
          <cell r="BP559" t="e">
            <v>#N/A</v>
          </cell>
          <cell r="BQ559" t="e">
            <v>#N/A</v>
          </cell>
          <cell r="BS559" t="e">
            <v>#N/A</v>
          </cell>
          <cell r="BT559" t="e">
            <v>#N/A</v>
          </cell>
        </row>
        <row r="560">
          <cell r="I560">
            <v>1</v>
          </cell>
          <cell r="J560" t="str">
            <v>式</v>
          </cell>
          <cell r="K560" t="str">
            <v/>
          </cell>
          <cell r="L560">
            <v>0</v>
          </cell>
          <cell r="M560" t="e">
            <v>#N/A</v>
          </cell>
          <cell r="V560" t="e">
            <v>#N/A</v>
          </cell>
          <cell r="W560" t="str">
            <v xml:space="preserve"> </v>
          </cell>
          <cell r="X560" t="e">
            <v>#N/A</v>
          </cell>
          <cell r="Y560" t="e">
            <v>#N/A</v>
          </cell>
          <cell r="AD560" t="e">
            <v>#VALUE!</v>
          </cell>
          <cell r="AH560" t="str">
            <v/>
          </cell>
          <cell r="AP560">
            <v>3</v>
          </cell>
          <cell r="BD560" t="e">
            <v>#N/A</v>
          </cell>
          <cell r="BF560" t="e">
            <v>#N/A</v>
          </cell>
          <cell r="BG560" t="e">
            <v>#DIV/0!</v>
          </cell>
          <cell r="BJ560">
            <v>0</v>
          </cell>
          <cell r="BK560">
            <v>0</v>
          </cell>
          <cell r="BL560" t="str">
            <v/>
          </cell>
          <cell r="BO560" t="str">
            <v/>
          </cell>
          <cell r="BP560" t="e">
            <v>#N/A</v>
          </cell>
          <cell r="BQ560" t="e">
            <v>#N/A</v>
          </cell>
          <cell r="BS560" t="e">
            <v>#N/A</v>
          </cell>
          <cell r="BT560" t="e">
            <v>#N/A</v>
          </cell>
        </row>
        <row r="561">
          <cell r="I561">
            <v>1</v>
          </cell>
          <cell r="J561" t="str">
            <v>式</v>
          </cell>
          <cell r="K561" t="str">
            <v/>
          </cell>
          <cell r="L561">
            <v>0</v>
          </cell>
          <cell r="M561" t="e">
            <v>#N/A</v>
          </cell>
          <cell r="V561" t="e">
            <v>#N/A</v>
          </cell>
          <cell r="W561" t="str">
            <v xml:space="preserve"> </v>
          </cell>
          <cell r="X561" t="e">
            <v>#N/A</v>
          </cell>
          <cell r="Y561" t="e">
            <v>#N/A</v>
          </cell>
          <cell r="AD561" t="e">
            <v>#VALUE!</v>
          </cell>
          <cell r="AH561" t="str">
            <v/>
          </cell>
          <cell r="AP561">
            <v>3</v>
          </cell>
          <cell r="BD561" t="e">
            <v>#N/A</v>
          </cell>
          <cell r="BF561" t="e">
            <v>#N/A</v>
          </cell>
          <cell r="BG561" t="e">
            <v>#DIV/0!</v>
          </cell>
          <cell r="BJ561">
            <v>0</v>
          </cell>
          <cell r="BK561">
            <v>0</v>
          </cell>
          <cell r="BL561" t="str">
            <v/>
          </cell>
          <cell r="BO561" t="str">
            <v/>
          </cell>
          <cell r="BP561" t="e">
            <v>#N/A</v>
          </cell>
          <cell r="BQ561" t="e">
            <v>#N/A</v>
          </cell>
          <cell r="BS561" t="e">
            <v>#N/A</v>
          </cell>
          <cell r="BT561" t="e">
            <v>#N/A</v>
          </cell>
        </row>
        <row r="562">
          <cell r="I562">
            <v>1</v>
          </cell>
          <cell r="J562" t="str">
            <v>式</v>
          </cell>
          <cell r="K562" t="str">
            <v/>
          </cell>
          <cell r="L562">
            <v>0</v>
          </cell>
          <cell r="M562" t="e">
            <v>#N/A</v>
          </cell>
          <cell r="V562" t="e">
            <v>#N/A</v>
          </cell>
          <cell r="W562" t="str">
            <v xml:space="preserve"> </v>
          </cell>
          <cell r="X562" t="e">
            <v>#N/A</v>
          </cell>
          <cell r="Y562" t="e">
            <v>#N/A</v>
          </cell>
          <cell r="AD562" t="e">
            <v>#VALUE!</v>
          </cell>
          <cell r="AH562" t="str">
            <v/>
          </cell>
          <cell r="AP562">
            <v>3</v>
          </cell>
          <cell r="BD562" t="e">
            <v>#N/A</v>
          </cell>
          <cell r="BF562" t="e">
            <v>#N/A</v>
          </cell>
          <cell r="BG562" t="e">
            <v>#DIV/0!</v>
          </cell>
          <cell r="BJ562">
            <v>0</v>
          </cell>
          <cell r="BK562">
            <v>0</v>
          </cell>
          <cell r="BL562" t="str">
            <v/>
          </cell>
          <cell r="BO562" t="str">
            <v/>
          </cell>
          <cell r="BP562" t="e">
            <v>#N/A</v>
          </cell>
          <cell r="BQ562" t="e">
            <v>#N/A</v>
          </cell>
          <cell r="BS562" t="e">
            <v>#N/A</v>
          </cell>
          <cell r="BT562" t="e">
            <v>#N/A</v>
          </cell>
        </row>
        <row r="563">
          <cell r="I563">
            <v>1</v>
          </cell>
          <cell r="J563" t="str">
            <v>式</v>
          </cell>
          <cell r="K563" t="str">
            <v/>
          </cell>
          <cell r="L563">
            <v>0</v>
          </cell>
          <cell r="M563" t="e">
            <v>#N/A</v>
          </cell>
          <cell r="V563" t="e">
            <v>#N/A</v>
          </cell>
          <cell r="W563" t="str">
            <v xml:space="preserve"> </v>
          </cell>
          <cell r="X563" t="e">
            <v>#N/A</v>
          </cell>
          <cell r="Y563" t="e">
            <v>#N/A</v>
          </cell>
          <cell r="AD563" t="e">
            <v>#VALUE!</v>
          </cell>
          <cell r="AH563" t="str">
            <v/>
          </cell>
          <cell r="AP563">
            <v>3</v>
          </cell>
          <cell r="BD563" t="e">
            <v>#N/A</v>
          </cell>
          <cell r="BF563" t="e">
            <v>#N/A</v>
          </cell>
          <cell r="BG563" t="e">
            <v>#DIV/0!</v>
          </cell>
          <cell r="BJ563">
            <v>0</v>
          </cell>
          <cell r="BK563">
            <v>0</v>
          </cell>
          <cell r="BL563" t="str">
            <v/>
          </cell>
          <cell r="BO563" t="str">
            <v/>
          </cell>
          <cell r="BP563" t="e">
            <v>#N/A</v>
          </cell>
          <cell r="BQ563" t="e">
            <v>#N/A</v>
          </cell>
          <cell r="BS563" t="e">
            <v>#N/A</v>
          </cell>
          <cell r="BT563" t="e">
            <v>#N/A</v>
          </cell>
        </row>
        <row r="564">
          <cell r="I564">
            <v>1</v>
          </cell>
          <cell r="J564" t="str">
            <v>式</v>
          </cell>
          <cell r="K564" t="str">
            <v/>
          </cell>
          <cell r="L564">
            <v>0</v>
          </cell>
          <cell r="M564" t="e">
            <v>#N/A</v>
          </cell>
          <cell r="V564" t="e">
            <v>#N/A</v>
          </cell>
          <cell r="W564" t="str">
            <v xml:space="preserve"> </v>
          </cell>
          <cell r="X564" t="e">
            <v>#N/A</v>
          </cell>
          <cell r="Y564" t="e">
            <v>#N/A</v>
          </cell>
          <cell r="AD564" t="e">
            <v>#VALUE!</v>
          </cell>
          <cell r="AH564" t="str">
            <v/>
          </cell>
          <cell r="AP564">
            <v>3</v>
          </cell>
          <cell r="BD564" t="e">
            <v>#N/A</v>
          </cell>
          <cell r="BF564" t="e">
            <v>#N/A</v>
          </cell>
          <cell r="BG564" t="e">
            <v>#DIV/0!</v>
          </cell>
          <cell r="BJ564">
            <v>0</v>
          </cell>
          <cell r="BK564">
            <v>0</v>
          </cell>
          <cell r="BL564" t="str">
            <v/>
          </cell>
          <cell r="BO564" t="str">
            <v/>
          </cell>
          <cell r="BP564" t="e">
            <v>#N/A</v>
          </cell>
          <cell r="BQ564" t="e">
            <v>#N/A</v>
          </cell>
          <cell r="BS564" t="e">
            <v>#N/A</v>
          </cell>
          <cell r="BT564" t="e">
            <v>#N/A</v>
          </cell>
        </row>
        <row r="565">
          <cell r="I565">
            <v>1</v>
          </cell>
          <cell r="J565" t="str">
            <v>式</v>
          </cell>
          <cell r="K565" t="str">
            <v/>
          </cell>
          <cell r="L565">
            <v>0</v>
          </cell>
          <cell r="M565" t="e">
            <v>#N/A</v>
          </cell>
          <cell r="V565" t="e">
            <v>#N/A</v>
          </cell>
          <cell r="W565" t="str">
            <v xml:space="preserve"> </v>
          </cell>
          <cell r="X565" t="e">
            <v>#N/A</v>
          </cell>
          <cell r="Y565" t="e">
            <v>#N/A</v>
          </cell>
          <cell r="AD565" t="e">
            <v>#VALUE!</v>
          </cell>
          <cell r="AH565" t="str">
            <v/>
          </cell>
          <cell r="AP565">
            <v>3</v>
          </cell>
          <cell r="BD565" t="e">
            <v>#N/A</v>
          </cell>
          <cell r="BF565" t="e">
            <v>#N/A</v>
          </cell>
          <cell r="BG565" t="e">
            <v>#DIV/0!</v>
          </cell>
          <cell r="BJ565">
            <v>0</v>
          </cell>
          <cell r="BK565">
            <v>0</v>
          </cell>
          <cell r="BL565" t="str">
            <v/>
          </cell>
          <cell r="BO565" t="str">
            <v/>
          </cell>
          <cell r="BP565" t="e">
            <v>#N/A</v>
          </cell>
          <cell r="BQ565" t="e">
            <v>#N/A</v>
          </cell>
          <cell r="BS565" t="e">
            <v>#N/A</v>
          </cell>
          <cell r="BT565" t="e">
            <v>#N/A</v>
          </cell>
        </row>
        <row r="566">
          <cell r="I566">
            <v>1</v>
          </cell>
          <cell r="J566" t="str">
            <v>式</v>
          </cell>
          <cell r="K566" t="str">
            <v/>
          </cell>
          <cell r="L566">
            <v>0</v>
          </cell>
          <cell r="M566" t="e">
            <v>#N/A</v>
          </cell>
          <cell r="V566" t="e">
            <v>#N/A</v>
          </cell>
          <cell r="W566" t="str">
            <v xml:space="preserve"> </v>
          </cell>
          <cell r="X566" t="e">
            <v>#N/A</v>
          </cell>
          <cell r="Y566" t="e">
            <v>#N/A</v>
          </cell>
          <cell r="AD566" t="e">
            <v>#VALUE!</v>
          </cell>
          <cell r="AH566" t="str">
            <v/>
          </cell>
          <cell r="AP566">
            <v>3</v>
          </cell>
          <cell r="BD566" t="e">
            <v>#N/A</v>
          </cell>
          <cell r="BF566" t="e">
            <v>#N/A</v>
          </cell>
          <cell r="BG566" t="e">
            <v>#DIV/0!</v>
          </cell>
          <cell r="BJ566">
            <v>0</v>
          </cell>
          <cell r="BK566">
            <v>0</v>
          </cell>
          <cell r="BL566" t="str">
            <v/>
          </cell>
          <cell r="BO566" t="str">
            <v/>
          </cell>
          <cell r="BP566" t="e">
            <v>#N/A</v>
          </cell>
          <cell r="BQ566" t="e">
            <v>#N/A</v>
          </cell>
          <cell r="BS566" t="e">
            <v>#N/A</v>
          </cell>
          <cell r="BT566" t="e">
            <v>#N/A</v>
          </cell>
        </row>
        <row r="567">
          <cell r="I567">
            <v>1</v>
          </cell>
          <cell r="J567" t="str">
            <v>式</v>
          </cell>
          <cell r="K567" t="str">
            <v/>
          </cell>
          <cell r="L567">
            <v>0</v>
          </cell>
          <cell r="M567" t="e">
            <v>#N/A</v>
          </cell>
          <cell r="V567" t="e">
            <v>#N/A</v>
          </cell>
          <cell r="W567" t="str">
            <v xml:space="preserve"> </v>
          </cell>
          <cell r="X567" t="e">
            <v>#N/A</v>
          </cell>
          <cell r="Y567" t="e">
            <v>#N/A</v>
          </cell>
          <cell r="AD567" t="e">
            <v>#VALUE!</v>
          </cell>
          <cell r="AH567" t="str">
            <v/>
          </cell>
          <cell r="AP567">
            <v>3</v>
          </cell>
          <cell r="BD567" t="e">
            <v>#N/A</v>
          </cell>
          <cell r="BF567" t="e">
            <v>#N/A</v>
          </cell>
          <cell r="BG567" t="e">
            <v>#DIV/0!</v>
          </cell>
          <cell r="BJ567">
            <v>0</v>
          </cell>
          <cell r="BK567">
            <v>0</v>
          </cell>
          <cell r="BL567" t="str">
            <v/>
          </cell>
          <cell r="BO567" t="str">
            <v/>
          </cell>
          <cell r="BP567" t="e">
            <v>#N/A</v>
          </cell>
          <cell r="BQ567" t="e">
            <v>#N/A</v>
          </cell>
          <cell r="BS567" t="e">
            <v>#N/A</v>
          </cell>
          <cell r="BT567" t="e">
            <v>#N/A</v>
          </cell>
        </row>
        <row r="568">
          <cell r="I568">
            <v>1</v>
          </cell>
          <cell r="J568" t="str">
            <v>式</v>
          </cell>
          <cell r="K568" t="str">
            <v/>
          </cell>
          <cell r="L568">
            <v>0</v>
          </cell>
          <cell r="M568" t="e">
            <v>#N/A</v>
          </cell>
          <cell r="V568" t="e">
            <v>#N/A</v>
          </cell>
          <cell r="W568" t="str">
            <v xml:space="preserve"> </v>
          </cell>
          <cell r="X568" t="e">
            <v>#N/A</v>
          </cell>
          <cell r="Y568" t="e">
            <v>#N/A</v>
          </cell>
          <cell r="AD568" t="e">
            <v>#VALUE!</v>
          </cell>
          <cell r="AH568" t="str">
            <v/>
          </cell>
          <cell r="AP568">
            <v>3</v>
          </cell>
          <cell r="BD568" t="e">
            <v>#N/A</v>
          </cell>
          <cell r="BF568" t="e">
            <v>#N/A</v>
          </cell>
          <cell r="BG568" t="e">
            <v>#DIV/0!</v>
          </cell>
          <cell r="BJ568">
            <v>0</v>
          </cell>
          <cell r="BK568">
            <v>0</v>
          </cell>
          <cell r="BL568" t="str">
            <v/>
          </cell>
          <cell r="BO568" t="str">
            <v/>
          </cell>
          <cell r="BP568" t="e">
            <v>#N/A</v>
          </cell>
          <cell r="BQ568" t="e">
            <v>#N/A</v>
          </cell>
          <cell r="BS568" t="e">
            <v>#N/A</v>
          </cell>
          <cell r="BT568" t="e">
            <v>#N/A</v>
          </cell>
        </row>
        <row r="569">
          <cell r="I569">
            <v>1</v>
          </cell>
          <cell r="J569" t="str">
            <v>式</v>
          </cell>
          <cell r="K569" t="str">
            <v/>
          </cell>
          <cell r="L569">
            <v>0</v>
          </cell>
          <cell r="M569" t="e">
            <v>#N/A</v>
          </cell>
          <cell r="V569" t="e">
            <v>#N/A</v>
          </cell>
          <cell r="W569" t="str">
            <v xml:space="preserve"> </v>
          </cell>
          <cell r="X569" t="e">
            <v>#N/A</v>
          </cell>
          <cell r="Y569" t="e">
            <v>#N/A</v>
          </cell>
          <cell r="AD569" t="e">
            <v>#VALUE!</v>
          </cell>
          <cell r="AH569" t="str">
            <v/>
          </cell>
          <cell r="AP569">
            <v>3</v>
          </cell>
          <cell r="BD569" t="e">
            <v>#N/A</v>
          </cell>
          <cell r="BF569" t="e">
            <v>#N/A</v>
          </cell>
          <cell r="BG569" t="e">
            <v>#DIV/0!</v>
          </cell>
          <cell r="BJ569">
            <v>0</v>
          </cell>
          <cell r="BK569">
            <v>0</v>
          </cell>
          <cell r="BL569" t="str">
            <v/>
          </cell>
          <cell r="BO569" t="str">
            <v/>
          </cell>
          <cell r="BP569" t="e">
            <v>#N/A</v>
          </cell>
          <cell r="BQ569" t="e">
            <v>#N/A</v>
          </cell>
          <cell r="BS569" t="e">
            <v>#N/A</v>
          </cell>
          <cell r="BT569" t="e">
            <v>#N/A</v>
          </cell>
        </row>
        <row r="570">
          <cell r="I570">
            <v>1</v>
          </cell>
          <cell r="J570" t="str">
            <v>式</v>
          </cell>
          <cell r="K570" t="str">
            <v/>
          </cell>
          <cell r="L570">
            <v>0</v>
          </cell>
          <cell r="M570" t="e">
            <v>#N/A</v>
          </cell>
          <cell r="V570" t="e">
            <v>#N/A</v>
          </cell>
          <cell r="W570" t="str">
            <v xml:space="preserve"> </v>
          </cell>
          <cell r="X570" t="e">
            <v>#N/A</v>
          </cell>
          <cell r="Y570" t="e">
            <v>#N/A</v>
          </cell>
          <cell r="AD570" t="e">
            <v>#VALUE!</v>
          </cell>
          <cell r="AH570" t="str">
            <v/>
          </cell>
          <cell r="AP570">
            <v>3</v>
          </cell>
          <cell r="BD570" t="e">
            <v>#N/A</v>
          </cell>
          <cell r="BF570" t="e">
            <v>#N/A</v>
          </cell>
          <cell r="BG570" t="e">
            <v>#DIV/0!</v>
          </cell>
          <cell r="BJ570">
            <v>0</v>
          </cell>
          <cell r="BK570">
            <v>0</v>
          </cell>
          <cell r="BL570" t="str">
            <v/>
          </cell>
          <cell r="BO570" t="str">
            <v/>
          </cell>
          <cell r="BP570" t="e">
            <v>#N/A</v>
          </cell>
          <cell r="BQ570" t="e">
            <v>#N/A</v>
          </cell>
          <cell r="BS570" t="e">
            <v>#N/A</v>
          </cell>
          <cell r="BT570" t="e">
            <v>#N/A</v>
          </cell>
        </row>
        <row r="571">
          <cell r="I571">
            <v>1</v>
          </cell>
          <cell r="J571" t="str">
            <v>式</v>
          </cell>
          <cell r="K571" t="str">
            <v/>
          </cell>
          <cell r="L571">
            <v>0</v>
          </cell>
          <cell r="M571" t="e">
            <v>#N/A</v>
          </cell>
          <cell r="V571" t="e">
            <v>#N/A</v>
          </cell>
          <cell r="W571" t="str">
            <v xml:space="preserve"> </v>
          </cell>
          <cell r="X571" t="e">
            <v>#N/A</v>
          </cell>
          <cell r="Y571" t="e">
            <v>#N/A</v>
          </cell>
          <cell r="AD571" t="e">
            <v>#VALUE!</v>
          </cell>
          <cell r="AH571" t="str">
            <v/>
          </cell>
          <cell r="AP571">
            <v>3</v>
          </cell>
          <cell r="BD571" t="e">
            <v>#N/A</v>
          </cell>
          <cell r="BF571" t="e">
            <v>#N/A</v>
          </cell>
          <cell r="BG571" t="e">
            <v>#DIV/0!</v>
          </cell>
          <cell r="BJ571">
            <v>0</v>
          </cell>
          <cell r="BK571">
            <v>0</v>
          </cell>
          <cell r="BL571" t="str">
            <v/>
          </cell>
          <cell r="BO571" t="str">
            <v/>
          </cell>
          <cell r="BP571" t="e">
            <v>#N/A</v>
          </cell>
          <cell r="BQ571" t="e">
            <v>#N/A</v>
          </cell>
          <cell r="BS571" t="e">
            <v>#N/A</v>
          </cell>
          <cell r="BT571" t="e">
            <v>#N/A</v>
          </cell>
        </row>
        <row r="572">
          <cell r="I572">
            <v>1</v>
          </cell>
          <cell r="J572" t="str">
            <v>式</v>
          </cell>
          <cell r="K572" t="str">
            <v/>
          </cell>
          <cell r="L572">
            <v>0</v>
          </cell>
          <cell r="M572" t="e">
            <v>#N/A</v>
          </cell>
          <cell r="V572" t="e">
            <v>#N/A</v>
          </cell>
          <cell r="W572" t="str">
            <v xml:space="preserve"> </v>
          </cell>
          <cell r="X572" t="e">
            <v>#N/A</v>
          </cell>
          <cell r="Y572" t="e">
            <v>#N/A</v>
          </cell>
          <cell r="AD572" t="e">
            <v>#VALUE!</v>
          </cell>
          <cell r="AH572" t="str">
            <v/>
          </cell>
          <cell r="AP572">
            <v>3</v>
          </cell>
          <cell r="BD572" t="e">
            <v>#N/A</v>
          </cell>
          <cell r="BF572" t="e">
            <v>#N/A</v>
          </cell>
          <cell r="BG572" t="e">
            <v>#DIV/0!</v>
          </cell>
          <cell r="BJ572">
            <v>0</v>
          </cell>
          <cell r="BK572">
            <v>0</v>
          </cell>
          <cell r="BL572" t="str">
            <v/>
          </cell>
          <cell r="BO572" t="str">
            <v/>
          </cell>
          <cell r="BP572" t="e">
            <v>#N/A</v>
          </cell>
          <cell r="BQ572" t="e">
            <v>#N/A</v>
          </cell>
          <cell r="BS572" t="e">
            <v>#N/A</v>
          </cell>
          <cell r="BT572" t="e">
            <v>#N/A</v>
          </cell>
        </row>
        <row r="573">
          <cell r="I573">
            <v>1</v>
          </cell>
          <cell r="J573" t="str">
            <v>式</v>
          </cell>
          <cell r="K573" t="str">
            <v/>
          </cell>
          <cell r="L573">
            <v>0</v>
          </cell>
          <cell r="M573" t="e">
            <v>#N/A</v>
          </cell>
          <cell r="V573" t="e">
            <v>#N/A</v>
          </cell>
          <cell r="W573" t="str">
            <v xml:space="preserve"> </v>
          </cell>
          <cell r="X573" t="e">
            <v>#N/A</v>
          </cell>
          <cell r="Y573" t="e">
            <v>#N/A</v>
          </cell>
          <cell r="AD573" t="e">
            <v>#VALUE!</v>
          </cell>
          <cell r="AH573" t="str">
            <v/>
          </cell>
          <cell r="AP573">
            <v>3</v>
          </cell>
          <cell r="BD573" t="e">
            <v>#N/A</v>
          </cell>
          <cell r="BF573" t="e">
            <v>#N/A</v>
          </cell>
          <cell r="BG573" t="e">
            <v>#DIV/0!</v>
          </cell>
          <cell r="BJ573">
            <v>0</v>
          </cell>
          <cell r="BK573">
            <v>0</v>
          </cell>
          <cell r="BL573" t="str">
            <v/>
          </cell>
          <cell r="BO573" t="str">
            <v/>
          </cell>
          <cell r="BP573" t="e">
            <v>#N/A</v>
          </cell>
          <cell r="BQ573" t="e">
            <v>#N/A</v>
          </cell>
          <cell r="BS573" t="e">
            <v>#N/A</v>
          </cell>
          <cell r="BT573" t="e">
            <v>#N/A</v>
          </cell>
        </row>
        <row r="574">
          <cell r="I574">
            <v>1</v>
          </cell>
          <cell r="J574" t="str">
            <v>式</v>
          </cell>
          <cell r="K574" t="str">
            <v/>
          </cell>
          <cell r="L574">
            <v>0</v>
          </cell>
          <cell r="M574" t="e">
            <v>#N/A</v>
          </cell>
          <cell r="V574" t="e">
            <v>#N/A</v>
          </cell>
          <cell r="W574" t="str">
            <v xml:space="preserve"> </v>
          </cell>
          <cell r="X574" t="e">
            <v>#N/A</v>
          </cell>
          <cell r="Y574" t="e">
            <v>#N/A</v>
          </cell>
          <cell r="AD574" t="e">
            <v>#VALUE!</v>
          </cell>
          <cell r="AH574" t="str">
            <v/>
          </cell>
          <cell r="AP574">
            <v>3</v>
          </cell>
          <cell r="BD574" t="e">
            <v>#N/A</v>
          </cell>
          <cell r="BF574" t="e">
            <v>#N/A</v>
          </cell>
          <cell r="BG574" t="e">
            <v>#DIV/0!</v>
          </cell>
          <cell r="BJ574">
            <v>0</v>
          </cell>
          <cell r="BK574">
            <v>0</v>
          </cell>
          <cell r="BL574" t="str">
            <v/>
          </cell>
          <cell r="BO574" t="str">
            <v/>
          </cell>
          <cell r="BP574" t="e">
            <v>#N/A</v>
          </cell>
          <cell r="BQ574" t="e">
            <v>#N/A</v>
          </cell>
          <cell r="BS574" t="e">
            <v>#N/A</v>
          </cell>
          <cell r="BT574" t="e">
            <v>#N/A</v>
          </cell>
        </row>
        <row r="575">
          <cell r="I575">
            <v>1</v>
          </cell>
          <cell r="J575" t="str">
            <v>式</v>
          </cell>
          <cell r="K575" t="str">
            <v/>
          </cell>
          <cell r="L575">
            <v>0</v>
          </cell>
          <cell r="M575" t="e">
            <v>#N/A</v>
          </cell>
          <cell r="V575" t="e">
            <v>#N/A</v>
          </cell>
          <cell r="W575" t="str">
            <v xml:space="preserve"> </v>
          </cell>
          <cell r="X575" t="e">
            <v>#N/A</v>
          </cell>
          <cell r="Y575" t="e">
            <v>#N/A</v>
          </cell>
          <cell r="AD575" t="e">
            <v>#VALUE!</v>
          </cell>
          <cell r="AH575" t="str">
            <v/>
          </cell>
          <cell r="AP575">
            <v>3</v>
          </cell>
          <cell r="BD575" t="e">
            <v>#N/A</v>
          </cell>
          <cell r="BF575" t="e">
            <v>#N/A</v>
          </cell>
          <cell r="BG575" t="e">
            <v>#DIV/0!</v>
          </cell>
          <cell r="BJ575">
            <v>0</v>
          </cell>
          <cell r="BK575">
            <v>0</v>
          </cell>
          <cell r="BL575" t="str">
            <v/>
          </cell>
          <cell r="BO575" t="str">
            <v/>
          </cell>
          <cell r="BP575" t="e">
            <v>#N/A</v>
          </cell>
          <cell r="BQ575" t="e">
            <v>#N/A</v>
          </cell>
          <cell r="BS575" t="e">
            <v>#N/A</v>
          </cell>
          <cell r="BT575" t="e">
            <v>#N/A</v>
          </cell>
        </row>
        <row r="576">
          <cell r="I576">
            <v>1</v>
          </cell>
          <cell r="J576" t="str">
            <v>式</v>
          </cell>
          <cell r="K576" t="str">
            <v/>
          </cell>
          <cell r="L576">
            <v>0</v>
          </cell>
          <cell r="M576" t="e">
            <v>#N/A</v>
          </cell>
          <cell r="V576" t="e">
            <v>#N/A</v>
          </cell>
          <cell r="W576" t="str">
            <v xml:space="preserve"> </v>
          </cell>
          <cell r="X576" t="e">
            <v>#N/A</v>
          </cell>
          <cell r="Y576" t="e">
            <v>#N/A</v>
          </cell>
          <cell r="AD576" t="e">
            <v>#VALUE!</v>
          </cell>
          <cell r="AH576" t="str">
            <v/>
          </cell>
          <cell r="AP576">
            <v>3</v>
          </cell>
          <cell r="BD576" t="e">
            <v>#N/A</v>
          </cell>
          <cell r="BF576" t="e">
            <v>#N/A</v>
          </cell>
          <cell r="BG576" t="e">
            <v>#DIV/0!</v>
          </cell>
          <cell r="BJ576">
            <v>0</v>
          </cell>
          <cell r="BK576">
            <v>0</v>
          </cell>
          <cell r="BL576" t="str">
            <v/>
          </cell>
          <cell r="BO576" t="str">
            <v/>
          </cell>
          <cell r="BP576" t="e">
            <v>#N/A</v>
          </cell>
          <cell r="BQ576" t="e">
            <v>#N/A</v>
          </cell>
          <cell r="BS576" t="e">
            <v>#N/A</v>
          </cell>
          <cell r="BT576" t="e">
            <v>#N/A</v>
          </cell>
        </row>
        <row r="577">
          <cell r="I577">
            <v>1</v>
          </cell>
          <cell r="J577" t="str">
            <v>式</v>
          </cell>
          <cell r="K577" t="str">
            <v/>
          </cell>
          <cell r="L577">
            <v>0</v>
          </cell>
          <cell r="M577" t="e">
            <v>#N/A</v>
          </cell>
          <cell r="V577" t="e">
            <v>#N/A</v>
          </cell>
          <cell r="W577" t="str">
            <v xml:space="preserve"> </v>
          </cell>
          <cell r="X577" t="e">
            <v>#N/A</v>
          </cell>
          <cell r="Y577" t="e">
            <v>#N/A</v>
          </cell>
          <cell r="AD577" t="e">
            <v>#VALUE!</v>
          </cell>
          <cell r="AH577" t="str">
            <v/>
          </cell>
          <cell r="AP577">
            <v>3</v>
          </cell>
          <cell r="BD577" t="e">
            <v>#N/A</v>
          </cell>
          <cell r="BF577" t="e">
            <v>#N/A</v>
          </cell>
          <cell r="BG577" t="e">
            <v>#DIV/0!</v>
          </cell>
          <cell r="BJ577">
            <v>0</v>
          </cell>
          <cell r="BK577">
            <v>0</v>
          </cell>
          <cell r="BL577" t="str">
            <v/>
          </cell>
          <cell r="BO577" t="str">
            <v/>
          </cell>
          <cell r="BP577" t="e">
            <v>#N/A</v>
          </cell>
          <cell r="BQ577" t="e">
            <v>#N/A</v>
          </cell>
          <cell r="BS577" t="e">
            <v>#N/A</v>
          </cell>
          <cell r="BT577" t="e">
            <v>#N/A</v>
          </cell>
        </row>
        <row r="578">
          <cell r="I578">
            <v>1</v>
          </cell>
          <cell r="J578" t="str">
            <v>式</v>
          </cell>
          <cell r="K578" t="str">
            <v/>
          </cell>
          <cell r="L578">
            <v>0</v>
          </cell>
          <cell r="M578" t="e">
            <v>#N/A</v>
          </cell>
          <cell r="V578" t="e">
            <v>#N/A</v>
          </cell>
          <cell r="W578" t="str">
            <v xml:space="preserve"> </v>
          </cell>
          <cell r="X578" t="e">
            <v>#N/A</v>
          </cell>
          <cell r="Y578" t="e">
            <v>#N/A</v>
          </cell>
          <cell r="AD578" t="e">
            <v>#VALUE!</v>
          </cell>
          <cell r="AH578" t="str">
            <v/>
          </cell>
          <cell r="AP578">
            <v>3</v>
          </cell>
          <cell r="BD578" t="e">
            <v>#N/A</v>
          </cell>
          <cell r="BF578" t="e">
            <v>#N/A</v>
          </cell>
          <cell r="BG578" t="e">
            <v>#DIV/0!</v>
          </cell>
          <cell r="BJ578">
            <v>0</v>
          </cell>
          <cell r="BK578">
            <v>0</v>
          </cell>
          <cell r="BL578" t="str">
            <v/>
          </cell>
          <cell r="BO578" t="str">
            <v/>
          </cell>
          <cell r="BP578" t="e">
            <v>#N/A</v>
          </cell>
          <cell r="BQ578" t="e">
            <v>#N/A</v>
          </cell>
          <cell r="BS578" t="e">
            <v>#N/A</v>
          </cell>
          <cell r="BT578" t="e">
            <v>#N/A</v>
          </cell>
        </row>
        <row r="579">
          <cell r="I579">
            <v>1</v>
          </cell>
          <cell r="J579" t="str">
            <v>式</v>
          </cell>
          <cell r="K579" t="str">
            <v/>
          </cell>
          <cell r="L579">
            <v>0</v>
          </cell>
          <cell r="M579" t="e">
            <v>#N/A</v>
          </cell>
          <cell r="V579" t="e">
            <v>#N/A</v>
          </cell>
          <cell r="W579" t="str">
            <v xml:space="preserve"> </v>
          </cell>
          <cell r="X579" t="e">
            <v>#N/A</v>
          </cell>
          <cell r="Y579" t="e">
            <v>#N/A</v>
          </cell>
          <cell r="AD579" t="e">
            <v>#VALUE!</v>
          </cell>
          <cell r="AH579" t="str">
            <v/>
          </cell>
          <cell r="AP579">
            <v>3</v>
          </cell>
          <cell r="BD579" t="e">
            <v>#N/A</v>
          </cell>
          <cell r="BF579" t="e">
            <v>#N/A</v>
          </cell>
          <cell r="BG579" t="e">
            <v>#DIV/0!</v>
          </cell>
          <cell r="BJ579">
            <v>0</v>
          </cell>
          <cell r="BK579">
            <v>0</v>
          </cell>
          <cell r="BL579" t="str">
            <v/>
          </cell>
          <cell r="BO579" t="str">
            <v/>
          </cell>
          <cell r="BP579" t="e">
            <v>#N/A</v>
          </cell>
          <cell r="BQ579" t="e">
            <v>#N/A</v>
          </cell>
          <cell r="BS579" t="e">
            <v>#N/A</v>
          </cell>
          <cell r="BT579" t="e">
            <v>#N/A</v>
          </cell>
        </row>
        <row r="580">
          <cell r="I580">
            <v>1</v>
          </cell>
          <cell r="J580" t="str">
            <v>式</v>
          </cell>
          <cell r="K580" t="str">
            <v/>
          </cell>
          <cell r="L580">
            <v>0</v>
          </cell>
          <cell r="M580" t="e">
            <v>#N/A</v>
          </cell>
          <cell r="V580" t="e">
            <v>#N/A</v>
          </cell>
          <cell r="W580" t="str">
            <v xml:space="preserve"> </v>
          </cell>
          <cell r="X580" t="e">
            <v>#N/A</v>
          </cell>
          <cell r="Y580" t="e">
            <v>#N/A</v>
          </cell>
          <cell r="AD580" t="e">
            <v>#VALUE!</v>
          </cell>
          <cell r="AH580" t="str">
            <v/>
          </cell>
          <cell r="AP580">
            <v>3</v>
          </cell>
          <cell r="BD580" t="e">
            <v>#N/A</v>
          </cell>
          <cell r="BF580" t="e">
            <v>#N/A</v>
          </cell>
          <cell r="BG580" t="e">
            <v>#DIV/0!</v>
          </cell>
          <cell r="BJ580">
            <v>0</v>
          </cell>
          <cell r="BK580">
            <v>0</v>
          </cell>
          <cell r="BL580" t="str">
            <v/>
          </cell>
          <cell r="BO580" t="str">
            <v/>
          </cell>
          <cell r="BP580" t="e">
            <v>#N/A</v>
          </cell>
          <cell r="BQ580" t="e">
            <v>#N/A</v>
          </cell>
          <cell r="BS580" t="e">
            <v>#N/A</v>
          </cell>
          <cell r="BT580" t="e">
            <v>#N/A</v>
          </cell>
        </row>
        <row r="581">
          <cell r="I581">
            <v>1</v>
          </cell>
          <cell r="J581" t="str">
            <v>式</v>
          </cell>
          <cell r="K581" t="str">
            <v/>
          </cell>
          <cell r="L581">
            <v>0</v>
          </cell>
          <cell r="M581" t="e">
            <v>#N/A</v>
          </cell>
          <cell r="V581" t="e">
            <v>#N/A</v>
          </cell>
          <cell r="W581" t="str">
            <v xml:space="preserve"> </v>
          </cell>
          <cell r="X581" t="e">
            <v>#N/A</v>
          </cell>
          <cell r="Y581" t="e">
            <v>#N/A</v>
          </cell>
          <cell r="AD581" t="e">
            <v>#VALUE!</v>
          </cell>
          <cell r="AH581" t="str">
            <v/>
          </cell>
          <cell r="AP581">
            <v>3</v>
          </cell>
          <cell r="BD581" t="e">
            <v>#N/A</v>
          </cell>
          <cell r="BF581" t="e">
            <v>#N/A</v>
          </cell>
          <cell r="BG581" t="e">
            <v>#DIV/0!</v>
          </cell>
          <cell r="BJ581">
            <v>0</v>
          </cell>
          <cell r="BK581">
            <v>0</v>
          </cell>
          <cell r="BL581" t="str">
            <v/>
          </cell>
          <cell r="BO581" t="str">
            <v/>
          </cell>
          <cell r="BP581" t="e">
            <v>#N/A</v>
          </cell>
          <cell r="BQ581" t="e">
            <v>#N/A</v>
          </cell>
          <cell r="BS581" t="e">
            <v>#N/A</v>
          </cell>
          <cell r="BT581" t="e">
            <v>#N/A</v>
          </cell>
        </row>
        <row r="582">
          <cell r="I582">
            <v>1</v>
          </cell>
          <cell r="J582" t="str">
            <v>式</v>
          </cell>
          <cell r="K582" t="str">
            <v/>
          </cell>
          <cell r="L582">
            <v>0</v>
          </cell>
          <cell r="M582" t="e">
            <v>#N/A</v>
          </cell>
          <cell r="V582" t="e">
            <v>#N/A</v>
          </cell>
          <cell r="W582" t="str">
            <v xml:space="preserve"> </v>
          </cell>
          <cell r="X582" t="e">
            <v>#N/A</v>
          </cell>
          <cell r="Y582" t="e">
            <v>#N/A</v>
          </cell>
          <cell r="AD582" t="e">
            <v>#VALUE!</v>
          </cell>
          <cell r="AH582" t="str">
            <v/>
          </cell>
          <cell r="AP582">
            <v>3</v>
          </cell>
          <cell r="BD582" t="e">
            <v>#N/A</v>
          </cell>
          <cell r="BF582" t="e">
            <v>#N/A</v>
          </cell>
          <cell r="BG582" t="e">
            <v>#DIV/0!</v>
          </cell>
          <cell r="BJ582">
            <v>0</v>
          </cell>
          <cell r="BK582">
            <v>0</v>
          </cell>
          <cell r="BL582" t="str">
            <v/>
          </cell>
          <cell r="BO582" t="str">
            <v/>
          </cell>
          <cell r="BP582" t="e">
            <v>#N/A</v>
          </cell>
          <cell r="BQ582" t="e">
            <v>#N/A</v>
          </cell>
          <cell r="BS582" t="e">
            <v>#N/A</v>
          </cell>
          <cell r="BT582" t="e">
            <v>#N/A</v>
          </cell>
        </row>
        <row r="583">
          <cell r="I583">
            <v>1</v>
          </cell>
          <cell r="J583" t="str">
            <v>式</v>
          </cell>
          <cell r="K583" t="str">
            <v/>
          </cell>
          <cell r="L583">
            <v>0</v>
          </cell>
          <cell r="M583" t="e">
            <v>#N/A</v>
          </cell>
          <cell r="V583" t="e">
            <v>#N/A</v>
          </cell>
          <cell r="W583" t="str">
            <v xml:space="preserve"> </v>
          </cell>
          <cell r="X583" t="e">
            <v>#N/A</v>
          </cell>
          <cell r="Y583" t="e">
            <v>#N/A</v>
          </cell>
          <cell r="AD583" t="e">
            <v>#VALUE!</v>
          </cell>
          <cell r="AH583" t="str">
            <v/>
          </cell>
          <cell r="AP583">
            <v>3</v>
          </cell>
          <cell r="BD583" t="e">
            <v>#N/A</v>
          </cell>
          <cell r="BF583" t="e">
            <v>#N/A</v>
          </cell>
          <cell r="BG583" t="e">
            <v>#DIV/0!</v>
          </cell>
          <cell r="BJ583">
            <v>0</v>
          </cell>
          <cell r="BK583">
            <v>0</v>
          </cell>
          <cell r="BL583" t="str">
            <v/>
          </cell>
          <cell r="BO583" t="str">
            <v/>
          </cell>
          <cell r="BP583" t="e">
            <v>#N/A</v>
          </cell>
          <cell r="BQ583" t="e">
            <v>#N/A</v>
          </cell>
          <cell r="BS583" t="e">
            <v>#N/A</v>
          </cell>
          <cell r="BT583" t="e">
            <v>#N/A</v>
          </cell>
        </row>
        <row r="584">
          <cell r="I584">
            <v>1</v>
          </cell>
          <cell r="J584" t="str">
            <v>式</v>
          </cell>
          <cell r="K584" t="str">
            <v/>
          </cell>
          <cell r="L584">
            <v>0</v>
          </cell>
          <cell r="M584" t="e">
            <v>#N/A</v>
          </cell>
          <cell r="V584" t="e">
            <v>#N/A</v>
          </cell>
          <cell r="W584" t="str">
            <v xml:space="preserve"> </v>
          </cell>
          <cell r="X584" t="e">
            <v>#N/A</v>
          </cell>
          <cell r="Y584" t="e">
            <v>#N/A</v>
          </cell>
          <cell r="AD584" t="e">
            <v>#VALUE!</v>
          </cell>
          <cell r="AH584" t="str">
            <v/>
          </cell>
          <cell r="AP584">
            <v>3</v>
          </cell>
          <cell r="BD584" t="e">
            <v>#N/A</v>
          </cell>
          <cell r="BF584" t="e">
            <v>#N/A</v>
          </cell>
          <cell r="BG584" t="e">
            <v>#DIV/0!</v>
          </cell>
          <cell r="BJ584">
            <v>0</v>
          </cell>
          <cell r="BK584">
            <v>0</v>
          </cell>
          <cell r="BL584" t="str">
            <v/>
          </cell>
          <cell r="BO584" t="str">
            <v/>
          </cell>
          <cell r="BP584" t="e">
            <v>#N/A</v>
          </cell>
          <cell r="BQ584" t="e">
            <v>#N/A</v>
          </cell>
          <cell r="BS584" t="e">
            <v>#N/A</v>
          </cell>
          <cell r="BT584" t="e">
            <v>#N/A</v>
          </cell>
        </row>
        <row r="585">
          <cell r="I585">
            <v>1</v>
          </cell>
          <cell r="J585" t="str">
            <v>式</v>
          </cell>
          <cell r="K585" t="str">
            <v/>
          </cell>
          <cell r="L585">
            <v>0</v>
          </cell>
          <cell r="M585" t="e">
            <v>#N/A</v>
          </cell>
          <cell r="V585" t="e">
            <v>#N/A</v>
          </cell>
          <cell r="W585" t="str">
            <v xml:space="preserve"> </v>
          </cell>
          <cell r="X585" t="e">
            <v>#N/A</v>
          </cell>
          <cell r="Y585" t="e">
            <v>#N/A</v>
          </cell>
          <cell r="AD585" t="e">
            <v>#VALUE!</v>
          </cell>
          <cell r="AH585" t="str">
            <v/>
          </cell>
          <cell r="AP585">
            <v>3</v>
          </cell>
          <cell r="BD585" t="e">
            <v>#N/A</v>
          </cell>
          <cell r="BF585" t="e">
            <v>#N/A</v>
          </cell>
          <cell r="BG585" t="e">
            <v>#DIV/0!</v>
          </cell>
          <cell r="BJ585">
            <v>0</v>
          </cell>
          <cell r="BK585">
            <v>0</v>
          </cell>
          <cell r="BL585" t="str">
            <v/>
          </cell>
          <cell r="BO585" t="str">
            <v/>
          </cell>
          <cell r="BP585" t="e">
            <v>#N/A</v>
          </cell>
          <cell r="BQ585" t="e">
            <v>#N/A</v>
          </cell>
          <cell r="BS585" t="e">
            <v>#N/A</v>
          </cell>
          <cell r="BT585" t="e">
            <v>#N/A</v>
          </cell>
        </row>
        <row r="586">
          <cell r="I586">
            <v>1</v>
          </cell>
          <cell r="J586" t="str">
            <v>式</v>
          </cell>
          <cell r="K586" t="str">
            <v/>
          </cell>
          <cell r="L586">
            <v>0</v>
          </cell>
          <cell r="M586" t="e">
            <v>#N/A</v>
          </cell>
          <cell r="V586" t="e">
            <v>#N/A</v>
          </cell>
          <cell r="W586" t="str">
            <v xml:space="preserve"> </v>
          </cell>
          <cell r="X586" t="e">
            <v>#N/A</v>
          </cell>
          <cell r="Y586" t="e">
            <v>#N/A</v>
          </cell>
          <cell r="AD586" t="e">
            <v>#VALUE!</v>
          </cell>
          <cell r="AH586" t="str">
            <v/>
          </cell>
          <cell r="AP586">
            <v>3</v>
          </cell>
          <cell r="BD586" t="e">
            <v>#N/A</v>
          </cell>
          <cell r="BF586" t="e">
            <v>#N/A</v>
          </cell>
          <cell r="BG586" t="e">
            <v>#DIV/0!</v>
          </cell>
          <cell r="BJ586">
            <v>0</v>
          </cell>
          <cell r="BK586">
            <v>0</v>
          </cell>
          <cell r="BL586" t="str">
            <v/>
          </cell>
          <cell r="BO586" t="str">
            <v/>
          </cell>
          <cell r="BP586" t="e">
            <v>#N/A</v>
          </cell>
          <cell r="BQ586" t="e">
            <v>#N/A</v>
          </cell>
          <cell r="BS586" t="e">
            <v>#N/A</v>
          </cell>
          <cell r="BT586" t="e">
            <v>#N/A</v>
          </cell>
        </row>
        <row r="587">
          <cell r="I587">
            <v>1</v>
          </cell>
          <cell r="J587" t="str">
            <v>式</v>
          </cell>
          <cell r="K587" t="str">
            <v/>
          </cell>
          <cell r="L587">
            <v>0</v>
          </cell>
          <cell r="M587" t="e">
            <v>#N/A</v>
          </cell>
          <cell r="V587" t="e">
            <v>#N/A</v>
          </cell>
          <cell r="W587" t="str">
            <v xml:space="preserve"> </v>
          </cell>
          <cell r="X587" t="e">
            <v>#N/A</v>
          </cell>
          <cell r="Y587" t="e">
            <v>#N/A</v>
          </cell>
          <cell r="AD587" t="e">
            <v>#VALUE!</v>
          </cell>
          <cell r="AH587" t="str">
            <v/>
          </cell>
          <cell r="AP587">
            <v>3</v>
          </cell>
          <cell r="BD587" t="e">
            <v>#N/A</v>
          </cell>
          <cell r="BF587" t="e">
            <v>#N/A</v>
          </cell>
          <cell r="BG587" t="e">
            <v>#DIV/0!</v>
          </cell>
          <cell r="BJ587">
            <v>0</v>
          </cell>
          <cell r="BK587">
            <v>0</v>
          </cell>
          <cell r="BL587" t="str">
            <v/>
          </cell>
          <cell r="BO587" t="str">
            <v/>
          </cell>
          <cell r="BP587" t="e">
            <v>#N/A</v>
          </cell>
          <cell r="BQ587" t="e">
            <v>#N/A</v>
          </cell>
          <cell r="BS587" t="e">
            <v>#N/A</v>
          </cell>
          <cell r="BT587" t="e">
            <v>#N/A</v>
          </cell>
        </row>
        <row r="588">
          <cell r="I588">
            <v>1</v>
          </cell>
          <cell r="J588" t="str">
            <v>式</v>
          </cell>
          <cell r="K588" t="str">
            <v/>
          </cell>
          <cell r="L588">
            <v>0</v>
          </cell>
          <cell r="M588" t="e">
            <v>#N/A</v>
          </cell>
          <cell r="V588" t="e">
            <v>#N/A</v>
          </cell>
          <cell r="W588" t="str">
            <v xml:space="preserve"> </v>
          </cell>
          <cell r="X588" t="e">
            <v>#N/A</v>
          </cell>
          <cell r="Y588" t="e">
            <v>#N/A</v>
          </cell>
          <cell r="AD588" t="e">
            <v>#VALUE!</v>
          </cell>
          <cell r="AH588" t="str">
            <v/>
          </cell>
          <cell r="AP588">
            <v>3</v>
          </cell>
          <cell r="BD588" t="e">
            <v>#N/A</v>
          </cell>
          <cell r="BF588" t="e">
            <v>#N/A</v>
          </cell>
          <cell r="BG588" t="e">
            <v>#DIV/0!</v>
          </cell>
          <cell r="BJ588">
            <v>0</v>
          </cell>
          <cell r="BK588">
            <v>0</v>
          </cell>
          <cell r="BL588" t="str">
            <v/>
          </cell>
          <cell r="BO588" t="str">
            <v/>
          </cell>
          <cell r="BP588" t="e">
            <v>#N/A</v>
          </cell>
          <cell r="BQ588" t="e">
            <v>#N/A</v>
          </cell>
          <cell r="BS588" t="e">
            <v>#N/A</v>
          </cell>
          <cell r="BT588" t="e">
            <v>#N/A</v>
          </cell>
        </row>
        <row r="589">
          <cell r="I589">
            <v>1</v>
          </cell>
          <cell r="J589" t="str">
            <v>式</v>
          </cell>
          <cell r="K589" t="str">
            <v/>
          </cell>
          <cell r="L589">
            <v>0</v>
          </cell>
          <cell r="M589" t="e">
            <v>#N/A</v>
          </cell>
          <cell r="V589" t="e">
            <v>#N/A</v>
          </cell>
          <cell r="W589" t="str">
            <v xml:space="preserve"> </v>
          </cell>
          <cell r="X589" t="e">
            <v>#N/A</v>
          </cell>
          <cell r="Y589" t="e">
            <v>#N/A</v>
          </cell>
          <cell r="AD589" t="e">
            <v>#VALUE!</v>
          </cell>
          <cell r="AH589" t="str">
            <v/>
          </cell>
          <cell r="AP589">
            <v>3</v>
          </cell>
          <cell r="BD589" t="e">
            <v>#N/A</v>
          </cell>
          <cell r="BF589" t="e">
            <v>#N/A</v>
          </cell>
          <cell r="BG589" t="e">
            <v>#DIV/0!</v>
          </cell>
          <cell r="BJ589">
            <v>0</v>
          </cell>
          <cell r="BK589">
            <v>0</v>
          </cell>
          <cell r="BL589" t="str">
            <v/>
          </cell>
          <cell r="BO589" t="str">
            <v/>
          </cell>
          <cell r="BP589" t="e">
            <v>#N/A</v>
          </cell>
          <cell r="BQ589" t="e">
            <v>#N/A</v>
          </cell>
          <cell r="BS589" t="e">
            <v>#N/A</v>
          </cell>
          <cell r="BT589" t="e">
            <v>#N/A</v>
          </cell>
        </row>
        <row r="590">
          <cell r="I590">
            <v>1</v>
          </cell>
          <cell r="J590" t="str">
            <v>式</v>
          </cell>
          <cell r="K590" t="str">
            <v/>
          </cell>
          <cell r="L590">
            <v>0</v>
          </cell>
          <cell r="M590" t="e">
            <v>#N/A</v>
          </cell>
          <cell r="V590" t="e">
            <v>#N/A</v>
          </cell>
          <cell r="W590" t="str">
            <v xml:space="preserve"> </v>
          </cell>
          <cell r="X590" t="e">
            <v>#N/A</v>
          </cell>
          <cell r="Y590" t="e">
            <v>#N/A</v>
          </cell>
          <cell r="AD590" t="e">
            <v>#VALUE!</v>
          </cell>
          <cell r="AH590" t="str">
            <v/>
          </cell>
          <cell r="AP590">
            <v>3</v>
          </cell>
          <cell r="BD590" t="e">
            <v>#N/A</v>
          </cell>
          <cell r="BF590" t="e">
            <v>#N/A</v>
          </cell>
          <cell r="BG590" t="e">
            <v>#DIV/0!</v>
          </cell>
          <cell r="BJ590">
            <v>0</v>
          </cell>
          <cell r="BK590">
            <v>0</v>
          </cell>
          <cell r="BL590" t="str">
            <v/>
          </cell>
          <cell r="BO590" t="str">
            <v/>
          </cell>
          <cell r="BP590" t="e">
            <v>#N/A</v>
          </cell>
          <cell r="BQ590" t="e">
            <v>#N/A</v>
          </cell>
          <cell r="BS590" t="e">
            <v>#N/A</v>
          </cell>
          <cell r="BT590" t="e">
            <v>#N/A</v>
          </cell>
        </row>
        <row r="591">
          <cell r="I591">
            <v>1</v>
          </cell>
          <cell r="J591" t="str">
            <v>式</v>
          </cell>
          <cell r="K591" t="str">
            <v/>
          </cell>
          <cell r="L591">
            <v>0</v>
          </cell>
          <cell r="M591" t="e">
            <v>#N/A</v>
          </cell>
          <cell r="V591" t="e">
            <v>#N/A</v>
          </cell>
          <cell r="W591" t="str">
            <v xml:space="preserve"> </v>
          </cell>
          <cell r="X591" t="e">
            <v>#N/A</v>
          </cell>
          <cell r="Y591" t="e">
            <v>#N/A</v>
          </cell>
          <cell r="AD591" t="e">
            <v>#VALUE!</v>
          </cell>
          <cell r="AH591" t="str">
            <v/>
          </cell>
          <cell r="AP591">
            <v>3</v>
          </cell>
          <cell r="BD591" t="e">
            <v>#N/A</v>
          </cell>
          <cell r="BF591" t="e">
            <v>#N/A</v>
          </cell>
          <cell r="BG591" t="e">
            <v>#DIV/0!</v>
          </cell>
          <cell r="BJ591">
            <v>0</v>
          </cell>
          <cell r="BK591">
            <v>0</v>
          </cell>
          <cell r="BL591" t="str">
            <v/>
          </cell>
          <cell r="BO591" t="str">
            <v/>
          </cell>
          <cell r="BP591" t="e">
            <v>#N/A</v>
          </cell>
          <cell r="BQ591" t="e">
            <v>#N/A</v>
          </cell>
          <cell r="BS591" t="e">
            <v>#N/A</v>
          </cell>
          <cell r="BT591" t="e">
            <v>#N/A</v>
          </cell>
        </row>
        <row r="592">
          <cell r="I592">
            <v>1</v>
          </cell>
          <cell r="J592" t="str">
            <v>式</v>
          </cell>
          <cell r="K592" t="str">
            <v/>
          </cell>
          <cell r="L592">
            <v>0</v>
          </cell>
          <cell r="M592" t="e">
            <v>#N/A</v>
          </cell>
          <cell r="V592" t="e">
            <v>#N/A</v>
          </cell>
          <cell r="W592" t="str">
            <v xml:space="preserve"> </v>
          </cell>
          <cell r="X592" t="e">
            <v>#N/A</v>
          </cell>
          <cell r="Y592" t="e">
            <v>#N/A</v>
          </cell>
          <cell r="AD592" t="e">
            <v>#VALUE!</v>
          </cell>
          <cell r="AH592" t="str">
            <v/>
          </cell>
          <cell r="AP592">
            <v>3</v>
          </cell>
          <cell r="BD592" t="e">
            <v>#N/A</v>
          </cell>
          <cell r="BF592" t="e">
            <v>#N/A</v>
          </cell>
          <cell r="BG592" t="e">
            <v>#DIV/0!</v>
          </cell>
          <cell r="BJ592">
            <v>0</v>
          </cell>
          <cell r="BK592">
            <v>0</v>
          </cell>
          <cell r="BL592" t="str">
            <v/>
          </cell>
          <cell r="BO592" t="str">
            <v/>
          </cell>
          <cell r="BP592" t="e">
            <v>#N/A</v>
          </cell>
          <cell r="BQ592" t="e">
            <v>#N/A</v>
          </cell>
          <cell r="BS592" t="e">
            <v>#N/A</v>
          </cell>
          <cell r="BT592" t="e">
            <v>#N/A</v>
          </cell>
        </row>
        <row r="593">
          <cell r="I593">
            <v>1</v>
          </cell>
          <cell r="J593" t="str">
            <v>式</v>
          </cell>
          <cell r="K593" t="str">
            <v/>
          </cell>
          <cell r="L593">
            <v>0</v>
          </cell>
          <cell r="M593" t="e">
            <v>#N/A</v>
          </cell>
          <cell r="V593" t="e">
            <v>#N/A</v>
          </cell>
          <cell r="W593" t="str">
            <v xml:space="preserve"> </v>
          </cell>
          <cell r="X593" t="e">
            <v>#N/A</v>
          </cell>
          <cell r="Y593" t="e">
            <v>#N/A</v>
          </cell>
          <cell r="AD593" t="e">
            <v>#VALUE!</v>
          </cell>
          <cell r="AH593" t="str">
            <v/>
          </cell>
          <cell r="AP593">
            <v>3</v>
          </cell>
          <cell r="BD593" t="e">
            <v>#N/A</v>
          </cell>
          <cell r="BF593" t="e">
            <v>#N/A</v>
          </cell>
          <cell r="BG593" t="e">
            <v>#DIV/0!</v>
          </cell>
          <cell r="BJ593">
            <v>0</v>
          </cell>
          <cell r="BK593">
            <v>0</v>
          </cell>
          <cell r="BL593" t="str">
            <v/>
          </cell>
          <cell r="BO593" t="str">
            <v/>
          </cell>
          <cell r="BP593" t="e">
            <v>#N/A</v>
          </cell>
          <cell r="BQ593" t="e">
            <v>#N/A</v>
          </cell>
          <cell r="BS593" t="e">
            <v>#N/A</v>
          </cell>
          <cell r="BT593" t="e">
            <v>#N/A</v>
          </cell>
        </row>
        <row r="594">
          <cell r="I594">
            <v>1</v>
          </cell>
          <cell r="J594" t="str">
            <v>式</v>
          </cell>
          <cell r="K594" t="str">
            <v/>
          </cell>
          <cell r="L594">
            <v>0</v>
          </cell>
          <cell r="M594" t="e">
            <v>#N/A</v>
          </cell>
          <cell r="V594" t="e">
            <v>#N/A</v>
          </cell>
          <cell r="W594" t="str">
            <v xml:space="preserve"> </v>
          </cell>
          <cell r="X594" t="e">
            <v>#N/A</v>
          </cell>
          <cell r="Y594" t="e">
            <v>#N/A</v>
          </cell>
          <cell r="AD594" t="e">
            <v>#VALUE!</v>
          </cell>
          <cell r="AH594" t="str">
            <v/>
          </cell>
          <cell r="AP594">
            <v>3</v>
          </cell>
          <cell r="BD594" t="e">
            <v>#N/A</v>
          </cell>
          <cell r="BF594" t="e">
            <v>#N/A</v>
          </cell>
          <cell r="BG594" t="e">
            <v>#DIV/0!</v>
          </cell>
          <cell r="BJ594">
            <v>0</v>
          </cell>
          <cell r="BK594">
            <v>0</v>
          </cell>
          <cell r="BL594" t="str">
            <v/>
          </cell>
          <cell r="BO594" t="str">
            <v/>
          </cell>
          <cell r="BP594" t="e">
            <v>#N/A</v>
          </cell>
          <cell r="BQ594" t="e">
            <v>#N/A</v>
          </cell>
          <cell r="BS594" t="e">
            <v>#N/A</v>
          </cell>
          <cell r="BT594" t="e">
            <v>#N/A</v>
          </cell>
        </row>
        <row r="595">
          <cell r="I595">
            <v>1</v>
          </cell>
          <cell r="J595" t="str">
            <v>式</v>
          </cell>
          <cell r="K595" t="str">
            <v/>
          </cell>
          <cell r="L595">
            <v>0</v>
          </cell>
          <cell r="M595" t="e">
            <v>#N/A</v>
          </cell>
          <cell r="V595" t="e">
            <v>#N/A</v>
          </cell>
          <cell r="W595" t="str">
            <v xml:space="preserve"> </v>
          </cell>
          <cell r="X595" t="e">
            <v>#N/A</v>
          </cell>
          <cell r="Y595" t="e">
            <v>#N/A</v>
          </cell>
          <cell r="AD595" t="e">
            <v>#VALUE!</v>
          </cell>
          <cell r="AH595" t="str">
            <v/>
          </cell>
          <cell r="AP595">
            <v>3</v>
          </cell>
          <cell r="BD595" t="e">
            <v>#N/A</v>
          </cell>
          <cell r="BF595" t="e">
            <v>#N/A</v>
          </cell>
          <cell r="BG595" t="e">
            <v>#DIV/0!</v>
          </cell>
          <cell r="BJ595">
            <v>0</v>
          </cell>
          <cell r="BK595">
            <v>0</v>
          </cell>
          <cell r="BL595" t="str">
            <v/>
          </cell>
          <cell r="BO595" t="str">
            <v/>
          </cell>
          <cell r="BP595" t="e">
            <v>#N/A</v>
          </cell>
          <cell r="BQ595" t="e">
            <v>#N/A</v>
          </cell>
          <cell r="BS595" t="e">
            <v>#N/A</v>
          </cell>
          <cell r="BT595" t="e">
            <v>#N/A</v>
          </cell>
        </row>
        <row r="596">
          <cell r="I596">
            <v>1</v>
          </cell>
          <cell r="J596" t="str">
            <v>式</v>
          </cell>
          <cell r="K596" t="str">
            <v/>
          </cell>
          <cell r="L596">
            <v>0</v>
          </cell>
          <cell r="M596" t="e">
            <v>#N/A</v>
          </cell>
          <cell r="V596" t="e">
            <v>#N/A</v>
          </cell>
          <cell r="W596" t="str">
            <v xml:space="preserve"> </v>
          </cell>
          <cell r="X596" t="e">
            <v>#N/A</v>
          </cell>
          <cell r="Y596" t="e">
            <v>#N/A</v>
          </cell>
          <cell r="AD596" t="e">
            <v>#VALUE!</v>
          </cell>
          <cell r="AH596" t="str">
            <v/>
          </cell>
          <cell r="AP596">
            <v>3</v>
          </cell>
          <cell r="BD596" t="e">
            <v>#N/A</v>
          </cell>
          <cell r="BF596" t="e">
            <v>#N/A</v>
          </cell>
          <cell r="BG596" t="e">
            <v>#DIV/0!</v>
          </cell>
          <cell r="BJ596">
            <v>0</v>
          </cell>
          <cell r="BK596">
            <v>0</v>
          </cell>
          <cell r="BL596" t="str">
            <v/>
          </cell>
          <cell r="BO596" t="str">
            <v/>
          </cell>
          <cell r="BP596" t="e">
            <v>#N/A</v>
          </cell>
          <cell r="BQ596" t="e">
            <v>#N/A</v>
          </cell>
          <cell r="BS596" t="e">
            <v>#N/A</v>
          </cell>
          <cell r="BT596" t="e">
            <v>#N/A</v>
          </cell>
        </row>
        <row r="597">
          <cell r="I597">
            <v>1</v>
          </cell>
          <cell r="J597" t="str">
            <v>式</v>
          </cell>
          <cell r="K597" t="str">
            <v/>
          </cell>
          <cell r="L597">
            <v>0</v>
          </cell>
          <cell r="M597" t="e">
            <v>#N/A</v>
          </cell>
          <cell r="V597" t="e">
            <v>#N/A</v>
          </cell>
          <cell r="W597" t="str">
            <v xml:space="preserve"> </v>
          </cell>
          <cell r="X597" t="e">
            <v>#N/A</v>
          </cell>
          <cell r="Y597" t="e">
            <v>#N/A</v>
          </cell>
          <cell r="AD597" t="e">
            <v>#VALUE!</v>
          </cell>
          <cell r="AH597" t="str">
            <v/>
          </cell>
          <cell r="AP597">
            <v>3</v>
          </cell>
          <cell r="BD597" t="e">
            <v>#N/A</v>
          </cell>
          <cell r="BF597" t="e">
            <v>#N/A</v>
          </cell>
          <cell r="BG597" t="e">
            <v>#DIV/0!</v>
          </cell>
          <cell r="BJ597">
            <v>0</v>
          </cell>
          <cell r="BK597">
            <v>0</v>
          </cell>
          <cell r="BL597" t="str">
            <v/>
          </cell>
          <cell r="BO597" t="str">
            <v/>
          </cell>
          <cell r="BP597" t="e">
            <v>#N/A</v>
          </cell>
          <cell r="BQ597" t="e">
            <v>#N/A</v>
          </cell>
          <cell r="BS597" t="e">
            <v>#N/A</v>
          </cell>
          <cell r="BT597" t="e">
            <v>#N/A</v>
          </cell>
        </row>
        <row r="598">
          <cell r="I598">
            <v>1</v>
          </cell>
          <cell r="J598" t="str">
            <v>式</v>
          </cell>
          <cell r="K598" t="str">
            <v/>
          </cell>
          <cell r="L598">
            <v>0</v>
          </cell>
          <cell r="M598" t="e">
            <v>#N/A</v>
          </cell>
          <cell r="V598" t="e">
            <v>#N/A</v>
          </cell>
          <cell r="W598" t="str">
            <v xml:space="preserve"> </v>
          </cell>
          <cell r="X598" t="e">
            <v>#N/A</v>
          </cell>
          <cell r="Y598" t="e">
            <v>#N/A</v>
          </cell>
          <cell r="AD598" t="e">
            <v>#VALUE!</v>
          </cell>
          <cell r="AH598" t="str">
            <v/>
          </cell>
          <cell r="AP598">
            <v>3</v>
          </cell>
          <cell r="BD598" t="e">
            <v>#N/A</v>
          </cell>
          <cell r="BF598" t="e">
            <v>#N/A</v>
          </cell>
          <cell r="BG598" t="e">
            <v>#DIV/0!</v>
          </cell>
          <cell r="BJ598">
            <v>0</v>
          </cell>
          <cell r="BK598">
            <v>0</v>
          </cell>
          <cell r="BL598" t="str">
            <v/>
          </cell>
          <cell r="BO598" t="str">
            <v/>
          </cell>
          <cell r="BP598" t="e">
            <v>#N/A</v>
          </cell>
          <cell r="BQ598" t="e">
            <v>#N/A</v>
          </cell>
          <cell r="BS598" t="e">
            <v>#N/A</v>
          </cell>
          <cell r="BT598" t="e">
            <v>#N/A</v>
          </cell>
        </row>
        <row r="599">
          <cell r="I599">
            <v>1</v>
          </cell>
          <cell r="J599" t="str">
            <v>式</v>
          </cell>
          <cell r="K599" t="str">
            <v/>
          </cell>
          <cell r="L599">
            <v>0</v>
          </cell>
          <cell r="M599" t="e">
            <v>#N/A</v>
          </cell>
          <cell r="V599" t="e">
            <v>#N/A</v>
          </cell>
          <cell r="W599" t="str">
            <v xml:space="preserve"> </v>
          </cell>
          <cell r="X599" t="e">
            <v>#N/A</v>
          </cell>
          <cell r="Y599" t="e">
            <v>#N/A</v>
          </cell>
          <cell r="AD599" t="e">
            <v>#VALUE!</v>
          </cell>
          <cell r="AH599" t="str">
            <v/>
          </cell>
          <cell r="AP599">
            <v>3</v>
          </cell>
          <cell r="BD599" t="e">
            <v>#N/A</v>
          </cell>
          <cell r="BF599" t="e">
            <v>#N/A</v>
          </cell>
          <cell r="BG599" t="e">
            <v>#DIV/0!</v>
          </cell>
          <cell r="BJ599">
            <v>0</v>
          </cell>
          <cell r="BK599">
            <v>0</v>
          </cell>
          <cell r="BL599" t="str">
            <v/>
          </cell>
          <cell r="BO599" t="str">
            <v/>
          </cell>
          <cell r="BP599" t="e">
            <v>#N/A</v>
          </cell>
          <cell r="BQ599" t="e">
            <v>#N/A</v>
          </cell>
          <cell r="BS599" t="e">
            <v>#N/A</v>
          </cell>
          <cell r="BT599" t="e">
            <v>#N/A</v>
          </cell>
        </row>
        <row r="600">
          <cell r="I600">
            <v>1</v>
          </cell>
          <cell r="J600" t="str">
            <v>式</v>
          </cell>
          <cell r="K600" t="str">
            <v/>
          </cell>
          <cell r="L600">
            <v>0</v>
          </cell>
          <cell r="M600" t="e">
            <v>#N/A</v>
          </cell>
          <cell r="V600" t="e">
            <v>#N/A</v>
          </cell>
          <cell r="W600" t="str">
            <v xml:space="preserve"> </v>
          </cell>
          <cell r="X600" t="e">
            <v>#N/A</v>
          </cell>
          <cell r="Y600" t="e">
            <v>#N/A</v>
          </cell>
          <cell r="AD600" t="e">
            <v>#VALUE!</v>
          </cell>
          <cell r="AH600" t="str">
            <v/>
          </cell>
          <cell r="AP600">
            <v>3</v>
          </cell>
          <cell r="BD600" t="e">
            <v>#N/A</v>
          </cell>
          <cell r="BF600" t="e">
            <v>#N/A</v>
          </cell>
          <cell r="BG600" t="e">
            <v>#DIV/0!</v>
          </cell>
          <cell r="BJ600">
            <v>0</v>
          </cell>
          <cell r="BK600">
            <v>0</v>
          </cell>
          <cell r="BL600" t="str">
            <v/>
          </cell>
          <cell r="BO600" t="str">
            <v/>
          </cell>
          <cell r="BP600" t="e">
            <v>#N/A</v>
          </cell>
          <cell r="BQ600" t="e">
            <v>#N/A</v>
          </cell>
          <cell r="BS600" t="e">
            <v>#N/A</v>
          </cell>
          <cell r="BT600" t="e">
            <v>#N/A</v>
          </cell>
        </row>
        <row r="601">
          <cell r="I601">
            <v>1</v>
          </cell>
          <cell r="J601" t="str">
            <v>式</v>
          </cell>
          <cell r="K601" t="str">
            <v/>
          </cell>
          <cell r="L601">
            <v>0</v>
          </cell>
          <cell r="M601" t="e">
            <v>#N/A</v>
          </cell>
          <cell r="V601" t="e">
            <v>#N/A</v>
          </cell>
          <cell r="W601" t="str">
            <v xml:space="preserve"> </v>
          </cell>
          <cell r="X601" t="e">
            <v>#N/A</v>
          </cell>
          <cell r="Y601" t="e">
            <v>#N/A</v>
          </cell>
          <cell r="AD601" t="e">
            <v>#VALUE!</v>
          </cell>
          <cell r="AH601" t="str">
            <v/>
          </cell>
          <cell r="AP601">
            <v>3</v>
          </cell>
          <cell r="BD601" t="e">
            <v>#N/A</v>
          </cell>
          <cell r="BF601" t="e">
            <v>#N/A</v>
          </cell>
          <cell r="BG601" t="e">
            <v>#DIV/0!</v>
          </cell>
          <cell r="BJ601">
            <v>0</v>
          </cell>
          <cell r="BK601">
            <v>0</v>
          </cell>
          <cell r="BL601" t="str">
            <v/>
          </cell>
          <cell r="BO601" t="str">
            <v/>
          </cell>
          <cell r="BP601" t="e">
            <v>#N/A</v>
          </cell>
          <cell r="BQ601" t="e">
            <v>#N/A</v>
          </cell>
          <cell r="BS601" t="e">
            <v>#N/A</v>
          </cell>
          <cell r="BT601" t="e">
            <v>#N/A</v>
          </cell>
        </row>
        <row r="602">
          <cell r="I602">
            <v>1</v>
          </cell>
          <cell r="J602" t="str">
            <v>式</v>
          </cell>
          <cell r="K602" t="str">
            <v/>
          </cell>
          <cell r="L602">
            <v>0</v>
          </cell>
          <cell r="M602" t="e">
            <v>#N/A</v>
          </cell>
          <cell r="V602" t="e">
            <v>#N/A</v>
          </cell>
          <cell r="W602" t="str">
            <v xml:space="preserve"> </v>
          </cell>
          <cell r="X602" t="e">
            <v>#N/A</v>
          </cell>
          <cell r="Y602" t="e">
            <v>#N/A</v>
          </cell>
          <cell r="AD602" t="e">
            <v>#VALUE!</v>
          </cell>
          <cell r="AH602" t="str">
            <v/>
          </cell>
          <cell r="AP602">
            <v>3</v>
          </cell>
          <cell r="BD602" t="e">
            <v>#N/A</v>
          </cell>
          <cell r="BF602" t="e">
            <v>#N/A</v>
          </cell>
          <cell r="BG602" t="e">
            <v>#DIV/0!</v>
          </cell>
          <cell r="BJ602">
            <v>0</v>
          </cell>
          <cell r="BK602">
            <v>0</v>
          </cell>
          <cell r="BL602" t="str">
            <v/>
          </cell>
          <cell r="BO602" t="str">
            <v/>
          </cell>
          <cell r="BP602" t="e">
            <v>#N/A</v>
          </cell>
          <cell r="BQ602" t="e">
            <v>#N/A</v>
          </cell>
          <cell r="BS602" t="e">
            <v>#N/A</v>
          </cell>
          <cell r="BT602" t="e">
            <v>#N/A</v>
          </cell>
        </row>
        <row r="603">
          <cell r="I603">
            <v>1</v>
          </cell>
          <cell r="J603" t="str">
            <v>式</v>
          </cell>
          <cell r="K603" t="str">
            <v/>
          </cell>
          <cell r="L603">
            <v>0</v>
          </cell>
          <cell r="M603" t="e">
            <v>#N/A</v>
          </cell>
          <cell r="V603" t="e">
            <v>#N/A</v>
          </cell>
          <cell r="W603" t="str">
            <v xml:space="preserve"> </v>
          </cell>
          <cell r="X603" t="e">
            <v>#N/A</v>
          </cell>
          <cell r="Y603" t="e">
            <v>#N/A</v>
          </cell>
          <cell r="AD603" t="e">
            <v>#VALUE!</v>
          </cell>
          <cell r="AH603" t="str">
            <v/>
          </cell>
          <cell r="AP603">
            <v>3</v>
          </cell>
          <cell r="BD603" t="e">
            <v>#N/A</v>
          </cell>
          <cell r="BF603" t="e">
            <v>#N/A</v>
          </cell>
          <cell r="BG603" t="e">
            <v>#DIV/0!</v>
          </cell>
          <cell r="BJ603">
            <v>0</v>
          </cell>
          <cell r="BK603">
            <v>0</v>
          </cell>
          <cell r="BL603" t="str">
            <v/>
          </cell>
          <cell r="BO603" t="str">
            <v/>
          </cell>
          <cell r="BP603" t="e">
            <v>#N/A</v>
          </cell>
          <cell r="BQ603" t="e">
            <v>#N/A</v>
          </cell>
          <cell r="BS603" t="e">
            <v>#N/A</v>
          </cell>
          <cell r="BT603" t="e">
            <v>#N/A</v>
          </cell>
        </row>
        <row r="604">
          <cell r="I604">
            <v>1</v>
          </cell>
          <cell r="J604" t="str">
            <v>式</v>
          </cell>
          <cell r="K604" t="str">
            <v/>
          </cell>
          <cell r="L604">
            <v>0</v>
          </cell>
          <cell r="M604" t="e">
            <v>#N/A</v>
          </cell>
          <cell r="V604" t="e">
            <v>#N/A</v>
          </cell>
          <cell r="W604" t="str">
            <v xml:space="preserve"> </v>
          </cell>
          <cell r="X604" t="e">
            <v>#N/A</v>
          </cell>
          <cell r="Y604" t="e">
            <v>#N/A</v>
          </cell>
          <cell r="AD604" t="e">
            <v>#VALUE!</v>
          </cell>
          <cell r="AH604" t="str">
            <v/>
          </cell>
          <cell r="AP604">
            <v>3</v>
          </cell>
          <cell r="BD604" t="e">
            <v>#N/A</v>
          </cell>
          <cell r="BF604" t="e">
            <v>#N/A</v>
          </cell>
          <cell r="BG604" t="e">
            <v>#DIV/0!</v>
          </cell>
          <cell r="BJ604">
            <v>0</v>
          </cell>
          <cell r="BK604">
            <v>0</v>
          </cell>
          <cell r="BL604" t="str">
            <v/>
          </cell>
          <cell r="BO604" t="str">
            <v/>
          </cell>
          <cell r="BP604" t="e">
            <v>#N/A</v>
          </cell>
          <cell r="BQ604" t="e">
            <v>#N/A</v>
          </cell>
          <cell r="BS604" t="e">
            <v>#N/A</v>
          </cell>
          <cell r="BT604" t="e">
            <v>#N/A</v>
          </cell>
        </row>
        <row r="605">
          <cell r="I605">
            <v>1</v>
          </cell>
          <cell r="J605" t="str">
            <v>式</v>
          </cell>
          <cell r="K605" t="str">
            <v/>
          </cell>
          <cell r="L605">
            <v>0</v>
          </cell>
          <cell r="M605" t="e">
            <v>#N/A</v>
          </cell>
          <cell r="V605" t="e">
            <v>#N/A</v>
          </cell>
          <cell r="W605" t="str">
            <v xml:space="preserve"> </v>
          </cell>
          <cell r="X605" t="e">
            <v>#N/A</v>
          </cell>
          <cell r="Y605" t="e">
            <v>#N/A</v>
          </cell>
          <cell r="AD605" t="e">
            <v>#VALUE!</v>
          </cell>
          <cell r="AH605" t="str">
            <v/>
          </cell>
          <cell r="AP605">
            <v>3</v>
          </cell>
          <cell r="BD605" t="e">
            <v>#N/A</v>
          </cell>
          <cell r="BF605" t="e">
            <v>#N/A</v>
          </cell>
          <cell r="BG605" t="e">
            <v>#DIV/0!</v>
          </cell>
          <cell r="BJ605">
            <v>0</v>
          </cell>
          <cell r="BK605">
            <v>0</v>
          </cell>
          <cell r="BL605" t="str">
            <v/>
          </cell>
          <cell r="BO605" t="str">
            <v/>
          </cell>
          <cell r="BP605" t="e">
            <v>#N/A</v>
          </cell>
          <cell r="BQ605" t="e">
            <v>#N/A</v>
          </cell>
          <cell r="BS605" t="e">
            <v>#N/A</v>
          </cell>
          <cell r="BT605" t="e">
            <v>#N/A</v>
          </cell>
        </row>
        <row r="606">
          <cell r="I606">
            <v>1</v>
          </cell>
          <cell r="J606" t="str">
            <v>式</v>
          </cell>
          <cell r="K606" t="str">
            <v/>
          </cell>
          <cell r="L606">
            <v>0</v>
          </cell>
          <cell r="M606" t="e">
            <v>#N/A</v>
          </cell>
          <cell r="V606" t="e">
            <v>#N/A</v>
          </cell>
          <cell r="W606" t="str">
            <v xml:space="preserve"> </v>
          </cell>
          <cell r="X606" t="e">
            <v>#N/A</v>
          </cell>
          <cell r="Y606" t="e">
            <v>#N/A</v>
          </cell>
          <cell r="AD606" t="e">
            <v>#VALUE!</v>
          </cell>
          <cell r="AH606" t="str">
            <v/>
          </cell>
          <cell r="AP606">
            <v>3</v>
          </cell>
          <cell r="BD606" t="e">
            <v>#N/A</v>
          </cell>
          <cell r="BF606" t="e">
            <v>#N/A</v>
          </cell>
          <cell r="BG606" t="e">
            <v>#DIV/0!</v>
          </cell>
          <cell r="BJ606">
            <v>0</v>
          </cell>
          <cell r="BK606">
            <v>0</v>
          </cell>
          <cell r="BL606" t="str">
            <v/>
          </cell>
          <cell r="BO606" t="str">
            <v/>
          </cell>
          <cell r="BP606" t="e">
            <v>#N/A</v>
          </cell>
          <cell r="BQ606" t="e">
            <v>#N/A</v>
          </cell>
          <cell r="BS606" t="e">
            <v>#N/A</v>
          </cell>
          <cell r="BT606" t="e">
            <v>#N/A</v>
          </cell>
        </row>
        <row r="607">
          <cell r="I607">
            <v>1</v>
          </cell>
          <cell r="J607" t="str">
            <v>式</v>
          </cell>
          <cell r="K607" t="str">
            <v/>
          </cell>
          <cell r="L607">
            <v>0</v>
          </cell>
          <cell r="M607" t="e">
            <v>#N/A</v>
          </cell>
          <cell r="V607" t="e">
            <v>#N/A</v>
          </cell>
          <cell r="W607" t="str">
            <v xml:space="preserve"> </v>
          </cell>
          <cell r="X607" t="e">
            <v>#N/A</v>
          </cell>
          <cell r="Y607" t="e">
            <v>#N/A</v>
          </cell>
          <cell r="AD607" t="e">
            <v>#VALUE!</v>
          </cell>
          <cell r="AH607" t="str">
            <v/>
          </cell>
          <cell r="AP607">
            <v>3</v>
          </cell>
          <cell r="BD607" t="e">
            <v>#N/A</v>
          </cell>
          <cell r="BF607" t="e">
            <v>#N/A</v>
          </cell>
          <cell r="BG607" t="e">
            <v>#DIV/0!</v>
          </cell>
          <cell r="BJ607">
            <v>0</v>
          </cell>
          <cell r="BK607">
            <v>0</v>
          </cell>
          <cell r="BL607" t="str">
            <v/>
          </cell>
          <cell r="BO607" t="str">
            <v/>
          </cell>
          <cell r="BP607" t="e">
            <v>#N/A</v>
          </cell>
          <cell r="BQ607" t="e">
            <v>#N/A</v>
          </cell>
          <cell r="BS607" t="e">
            <v>#N/A</v>
          </cell>
          <cell r="BT607" t="e">
            <v>#N/A</v>
          </cell>
        </row>
        <row r="608">
          <cell r="I608">
            <v>1</v>
          </cell>
          <cell r="J608" t="str">
            <v>式</v>
          </cell>
          <cell r="K608" t="str">
            <v/>
          </cell>
          <cell r="L608">
            <v>0</v>
          </cell>
          <cell r="M608" t="e">
            <v>#N/A</v>
          </cell>
          <cell r="V608" t="e">
            <v>#N/A</v>
          </cell>
          <cell r="W608" t="str">
            <v xml:space="preserve"> </v>
          </cell>
          <cell r="X608" t="e">
            <v>#N/A</v>
          </cell>
          <cell r="Y608" t="e">
            <v>#N/A</v>
          </cell>
          <cell r="AD608" t="e">
            <v>#VALUE!</v>
          </cell>
          <cell r="AH608" t="str">
            <v/>
          </cell>
          <cell r="AP608">
            <v>3</v>
          </cell>
          <cell r="BD608" t="e">
            <v>#N/A</v>
          </cell>
          <cell r="BF608" t="e">
            <v>#N/A</v>
          </cell>
          <cell r="BG608" t="e">
            <v>#DIV/0!</v>
          </cell>
          <cell r="BJ608">
            <v>0</v>
          </cell>
          <cell r="BK608">
            <v>0</v>
          </cell>
          <cell r="BL608" t="str">
            <v/>
          </cell>
          <cell r="BO608" t="str">
            <v/>
          </cell>
          <cell r="BP608" t="e">
            <v>#N/A</v>
          </cell>
          <cell r="BQ608" t="e">
            <v>#N/A</v>
          </cell>
          <cell r="BS608" t="e">
            <v>#N/A</v>
          </cell>
          <cell r="BT608" t="e">
            <v>#N/A</v>
          </cell>
        </row>
        <row r="609">
          <cell r="I609">
            <v>1</v>
          </cell>
          <cell r="J609" t="str">
            <v>式</v>
          </cell>
          <cell r="K609" t="str">
            <v/>
          </cell>
          <cell r="L609">
            <v>0</v>
          </cell>
          <cell r="M609" t="e">
            <v>#N/A</v>
          </cell>
          <cell r="V609" t="e">
            <v>#N/A</v>
          </cell>
          <cell r="W609" t="str">
            <v xml:space="preserve"> </v>
          </cell>
          <cell r="X609" t="e">
            <v>#N/A</v>
          </cell>
          <cell r="Y609" t="e">
            <v>#N/A</v>
          </cell>
          <cell r="AD609" t="e">
            <v>#VALUE!</v>
          </cell>
          <cell r="AH609" t="str">
            <v/>
          </cell>
          <cell r="AP609">
            <v>3</v>
          </cell>
          <cell r="BD609" t="e">
            <v>#N/A</v>
          </cell>
          <cell r="BF609" t="e">
            <v>#N/A</v>
          </cell>
          <cell r="BG609" t="e">
            <v>#DIV/0!</v>
          </cell>
          <cell r="BJ609">
            <v>0</v>
          </cell>
          <cell r="BK609">
            <v>0</v>
          </cell>
          <cell r="BL609" t="str">
            <v/>
          </cell>
          <cell r="BO609" t="str">
            <v/>
          </cell>
          <cell r="BP609" t="e">
            <v>#N/A</v>
          </cell>
          <cell r="BQ609" t="e">
            <v>#N/A</v>
          </cell>
          <cell r="BS609" t="e">
            <v>#N/A</v>
          </cell>
          <cell r="BT609" t="e">
            <v>#N/A</v>
          </cell>
        </row>
        <row r="610">
          <cell r="I610">
            <v>1</v>
          </cell>
          <cell r="J610" t="str">
            <v>式</v>
          </cell>
          <cell r="K610" t="str">
            <v/>
          </cell>
          <cell r="L610">
            <v>0</v>
          </cell>
          <cell r="M610" t="e">
            <v>#N/A</v>
          </cell>
          <cell r="V610" t="e">
            <v>#N/A</v>
          </cell>
          <cell r="W610" t="str">
            <v xml:space="preserve"> </v>
          </cell>
          <cell r="X610" t="e">
            <v>#N/A</v>
          </cell>
          <cell r="Y610" t="e">
            <v>#N/A</v>
          </cell>
          <cell r="AD610" t="e">
            <v>#VALUE!</v>
          </cell>
          <cell r="AH610" t="str">
            <v/>
          </cell>
          <cell r="AP610">
            <v>3</v>
          </cell>
          <cell r="BD610" t="e">
            <v>#N/A</v>
          </cell>
          <cell r="BF610" t="e">
            <v>#N/A</v>
          </cell>
          <cell r="BG610" t="e">
            <v>#DIV/0!</v>
          </cell>
          <cell r="BJ610">
            <v>0</v>
          </cell>
          <cell r="BK610">
            <v>0</v>
          </cell>
          <cell r="BL610" t="str">
            <v/>
          </cell>
          <cell r="BO610" t="str">
            <v/>
          </cell>
          <cell r="BP610" t="e">
            <v>#N/A</v>
          </cell>
          <cell r="BQ610" t="e">
            <v>#N/A</v>
          </cell>
          <cell r="BS610" t="e">
            <v>#N/A</v>
          </cell>
          <cell r="BT610" t="e">
            <v>#N/A</v>
          </cell>
        </row>
        <row r="611">
          <cell r="I611">
            <v>1</v>
          </cell>
          <cell r="J611" t="str">
            <v>式</v>
          </cell>
          <cell r="K611" t="str">
            <v/>
          </cell>
          <cell r="L611">
            <v>0</v>
          </cell>
          <cell r="M611" t="e">
            <v>#N/A</v>
          </cell>
          <cell r="V611" t="e">
            <v>#N/A</v>
          </cell>
          <cell r="W611" t="str">
            <v xml:space="preserve"> </v>
          </cell>
          <cell r="X611" t="e">
            <v>#N/A</v>
          </cell>
          <cell r="Y611" t="e">
            <v>#N/A</v>
          </cell>
          <cell r="AD611" t="e">
            <v>#VALUE!</v>
          </cell>
          <cell r="AH611" t="str">
            <v/>
          </cell>
          <cell r="AP611">
            <v>3</v>
          </cell>
          <cell r="BD611" t="e">
            <v>#N/A</v>
          </cell>
          <cell r="BF611" t="e">
            <v>#N/A</v>
          </cell>
          <cell r="BG611" t="e">
            <v>#DIV/0!</v>
          </cell>
          <cell r="BJ611">
            <v>0</v>
          </cell>
          <cell r="BK611">
            <v>0</v>
          </cell>
          <cell r="BL611" t="str">
            <v/>
          </cell>
          <cell r="BO611" t="str">
            <v/>
          </cell>
          <cell r="BP611" t="e">
            <v>#N/A</v>
          </cell>
          <cell r="BQ611" t="e">
            <v>#N/A</v>
          </cell>
          <cell r="BS611" t="e">
            <v>#N/A</v>
          </cell>
          <cell r="BT611" t="e">
            <v>#N/A</v>
          </cell>
        </row>
      </sheetData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  <sheetData sheetId="32"/>
      <sheetData sheetId="33"/>
      <sheetData sheetId="34"/>
      <sheetData sheetId="35"/>
      <sheetData sheetId="36"/>
      <sheetData sheetId="37"/>
      <sheetData sheetId="38"/>
      <sheetData sheetId="39"/>
    </sheetDataSet>
  </externalBook>
</externalLink>
</file>

<file path=xl/externalLinks/externalLink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★入力台帳"/>
      <sheetName val="検索表"/>
      <sheetName val="業者リスト"/>
      <sheetName val="●●結果入力●●"/>
      <sheetName val="執行伺（サラシ）"/>
      <sheetName val="執行伺（一般）"/>
      <sheetName val="執行伺（一般＆WTO）"/>
      <sheetName val="執行伺（特命・指名）"/>
      <sheetName val="★決定書"/>
      <sheetName val="★決定書（ＷＴＯ）"/>
      <sheetName val="★選考調書"/>
      <sheetName val="★選考調書 (磁気カード)"/>
      <sheetName val="★見積調書 "/>
      <sheetName val="指名通知書"/>
      <sheetName val="指名通知書 交付FAX"/>
      <sheetName val="PPI用"/>
      <sheetName val="経過・結果調書"/>
      <sheetName val="締結報告"/>
      <sheetName val="契約書（物品）"/>
      <sheetName val="契約書（製造）"/>
      <sheetName val="契約書（業務）"/>
      <sheetName val="契約書別紙　分割"/>
      <sheetName val="発注書・請書（物品・製造）"/>
      <sheetName val="発注書・請書（業務委託）"/>
      <sheetName val="予"/>
      <sheetName val="予(代決用)"/>
      <sheetName val="予（単契）"/>
      <sheetName val="予（最制あり)"/>
      <sheetName val="予 (PCB) "/>
      <sheetName val="（予）入力"/>
      <sheetName val="ﾃﾞｰﾀｼｰﾄ"/>
      <sheetName val="契約書別紙　車両製造"/>
      <sheetName val="よく使う業者"/>
      <sheetName val="★指名通知書　差込印刷用"/>
      <sheetName val="★契約書　差込印刷用"/>
      <sheetName val="★告示＆説明書差込印刷用"/>
      <sheetName val="入札、見積書"/>
      <sheetName val="委任状"/>
      <sheetName val="辞退届"/>
      <sheetName val="締結報告（兼告示）"/>
      <sheetName val="★不調"/>
      <sheetName val="執行伺（一般）再入札"/>
      <sheetName val="執行伺（サラシ）再見積"/>
      <sheetName val="契約書（2065）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>
        <row r="2">
          <cell r="G2" t="str">
            <v>製造業</v>
          </cell>
        </row>
        <row r="3">
          <cell r="G3" t="str">
            <v>卸小売業</v>
          </cell>
        </row>
        <row r="4">
          <cell r="G4" t="str">
            <v>一般サービス業</v>
          </cell>
        </row>
        <row r="5">
          <cell r="G5" t="str">
            <v>建設関連サービス業</v>
          </cell>
        </row>
        <row r="6">
          <cell r="G6" t="str">
            <v>特殊案件分類外</v>
          </cell>
        </row>
        <row r="71">
          <cell r="C71" t="str">
            <v>総務課</v>
          </cell>
          <cell r="D71" t="str">
            <v>庶務係</v>
          </cell>
        </row>
        <row r="72">
          <cell r="C72" t="str">
            <v>経営計画課</v>
          </cell>
          <cell r="D72" t="str">
            <v>契約係</v>
          </cell>
        </row>
        <row r="73">
          <cell r="C73" t="str">
            <v>事業推進担当課</v>
          </cell>
          <cell r="D73" t="str">
            <v>職員係</v>
          </cell>
        </row>
        <row r="74">
          <cell r="C74" t="str">
            <v>営業課</v>
          </cell>
          <cell r="D74" t="str">
            <v>経営計画係</v>
          </cell>
        </row>
        <row r="75">
          <cell r="C75" t="str">
            <v>業務課</v>
          </cell>
          <cell r="D75" t="str">
            <v>経理係</v>
          </cell>
        </row>
        <row r="76">
          <cell r="C76" t="str">
            <v>教習所</v>
          </cell>
          <cell r="D76" t="str">
            <v>事業推進係</v>
          </cell>
        </row>
        <row r="77">
          <cell r="C77" t="str">
            <v>指令所</v>
          </cell>
          <cell r="D77" t="str">
            <v>営業係</v>
          </cell>
        </row>
        <row r="78">
          <cell r="C78" t="str">
            <v>運輸課</v>
          </cell>
          <cell r="D78" t="str">
            <v>資産活用係</v>
          </cell>
        </row>
        <row r="79">
          <cell r="C79" t="str">
            <v>運輸課（電車事業所）</v>
          </cell>
          <cell r="D79" t="str">
            <v>旅客係</v>
          </cell>
        </row>
        <row r="80">
          <cell r="C80" t="str">
            <v>施設課</v>
          </cell>
          <cell r="D80" t="str">
            <v>安全推進係</v>
          </cell>
        </row>
        <row r="81">
          <cell r="C81" t="str">
            <v>施設課（工事担当）</v>
          </cell>
          <cell r="D81" t="str">
            <v>運転係</v>
          </cell>
        </row>
        <row r="82">
          <cell r="C82" t="str">
            <v>車両課</v>
          </cell>
          <cell r="D82" t="str">
            <v>指令係</v>
          </cell>
        </row>
        <row r="83">
          <cell r="C83" t="str">
            <v>車両課（真駒内）</v>
          </cell>
          <cell r="D83" t="str">
            <v>運輸統括係</v>
          </cell>
        </row>
        <row r="84">
          <cell r="C84" t="str">
            <v>車両課（大谷地）</v>
          </cell>
          <cell r="D84" t="str">
            <v>電車業務係</v>
          </cell>
        </row>
        <row r="85">
          <cell r="C85" t="str">
            <v>車両課（二十四軒）</v>
          </cell>
          <cell r="D85" t="str">
            <v>計画係</v>
          </cell>
        </row>
        <row r="86">
          <cell r="C86" t="str">
            <v>車両課（電車事業所）</v>
          </cell>
          <cell r="D86" t="str">
            <v>電気設備係</v>
          </cell>
        </row>
        <row r="87">
          <cell r="C87" t="str">
            <v>電気課</v>
          </cell>
          <cell r="D87" t="str">
            <v>機械設備係</v>
          </cell>
        </row>
        <row r="88">
          <cell r="C88" t="str">
            <v>調整担当課</v>
          </cell>
          <cell r="D88" t="str">
            <v>土木係</v>
          </cell>
          <cell r="G88" t="str">
            <v>鉄道施設を構成する産品</v>
          </cell>
        </row>
        <row r="89">
          <cell r="D89" t="str">
            <v>建築係</v>
          </cell>
          <cell r="G89" t="str">
            <v>車両および車両産品</v>
          </cell>
        </row>
        <row r="90">
          <cell r="D90" t="str">
            <v>車両係</v>
          </cell>
          <cell r="G90" t="str">
            <v>保守用産品・保守用機械</v>
          </cell>
        </row>
        <row r="91">
          <cell r="D91" t="str">
            <v>真駒内検修係</v>
          </cell>
          <cell r="G91" t="str">
            <v>鉄道施設の建設・改良・修繕</v>
          </cell>
        </row>
        <row r="92">
          <cell r="D92" t="str">
            <v>大谷地検修係</v>
          </cell>
          <cell r="G92" t="str">
            <v>線路の直上直下で行われる建設・改良・修繕</v>
          </cell>
        </row>
        <row r="93">
          <cell r="D93" t="str">
            <v>二十四軒検修係</v>
          </cell>
        </row>
        <row r="94">
          <cell r="D94" t="str">
            <v>電車技術係</v>
          </cell>
        </row>
        <row r="95">
          <cell r="D95" t="str">
            <v>電力係</v>
          </cell>
        </row>
        <row r="96">
          <cell r="D96" t="str">
            <v>信号通信係</v>
          </cell>
        </row>
        <row r="97">
          <cell r="D97" t="str">
            <v>自動改札係</v>
          </cell>
        </row>
      </sheetData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</sheetDataSet>
  </externalBook>
</externalLink>
</file>

<file path=xl/externalLinks/externalLink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★全業者リスト"/>
      <sheetName val="突合用　業者名"/>
      <sheetName val="中分類登録一覧"/>
      <sheetName val="小分類登録一覧"/>
      <sheetName val="業者　取扱品目"/>
      <sheetName val="物品"/>
      <sheetName val="大中小分類"/>
      <sheetName val="代理店"/>
      <sheetName val="目次"/>
      <sheetName val="目次（品目）"/>
      <sheetName val="目次（許認可）"/>
      <sheetName val="許認可"/>
    </sheetNames>
    <sheetDataSet>
      <sheetData sheetId="0">
        <row r="1">
          <cell r="A1" t="str">
            <v>債権者コード</v>
          </cell>
          <cell r="B1" t="str">
            <v>申請者カナ</v>
          </cell>
          <cell r="C1" t="str">
            <v>業者名</v>
          </cell>
          <cell r="D1" t="str">
            <v>受任者代表名</v>
          </cell>
          <cell r="E1" t="str">
            <v>受任者役職名</v>
          </cell>
          <cell r="F1" t="str">
            <v>受任者郵便番号</v>
          </cell>
          <cell r="G1" t="str">
            <v>受任者住所</v>
          </cell>
          <cell r="H1" t="str">
            <v>受任者ＴＥＬ</v>
          </cell>
          <cell r="I1" t="str">
            <v>受任者ＦＡＸ</v>
          </cell>
        </row>
        <row r="2">
          <cell r="A2" t="str">
            <v>10004Z</v>
          </cell>
          <cell r="B2" t="str">
            <v>ｱｶｼﾔｶｰﾃﾝ</v>
          </cell>
          <cell r="C2" t="str">
            <v>（有）あかしやカーテン</v>
          </cell>
          <cell r="D2" t="str">
            <v>石田 正彦</v>
          </cell>
          <cell r="E2" t="str">
            <v>代表取締役</v>
          </cell>
          <cell r="F2" t="str">
            <v>064-0915</v>
          </cell>
          <cell r="G2" t="str">
            <v>中央区南１５西１３－２－２７</v>
          </cell>
          <cell r="H2" t="str">
            <v>552-2877</v>
          </cell>
          <cell r="I2" t="str">
            <v>552-2918</v>
          </cell>
        </row>
        <row r="3">
          <cell r="A3" t="str">
            <v>10005W</v>
          </cell>
          <cell r="B3" t="str">
            <v>ｱｶｻｶﾑｾﾝ</v>
          </cell>
          <cell r="C3" t="str">
            <v>（株）赤坂無線</v>
          </cell>
          <cell r="D3" t="str">
            <v>赤坂 民男</v>
          </cell>
          <cell r="E3" t="str">
            <v>代表取締役</v>
          </cell>
          <cell r="F3" t="str">
            <v>065-0013</v>
          </cell>
          <cell r="G3" t="str">
            <v>東区北１３東１－３－２</v>
          </cell>
          <cell r="H3" t="str">
            <v>731-1203</v>
          </cell>
          <cell r="I3" t="str">
            <v>731-1205</v>
          </cell>
        </row>
        <row r="4">
          <cell r="A4" t="str">
            <v>10007R</v>
          </cell>
          <cell r="B4" t="str">
            <v>ｱﾍﾞｺｳｻﾞｲ</v>
          </cell>
          <cell r="C4" t="str">
            <v>阿部鋼材（株）</v>
          </cell>
          <cell r="D4" t="str">
            <v>阿部 仁</v>
          </cell>
          <cell r="E4" t="str">
            <v>代表取締役</v>
          </cell>
          <cell r="F4" t="str">
            <v>063-0830</v>
          </cell>
          <cell r="G4" t="str">
            <v>西区発寒１０－１１－２－１４</v>
          </cell>
          <cell r="H4" t="str">
            <v>662-1891</v>
          </cell>
          <cell r="I4" t="str">
            <v>662-9399</v>
          </cell>
        </row>
        <row r="5">
          <cell r="A5" t="str">
            <v>10009Y</v>
          </cell>
          <cell r="B5" t="str">
            <v>ｱｻﾋﾃｯｺｳｼｮ</v>
          </cell>
          <cell r="C5" t="str">
            <v>（株）旭鉄工所</v>
          </cell>
          <cell r="D5" t="str">
            <v>星野 恭亮</v>
          </cell>
          <cell r="E5" t="str">
            <v>代表取締役</v>
          </cell>
          <cell r="F5" t="str">
            <v>004-0042</v>
          </cell>
          <cell r="G5" t="str">
            <v>厚別区大谷地西３－１１－１５</v>
          </cell>
          <cell r="H5" t="str">
            <v>893-1522</v>
          </cell>
          <cell r="I5" t="str">
            <v>893-1599</v>
          </cell>
        </row>
        <row r="6">
          <cell r="A6" t="str">
            <v>10010W</v>
          </cell>
          <cell r="B6" t="str">
            <v>ｱｻﾋﾀﾞﾝｹ</v>
          </cell>
          <cell r="C6" t="str">
            <v>（株）旭ダンケ札幌支店</v>
          </cell>
          <cell r="D6" t="str">
            <v>杉山 正幸</v>
          </cell>
          <cell r="E6" t="str">
            <v>取締役支店長</v>
          </cell>
          <cell r="F6" t="str">
            <v>064-0805</v>
          </cell>
          <cell r="G6" t="str">
            <v>中央区南５西９－１００８－１０ダンケ５・９ビル</v>
          </cell>
          <cell r="H6" t="str">
            <v>520-2345</v>
          </cell>
          <cell r="I6" t="str">
            <v>533-7345</v>
          </cell>
        </row>
        <row r="7">
          <cell r="A7" t="str">
            <v>10012R</v>
          </cell>
          <cell r="B7" t="str">
            <v>ｱｵｷｺｳｷﾞｮｳ</v>
          </cell>
          <cell r="C7" t="str">
            <v>青木鉱業（株）</v>
          </cell>
          <cell r="D7" t="str">
            <v>青木 勇夫</v>
          </cell>
          <cell r="E7" t="str">
            <v>代表取締役社長</v>
          </cell>
          <cell r="F7" t="str">
            <v>060-0042</v>
          </cell>
          <cell r="G7" t="str">
            <v>中央区大通西７－２－５</v>
          </cell>
          <cell r="H7" t="str">
            <v>222-0502</v>
          </cell>
          <cell r="I7" t="str">
            <v>222-0550</v>
          </cell>
        </row>
        <row r="8">
          <cell r="A8" t="str">
            <v>10013N</v>
          </cell>
          <cell r="B8" t="str">
            <v>ｱｲ･ﾃﾞｨｰ･ﾜｲ</v>
          </cell>
          <cell r="C8" t="str">
            <v>（株）アイ・ディー・ワイ</v>
          </cell>
          <cell r="D8" t="str">
            <v>川村 勇三</v>
          </cell>
          <cell r="E8" t="str">
            <v>代表取締役</v>
          </cell>
          <cell r="F8" t="str">
            <v>062-0922</v>
          </cell>
          <cell r="G8" t="str">
            <v>豊平区中の島２－７－１－１１ ＭＴビル２Ｆ</v>
          </cell>
          <cell r="H8" t="str">
            <v>822-7246</v>
          </cell>
          <cell r="I8" t="str">
            <v>822-7209</v>
          </cell>
        </row>
        <row r="9">
          <cell r="A9" t="str">
            <v>10015V</v>
          </cell>
          <cell r="B9" t="str">
            <v>ｱｶﾂｶ</v>
          </cell>
          <cell r="C9" t="str">
            <v>赤塚（株）</v>
          </cell>
          <cell r="D9" t="str">
            <v>赤塚 弘茂</v>
          </cell>
          <cell r="E9" t="str">
            <v>代表取締役</v>
          </cell>
          <cell r="F9" t="str">
            <v>064-0807</v>
          </cell>
          <cell r="G9" t="str">
            <v>中央区南７西４－４２２</v>
          </cell>
          <cell r="H9" t="str">
            <v>511-0133</v>
          </cell>
          <cell r="I9" t="str">
            <v>511-0599</v>
          </cell>
        </row>
        <row r="10">
          <cell r="A10" t="str">
            <v>10017P</v>
          </cell>
          <cell r="B10" t="str">
            <v>ｱﾍﾞｯｸｽ</v>
          </cell>
          <cell r="C10" t="str">
            <v>（株）アベックス</v>
          </cell>
          <cell r="D10" t="str">
            <v>阿部 敏則</v>
          </cell>
          <cell r="E10" t="str">
            <v>代表取締役</v>
          </cell>
          <cell r="F10" t="str">
            <v>065-0022</v>
          </cell>
          <cell r="G10" t="str">
            <v>東区北２２東２－１－１０</v>
          </cell>
          <cell r="H10" t="str">
            <v>753-9123</v>
          </cell>
          <cell r="I10" t="str">
            <v>753-9124</v>
          </cell>
        </row>
        <row r="11">
          <cell r="A11" t="str">
            <v>10020V</v>
          </cell>
          <cell r="B11" t="str">
            <v>ｱﾍﾟｯｸｽｼｽﾃﾑ</v>
          </cell>
          <cell r="C11" t="str">
            <v>（株）アペックスシステム</v>
          </cell>
          <cell r="D11" t="str">
            <v>若原 秀明</v>
          </cell>
          <cell r="E11" t="str">
            <v>代表取締役</v>
          </cell>
          <cell r="F11" t="str">
            <v>060-0002</v>
          </cell>
          <cell r="G11" t="str">
            <v>中央区北２西３－１－１３ ５７ 山京ビル</v>
          </cell>
          <cell r="H11" t="str">
            <v>206-3511</v>
          </cell>
          <cell r="I11" t="str">
            <v>206-3510</v>
          </cell>
        </row>
        <row r="12">
          <cell r="A12" t="str">
            <v>10024X</v>
          </cell>
          <cell r="B12" t="str">
            <v>ｱﾝﾘﾂ</v>
          </cell>
          <cell r="C12" t="str">
            <v>アンリツ（株）北海道支店</v>
          </cell>
          <cell r="D12" t="str">
            <v>加藤 政之</v>
          </cell>
          <cell r="E12" t="str">
            <v>支店長</v>
          </cell>
          <cell r="F12" t="str">
            <v>060-0042</v>
          </cell>
          <cell r="G12" t="str">
            <v>中央区大通西５－８</v>
          </cell>
          <cell r="H12" t="str">
            <v>231-6228</v>
          </cell>
          <cell r="I12" t="str">
            <v>231-6270</v>
          </cell>
        </row>
        <row r="13">
          <cell r="A13" t="str">
            <v>10025T</v>
          </cell>
          <cell r="B13" t="str">
            <v>ｱﾗｾﾞﾝ</v>
          </cell>
          <cell r="C13" t="str">
            <v>（株）アラゼン</v>
          </cell>
          <cell r="D13" t="str">
            <v>荒井 竜一</v>
          </cell>
          <cell r="E13" t="str">
            <v>代表取締役</v>
          </cell>
          <cell r="F13" t="str">
            <v>060-0062</v>
          </cell>
          <cell r="G13" t="str">
            <v>中央区南２西１０－１</v>
          </cell>
          <cell r="H13" t="str">
            <v>214-8411</v>
          </cell>
          <cell r="I13" t="str">
            <v>261-2398</v>
          </cell>
        </row>
        <row r="14">
          <cell r="A14" t="str">
            <v>10026R</v>
          </cell>
          <cell r="B14" t="str">
            <v>ｱｲｹﾝｺｳｷﾞｮｳ</v>
          </cell>
          <cell r="C14" t="str">
            <v>アイケン工業（株）</v>
          </cell>
          <cell r="D14" t="str">
            <v>岩本 行弘</v>
          </cell>
          <cell r="E14" t="str">
            <v>代表取締役</v>
          </cell>
          <cell r="F14" t="str">
            <v>005-0842</v>
          </cell>
          <cell r="G14" t="str">
            <v>南区石山２－３－１４－１３</v>
          </cell>
          <cell r="H14" t="str">
            <v>591-8321</v>
          </cell>
          <cell r="I14" t="str">
            <v>591-8232</v>
          </cell>
        </row>
        <row r="15">
          <cell r="A15" t="str">
            <v>10027N</v>
          </cell>
          <cell r="B15" t="str">
            <v>ｱﾃﾈｼｮﾎﾞｳ</v>
          </cell>
          <cell r="C15" t="str">
            <v>（株）アテネ書房</v>
          </cell>
          <cell r="D15" t="str">
            <v>城馬 秀子</v>
          </cell>
          <cell r="E15" t="str">
            <v>代表取締役</v>
          </cell>
          <cell r="F15" t="str">
            <v>060-0002</v>
          </cell>
          <cell r="G15" t="str">
            <v>中央区北２西３－１</v>
          </cell>
          <cell r="H15" t="str">
            <v>221-6534</v>
          </cell>
          <cell r="I15" t="str">
            <v>221-6533</v>
          </cell>
        </row>
        <row r="16">
          <cell r="A16" t="str">
            <v>10028Y</v>
          </cell>
          <cell r="B16" t="str">
            <v>ｱｷﾔﾏｺｳｷﾞｮｳ</v>
          </cell>
          <cell r="C16" t="str">
            <v>秋山興業（株）</v>
          </cell>
          <cell r="D16" t="str">
            <v>秋山 正三</v>
          </cell>
          <cell r="E16" t="str">
            <v>代表取締役</v>
          </cell>
          <cell r="F16" t="str">
            <v>060-0031</v>
          </cell>
          <cell r="G16" t="str">
            <v>中央区北１東１３－１</v>
          </cell>
          <cell r="H16" t="str">
            <v>251-4141</v>
          </cell>
          <cell r="I16" t="str">
            <v>221-1028</v>
          </cell>
        </row>
        <row r="17">
          <cell r="A17" t="str">
            <v>10031R</v>
          </cell>
          <cell r="B17" t="str">
            <v>ｱｼｯｸｽﾎｯｶｲﾄﾞｳﾊﾝﾊﾞｲ</v>
          </cell>
          <cell r="C17" t="str">
            <v>アシックス北海道販売（株）</v>
          </cell>
          <cell r="D17" t="str">
            <v>谷澤 薫</v>
          </cell>
          <cell r="E17" t="str">
            <v>代表取締役</v>
          </cell>
          <cell r="F17" t="str">
            <v>063-0804</v>
          </cell>
          <cell r="G17" t="str">
            <v>西区二十四軒４－２－１－２９</v>
          </cell>
          <cell r="H17" t="str">
            <v>611-0880</v>
          </cell>
          <cell r="I17" t="str">
            <v>611-0181</v>
          </cell>
        </row>
        <row r="18">
          <cell r="A18" t="str">
            <v>10034W</v>
          </cell>
          <cell r="B18" t="str">
            <v>ｴｰ･ｱｲ･ｴﾑ</v>
          </cell>
          <cell r="C18" t="str">
            <v>エー・アイ・エム（株）北海道支店</v>
          </cell>
          <cell r="D18" t="str">
            <v>上田 智志</v>
          </cell>
          <cell r="E18" t="str">
            <v>北海道支店長</v>
          </cell>
          <cell r="F18" t="str">
            <v>061-1274</v>
          </cell>
          <cell r="G18" t="str">
            <v>区北広島市大曲工業団地５－２－５</v>
          </cell>
          <cell r="H18" t="str">
            <v>377-6061</v>
          </cell>
          <cell r="I18" t="str">
            <v>377-6091</v>
          </cell>
        </row>
        <row r="19">
          <cell r="A19" t="str">
            <v>10035S</v>
          </cell>
          <cell r="B19" t="str">
            <v>ｱﾃﾞｯｸ</v>
          </cell>
          <cell r="C19" t="str">
            <v>（株）アデック</v>
          </cell>
          <cell r="D19" t="str">
            <v>齊藤 邦昭</v>
          </cell>
          <cell r="E19" t="str">
            <v>代表取締役</v>
          </cell>
          <cell r="F19" t="str">
            <v>060-0006</v>
          </cell>
          <cell r="G19" t="str">
            <v>中央区北６西１５－３－９</v>
          </cell>
          <cell r="H19" t="str">
            <v>618-6181</v>
          </cell>
          <cell r="I19" t="str">
            <v>618-6185</v>
          </cell>
        </row>
        <row r="20">
          <cell r="A20" t="str">
            <v>10036P</v>
          </cell>
          <cell r="B20" t="str">
            <v>ｱﾒｯｸ</v>
          </cell>
          <cell r="C20" t="str">
            <v>（株）アメック</v>
          </cell>
          <cell r="D20" t="str">
            <v>渋谷 勝利</v>
          </cell>
          <cell r="E20" t="str">
            <v>代表取締役</v>
          </cell>
          <cell r="F20" t="str">
            <v>060-0042</v>
          </cell>
          <cell r="G20" t="str">
            <v>中央区大通西５－１１－１ 電通恒産札幌ビル１階</v>
          </cell>
          <cell r="H20" t="str">
            <v>205-1471</v>
          </cell>
          <cell r="I20" t="str">
            <v>205-1470</v>
          </cell>
        </row>
        <row r="21">
          <cell r="A21" t="str">
            <v>10039V</v>
          </cell>
          <cell r="B21" t="str">
            <v>ｱｻﾋﾌﾟﾘﾃｯｸ</v>
          </cell>
          <cell r="C21" t="str">
            <v>アサヒプリテック（株）札幌営業所</v>
          </cell>
          <cell r="D21" t="str">
            <v>奈良 勉</v>
          </cell>
          <cell r="E21" t="str">
            <v>営業所長</v>
          </cell>
          <cell r="F21" t="str">
            <v>061-1274</v>
          </cell>
          <cell r="G21" t="str">
            <v>区北広島市大曲工業団地６－２－１１</v>
          </cell>
          <cell r="H21" t="str">
            <v>377-5666</v>
          </cell>
          <cell r="I21" t="str">
            <v>377-6070</v>
          </cell>
        </row>
        <row r="22">
          <cell r="A22" t="str">
            <v>10042Z</v>
          </cell>
          <cell r="B22" t="str">
            <v>ｱｵｼｬｼﾝｼｮｳｶｲ</v>
          </cell>
          <cell r="C22" t="str">
            <v>（株）青写真商会</v>
          </cell>
          <cell r="D22" t="str">
            <v>濱田 剛誌</v>
          </cell>
          <cell r="E22" t="str">
            <v>代表取締役</v>
          </cell>
          <cell r="F22" t="str">
            <v>060-0062</v>
          </cell>
          <cell r="G22" t="str">
            <v>中央区南２西１２－３２４－２４</v>
          </cell>
          <cell r="H22" t="str">
            <v>281-1634</v>
          </cell>
          <cell r="I22" t="str">
            <v>281-4983</v>
          </cell>
        </row>
        <row r="23">
          <cell r="A23" t="str">
            <v>10045R</v>
          </cell>
          <cell r="B23" t="str">
            <v>ｱｹﾎﾞﾉﾂｳｼｮｳ</v>
          </cell>
          <cell r="C23" t="str">
            <v>（株）曙通商</v>
          </cell>
          <cell r="D23" t="str">
            <v>関谷 一尚</v>
          </cell>
          <cell r="E23" t="str">
            <v>代表取締役</v>
          </cell>
          <cell r="F23" t="str">
            <v>064-0808</v>
          </cell>
          <cell r="G23" t="str">
            <v>中央区南８西８－５２１</v>
          </cell>
          <cell r="H23" t="str">
            <v>512-6791</v>
          </cell>
          <cell r="I23" t="str">
            <v>512-0478</v>
          </cell>
        </row>
        <row r="24">
          <cell r="A24" t="str">
            <v>10047Y</v>
          </cell>
          <cell r="B24" t="str">
            <v>ｱﾄﾞｳﾞｧﾝｽﾄｿﾌﾄｴﾝｼﾞﾆｱﾘﾝｸﾞ</v>
          </cell>
          <cell r="C24" t="str">
            <v>（株）ｱﾄﾞｳﾞｧﾝｽﾄｿﾌﾄｴﾝｼﾞﾆｱﾘﾝｸﾞ</v>
          </cell>
          <cell r="D24" t="str">
            <v>金山 英範</v>
          </cell>
          <cell r="E24" t="str">
            <v>代表取締役社長</v>
          </cell>
          <cell r="F24" t="str">
            <v>004-0015</v>
          </cell>
          <cell r="G24" t="str">
            <v>厚別区下野幌テクノパーク１－２－１６</v>
          </cell>
          <cell r="H24" t="str">
            <v>807-6477</v>
          </cell>
          <cell r="I24" t="str">
            <v>807-6479</v>
          </cell>
        </row>
        <row r="25">
          <cell r="A25" t="str">
            <v>10048W</v>
          </cell>
          <cell r="B25" t="str">
            <v>ｱﾄﾞ･ﾋﾞｭｰﾛｰｲﾜｲｽﾞﾐ</v>
          </cell>
          <cell r="C25" t="str">
            <v>（株）アド・ビューロー岩泉</v>
          </cell>
          <cell r="D25" t="str">
            <v>船橋 戍</v>
          </cell>
          <cell r="E25" t="str">
            <v>代表取締役社長</v>
          </cell>
          <cell r="F25" t="str">
            <v>060-0808</v>
          </cell>
          <cell r="G25" t="str">
            <v>北区北８西６－２－３　</v>
          </cell>
          <cell r="H25" t="str">
            <v>727-6001</v>
          </cell>
          <cell r="I25" t="str">
            <v>717-7737</v>
          </cell>
        </row>
        <row r="26">
          <cell r="A26" t="str">
            <v>10052Y</v>
          </cell>
          <cell r="B26" t="str">
            <v>ｱﾝﾄﾞｳﾌﾟﾘﾝﾄ</v>
          </cell>
          <cell r="C26" t="str">
            <v>（有）安藤プリント</v>
          </cell>
          <cell r="D26" t="str">
            <v>安藤 節子</v>
          </cell>
          <cell r="E26" t="str">
            <v>代表取締役</v>
          </cell>
          <cell r="F26" t="str">
            <v>065-0010</v>
          </cell>
          <cell r="G26" t="str">
            <v>東区北１０東８－２－６</v>
          </cell>
          <cell r="H26" t="str">
            <v>721-6495</v>
          </cell>
          <cell r="I26" t="str">
            <v>721-6517</v>
          </cell>
        </row>
        <row r="27">
          <cell r="A27" t="str">
            <v>10053W</v>
          </cell>
          <cell r="B27" t="str">
            <v>ｱｲﾁﾄｹｲﾃﾞﾝｷ</v>
          </cell>
          <cell r="C27" t="str">
            <v>愛知時計電機（株）札幌支店</v>
          </cell>
          <cell r="D27" t="str">
            <v>金内 廣</v>
          </cell>
          <cell r="E27" t="str">
            <v>支店長</v>
          </cell>
          <cell r="F27" t="str">
            <v>060-0001</v>
          </cell>
          <cell r="G27" t="str">
            <v>中央区北１西９ 松崎大通ビル</v>
          </cell>
          <cell r="H27" t="str">
            <v>281-4001</v>
          </cell>
          <cell r="I27" t="str">
            <v>281-4151</v>
          </cell>
        </row>
        <row r="28">
          <cell r="A28" t="str">
            <v>10058V</v>
          </cell>
          <cell r="B28" t="str">
            <v>ｱｵｼﾞｬｼﾝﾏﾙｲﾁ</v>
          </cell>
          <cell r="C28" t="str">
            <v>（有）青写真マルイチ</v>
          </cell>
          <cell r="D28" t="str">
            <v>逸本 久子</v>
          </cell>
          <cell r="E28" t="str">
            <v>取締役</v>
          </cell>
          <cell r="F28" t="str">
            <v>064-0914</v>
          </cell>
          <cell r="G28" t="str">
            <v>中央区南１４西１５－３－１１</v>
          </cell>
          <cell r="H28" t="str">
            <v>551-5006</v>
          </cell>
          <cell r="I28" t="str">
            <v>562-1315</v>
          </cell>
        </row>
        <row r="29">
          <cell r="A29" t="str">
            <v>10059S</v>
          </cell>
          <cell r="B29" t="str">
            <v>ｱｯﾌﾟﾙｼｮﾃﾝ</v>
          </cell>
          <cell r="C29" t="str">
            <v>アップル書店</v>
          </cell>
          <cell r="D29" t="str">
            <v>橋場 幸二</v>
          </cell>
          <cell r="E29" t="str">
            <v>代表</v>
          </cell>
          <cell r="F29" t="str">
            <v>003-0803</v>
          </cell>
          <cell r="G29" t="str">
            <v>白石区菊水３－３－１－４２</v>
          </cell>
          <cell r="H29" t="str">
            <v>822-2339</v>
          </cell>
          <cell r="I29" t="str">
            <v>822-2339</v>
          </cell>
        </row>
        <row r="30">
          <cell r="A30" t="str">
            <v>10062X</v>
          </cell>
          <cell r="B30" t="str">
            <v>ﾎｯｶｲﾄﾞｳｱﾄﾗｽ</v>
          </cell>
          <cell r="C30" t="str">
            <v>北海道アトラス（株）</v>
          </cell>
          <cell r="D30" t="str">
            <v>川西 稔</v>
          </cell>
          <cell r="E30" t="str">
            <v>代表取締役社長</v>
          </cell>
          <cell r="F30" t="str">
            <v>062-0009</v>
          </cell>
          <cell r="G30" t="str">
            <v>豊平区美園９－２－６－４</v>
          </cell>
          <cell r="H30" t="str">
            <v>824-8001</v>
          </cell>
          <cell r="I30" t="str">
            <v>814-6938</v>
          </cell>
        </row>
        <row r="31">
          <cell r="A31" t="str">
            <v>10064S</v>
          </cell>
          <cell r="B31" t="str">
            <v>ｱｼﾞﾉｶﾏﾎﾞｺﾀｶｻｶ</v>
          </cell>
          <cell r="C31" t="str">
            <v>（株）味のかまぼこ高坂</v>
          </cell>
          <cell r="D31" t="str">
            <v>高坂 輝雄</v>
          </cell>
          <cell r="E31" t="str">
            <v>代表取締役</v>
          </cell>
          <cell r="F31" t="str">
            <v>063-0835</v>
          </cell>
          <cell r="G31" t="str">
            <v>西区発寒１５－１－１－２０</v>
          </cell>
          <cell r="H31" t="str">
            <v>665-1121</v>
          </cell>
          <cell r="I31" t="str">
            <v>665-7717</v>
          </cell>
        </row>
        <row r="32">
          <cell r="A32" t="str">
            <v>10067W</v>
          </cell>
          <cell r="B32" t="str">
            <v>ｱｻﾋﾌﾟﾘﾝﾄ</v>
          </cell>
          <cell r="C32" t="str">
            <v>旭プリント（株）</v>
          </cell>
          <cell r="D32" t="str">
            <v>佐藤 浩</v>
          </cell>
          <cell r="E32" t="str">
            <v>代表取締役</v>
          </cell>
          <cell r="F32" t="str">
            <v>063-0821</v>
          </cell>
          <cell r="G32" t="str">
            <v>西区発寒１－４－２－１１</v>
          </cell>
          <cell r="H32" t="str">
            <v>666-4040</v>
          </cell>
          <cell r="I32" t="str">
            <v>666-5444</v>
          </cell>
        </row>
        <row r="33">
          <cell r="A33" t="str">
            <v>10076X</v>
          </cell>
          <cell r="B33" t="str">
            <v>ｱｰﾁｪﾘｰｷﾞﾝｴｲ</v>
          </cell>
          <cell r="C33" t="str">
            <v>（有）アーチェリーギンエイ</v>
          </cell>
          <cell r="D33" t="str">
            <v>小林 勇</v>
          </cell>
          <cell r="E33" t="str">
            <v>代表取締役</v>
          </cell>
          <cell r="F33" t="str">
            <v>060-0005</v>
          </cell>
          <cell r="G33" t="str">
            <v>中央区北５西１９－２６－２２</v>
          </cell>
          <cell r="H33" t="str">
            <v>631-9684</v>
          </cell>
          <cell r="I33" t="str">
            <v>614-1440</v>
          </cell>
        </row>
        <row r="34">
          <cell r="A34" t="str">
            <v>10077V</v>
          </cell>
          <cell r="B34" t="str">
            <v>ｱﾍﾞｲﾝｻﾂｻﾝｷﾞｮｳ</v>
          </cell>
          <cell r="C34" t="str">
            <v>あべ印刷産業（株）</v>
          </cell>
          <cell r="D34" t="str">
            <v>阿部 清穂</v>
          </cell>
          <cell r="E34" t="str">
            <v>代表取締役</v>
          </cell>
          <cell r="F34" t="str">
            <v>064-0944</v>
          </cell>
          <cell r="G34" t="str">
            <v>中央区円山西町７－１－１５</v>
          </cell>
          <cell r="H34" t="str">
            <v>621-4149</v>
          </cell>
          <cell r="I34" t="str">
            <v>621-4140</v>
          </cell>
        </row>
        <row r="35">
          <cell r="A35" t="str">
            <v>10080Z</v>
          </cell>
          <cell r="B35" t="str">
            <v>ｱｲｻﾞﾜ</v>
          </cell>
          <cell r="C35" t="str">
            <v>（株）アイザワ札幌支店</v>
          </cell>
          <cell r="D35" t="str">
            <v>會澤 祥弘</v>
          </cell>
          <cell r="E35" t="str">
            <v>専務取締役支店長</v>
          </cell>
          <cell r="F35" t="str">
            <v>003-0814</v>
          </cell>
          <cell r="G35" t="str">
            <v>白石区菊水上町４－４－９５－１</v>
          </cell>
          <cell r="H35" t="str">
            <v>820-1611</v>
          </cell>
          <cell r="I35" t="str">
            <v>820-1188</v>
          </cell>
        </row>
        <row r="36">
          <cell r="A36" t="str">
            <v>10084P</v>
          </cell>
          <cell r="B36" t="str">
            <v>ｱｹﾎﾞﾉｾｷﾕｶﾞｽ</v>
          </cell>
          <cell r="C36" t="str">
            <v>（株）アケボノ石油ガス</v>
          </cell>
          <cell r="D36" t="str">
            <v>瀧谷 金吾</v>
          </cell>
          <cell r="E36" t="str">
            <v>代表取締役</v>
          </cell>
          <cell r="F36" t="str">
            <v>006-0834</v>
          </cell>
          <cell r="G36" t="str">
            <v>手稲区曙４－２－３－１２</v>
          </cell>
          <cell r="H36" t="str">
            <v>682-1731</v>
          </cell>
          <cell r="I36" t="str">
            <v>682-1774</v>
          </cell>
        </row>
        <row r="37">
          <cell r="A37" t="str">
            <v>10089N</v>
          </cell>
          <cell r="B37" t="str">
            <v>ｱﾍﾞｿｳｷﾞｮｳ</v>
          </cell>
          <cell r="C37" t="str">
            <v>（株）阿部総業</v>
          </cell>
          <cell r="D37" t="str">
            <v>阿部 三男</v>
          </cell>
          <cell r="E37" t="str">
            <v>代表取締役</v>
          </cell>
          <cell r="F37" t="str">
            <v>002-8010</v>
          </cell>
          <cell r="G37" t="str">
            <v>北区太平１０－６－５－１３</v>
          </cell>
          <cell r="H37" t="str">
            <v>771-1227</v>
          </cell>
          <cell r="I37" t="str">
            <v>771-3367</v>
          </cell>
        </row>
        <row r="38">
          <cell r="A38" t="str">
            <v>10090Y</v>
          </cell>
          <cell r="B38" t="str">
            <v>ｱﾒﾔﾓｰﾀｰｻｲｸﾙ</v>
          </cell>
          <cell r="C38" t="str">
            <v>（株）アメヤモーターサイクル</v>
          </cell>
          <cell r="D38" t="str">
            <v>飴谷 孟</v>
          </cell>
          <cell r="E38" t="str">
            <v>代表取締役</v>
          </cell>
          <cell r="F38" t="str">
            <v>062-0052</v>
          </cell>
          <cell r="G38" t="str">
            <v>豊平区月寒東２－１１－１－２</v>
          </cell>
          <cell r="H38" t="str">
            <v>852-6600</v>
          </cell>
          <cell r="I38" t="str">
            <v>853-1400</v>
          </cell>
        </row>
        <row r="39">
          <cell r="A39" t="str">
            <v>10091W</v>
          </cell>
          <cell r="B39" t="str">
            <v>ｱﾛｶ</v>
          </cell>
          <cell r="C39" t="str">
            <v>アロカ（株）札幌支店</v>
          </cell>
          <cell r="D39" t="str">
            <v>桑野 信男</v>
          </cell>
          <cell r="E39" t="str">
            <v>支店長</v>
          </cell>
          <cell r="F39" t="str">
            <v>065-0033</v>
          </cell>
          <cell r="G39" t="str">
            <v>東区北３３東１０－５－１５</v>
          </cell>
          <cell r="H39" t="str">
            <v>722-2205</v>
          </cell>
          <cell r="I39" t="str">
            <v>722-2208</v>
          </cell>
        </row>
        <row r="40">
          <cell r="A40" t="str">
            <v>10096V</v>
          </cell>
          <cell r="B40" t="str">
            <v>ｱﾄﾗｽ</v>
          </cell>
          <cell r="C40" t="str">
            <v>（株）アトラス</v>
          </cell>
          <cell r="D40" t="str">
            <v>髙野 捷之</v>
          </cell>
          <cell r="E40" t="str">
            <v>代表取締役</v>
          </cell>
          <cell r="F40" t="str">
            <v>060-0004</v>
          </cell>
          <cell r="G40" t="str">
            <v>中央区北４西７－１</v>
          </cell>
          <cell r="H40" t="str">
            <v>281-0680</v>
          </cell>
          <cell r="I40" t="str">
            <v>281-0695</v>
          </cell>
        </row>
        <row r="41">
          <cell r="A41" t="str">
            <v>10104X</v>
          </cell>
          <cell r="B41" t="str">
            <v>ｱﾝｾﾞﾝｻｰﾋﾞｽ</v>
          </cell>
          <cell r="C41" t="str">
            <v>（有）安全サービス</v>
          </cell>
          <cell r="D41" t="str">
            <v>村上 寛</v>
          </cell>
          <cell r="E41" t="str">
            <v>代表取締役</v>
          </cell>
          <cell r="F41" t="str">
            <v>003-0027</v>
          </cell>
          <cell r="G41" t="str">
            <v>白石区本通７北１－３４</v>
          </cell>
          <cell r="H41" t="str">
            <v>865-5501</v>
          </cell>
          <cell r="I41" t="str">
            <v>865-5502</v>
          </cell>
        </row>
        <row r="42">
          <cell r="A42" t="str">
            <v>10106R</v>
          </cell>
          <cell r="B42" t="str">
            <v>ｱﾙﾌｧｼﾞﾔﾊﾟﾝ</v>
          </cell>
          <cell r="C42" t="str">
            <v>（株）アルファジヤパン</v>
          </cell>
          <cell r="D42" t="str">
            <v>佐藤 三千夫</v>
          </cell>
          <cell r="E42" t="str">
            <v>代表取締役</v>
          </cell>
          <cell r="F42" t="str">
            <v>063-0824</v>
          </cell>
          <cell r="G42" t="str">
            <v>西区発寒４－１－７－２３</v>
          </cell>
          <cell r="H42" t="str">
            <v>665-1551</v>
          </cell>
          <cell r="I42" t="str">
            <v>665-8790</v>
          </cell>
        </row>
        <row r="43">
          <cell r="A43" t="str">
            <v>10114W</v>
          </cell>
          <cell r="B43" t="str">
            <v>ｱﾏﾉ</v>
          </cell>
          <cell r="C43" t="str">
            <v>アマノ（株）札幌支店</v>
          </cell>
          <cell r="D43" t="str">
            <v>常盤 健一郎</v>
          </cell>
          <cell r="E43" t="str">
            <v>支店長</v>
          </cell>
          <cell r="F43" t="str">
            <v>003-0024</v>
          </cell>
          <cell r="G43" t="str">
            <v>白石区本郷通１南１－１０</v>
          </cell>
          <cell r="H43" t="str">
            <v>865-4721</v>
          </cell>
          <cell r="I43" t="str">
            <v>860-2226</v>
          </cell>
        </row>
        <row r="44">
          <cell r="A44" t="str">
            <v>10116P</v>
          </cell>
          <cell r="B44" t="str">
            <v>ｱｿｳﾓｸｻﾞｲｺｳｷﾞｮｳ</v>
          </cell>
          <cell r="C44" t="str">
            <v>麻生木材工業（株）</v>
          </cell>
          <cell r="D44" t="str">
            <v>麻生 繁</v>
          </cell>
          <cell r="E44" t="str">
            <v>代表取締役</v>
          </cell>
          <cell r="F44" t="str">
            <v>079-8431</v>
          </cell>
          <cell r="G44" t="str">
            <v>旭川市永山町１１－３６－２</v>
          </cell>
          <cell r="H44" t="str">
            <v>0166-47-4111</v>
          </cell>
          <cell r="I44" t="str">
            <v>0166-47-5711</v>
          </cell>
        </row>
        <row r="45">
          <cell r="A45" t="str">
            <v>10119V</v>
          </cell>
          <cell r="B45" t="str">
            <v>ｱｲﾘｽ</v>
          </cell>
          <cell r="C45" t="str">
            <v>（株）アイリス</v>
          </cell>
          <cell r="D45" t="str">
            <v>近藤 敏人</v>
          </cell>
          <cell r="E45" t="str">
            <v>代表取締役</v>
          </cell>
          <cell r="F45" t="str">
            <v>001-0922</v>
          </cell>
          <cell r="G45" t="str">
            <v>北区新川２－６－９－２５</v>
          </cell>
          <cell r="H45" t="str">
            <v>762-1173</v>
          </cell>
          <cell r="I45" t="str">
            <v>761-6664</v>
          </cell>
        </row>
        <row r="46">
          <cell r="A46" t="str">
            <v>10120S</v>
          </cell>
          <cell r="B46" t="str">
            <v>ﾄｰﾎｰｼｬ</v>
          </cell>
          <cell r="C46" t="str">
            <v>（株）トーホー社</v>
          </cell>
          <cell r="D46" t="str">
            <v>山田 誠</v>
          </cell>
          <cell r="E46" t="str">
            <v>代表取締役</v>
          </cell>
          <cell r="F46" t="str">
            <v>060-0033</v>
          </cell>
          <cell r="G46" t="str">
            <v>中央区北３東６－３５６</v>
          </cell>
          <cell r="H46" t="str">
            <v>241-5609</v>
          </cell>
          <cell r="I46" t="str">
            <v>241-0037</v>
          </cell>
        </row>
        <row r="47">
          <cell r="A47" t="str">
            <v>10121P</v>
          </cell>
          <cell r="B47" t="str">
            <v>ｱｶﾎﾞｳｼ</v>
          </cell>
          <cell r="C47" t="str">
            <v>（株）赤帽子</v>
          </cell>
          <cell r="D47" t="str">
            <v>原田 和夫</v>
          </cell>
          <cell r="E47" t="str">
            <v>代表取締役</v>
          </cell>
          <cell r="F47" t="str">
            <v>003-0875</v>
          </cell>
          <cell r="G47" t="str">
            <v>白石区米里３－３－６－１</v>
          </cell>
          <cell r="H47" t="str">
            <v>872-5010</v>
          </cell>
          <cell r="I47" t="str">
            <v>873-5452</v>
          </cell>
        </row>
        <row r="48">
          <cell r="A48" t="str">
            <v>10123X</v>
          </cell>
          <cell r="B48" t="str">
            <v>ｱｻﾋｻｰﾋﾞｽ</v>
          </cell>
          <cell r="C48" t="str">
            <v>（株）朝日サービス</v>
          </cell>
          <cell r="D48" t="str">
            <v>間宮 光信</v>
          </cell>
          <cell r="E48" t="str">
            <v>代表取締役社長</v>
          </cell>
          <cell r="F48" t="str">
            <v>060-0002</v>
          </cell>
          <cell r="G48" t="str">
            <v>中央区北２西１ 朝日ビル４Ｆ</v>
          </cell>
          <cell r="H48" t="str">
            <v>231-1237</v>
          </cell>
          <cell r="I48" t="str">
            <v>222-4873</v>
          </cell>
        </row>
        <row r="49">
          <cell r="A49" t="str">
            <v>10126N</v>
          </cell>
          <cell r="B49" t="str">
            <v>ﾄﾞｺﾓ･ｼｽﾃﾑｽﾞ</v>
          </cell>
          <cell r="C49" t="str">
            <v>ドコモ・システムズ（株）</v>
          </cell>
          <cell r="D49" t="str">
            <v>中津川 丹</v>
          </cell>
          <cell r="E49" t="str">
            <v>代表取締役社長</v>
          </cell>
          <cell r="F49" t="str">
            <v>107-0052</v>
          </cell>
          <cell r="G49" t="str">
            <v>東京都港区赤坂２－４－５</v>
          </cell>
          <cell r="H49" t="str">
            <v>03-3490-6545</v>
          </cell>
          <cell r="I49" t="str">
            <v>03-3490-6165</v>
          </cell>
        </row>
        <row r="50">
          <cell r="A50" t="str">
            <v>10128W</v>
          </cell>
          <cell r="B50" t="str">
            <v>ｱｿｳｼｮｳﾃﾝ</v>
          </cell>
          <cell r="C50" t="str">
            <v>（株）麻生商店</v>
          </cell>
          <cell r="D50" t="str">
            <v>麻生 富子</v>
          </cell>
          <cell r="E50" t="str">
            <v>代表取締役</v>
          </cell>
          <cell r="F50" t="str">
            <v>060-0061</v>
          </cell>
          <cell r="G50" t="str">
            <v>中央区南１西７－１０</v>
          </cell>
          <cell r="H50" t="str">
            <v>231-4844</v>
          </cell>
          <cell r="I50" t="str">
            <v>231-4845</v>
          </cell>
        </row>
        <row r="51">
          <cell r="A51" t="str">
            <v>10132Y</v>
          </cell>
          <cell r="B51" t="str">
            <v>ｱｲﾈｽ</v>
          </cell>
          <cell r="C51" t="str">
            <v>（株）アイネス札幌支店</v>
          </cell>
          <cell r="D51" t="str">
            <v>根市 義昭</v>
          </cell>
          <cell r="E51" t="str">
            <v>支社長</v>
          </cell>
          <cell r="F51" t="str">
            <v>004-0052</v>
          </cell>
          <cell r="G51" t="str">
            <v>厚別区厚別中央２－４－５－２</v>
          </cell>
          <cell r="H51" t="str">
            <v>892-1101</v>
          </cell>
          <cell r="I51" t="str">
            <v>892-1401</v>
          </cell>
        </row>
        <row r="52">
          <cell r="A52" t="str">
            <v>10134T</v>
          </cell>
          <cell r="B52" t="str">
            <v>ｱｻﾊﾞｾｲｻｸｼｮ</v>
          </cell>
          <cell r="C52" t="str">
            <v>（株）浅羽製作所札幌営業所</v>
          </cell>
          <cell r="D52" t="str">
            <v>村松 洋志</v>
          </cell>
          <cell r="E52" t="str">
            <v>所長</v>
          </cell>
          <cell r="F52" t="str">
            <v>060-0031</v>
          </cell>
          <cell r="G52" t="str">
            <v>中央区北１東２－５－２ 札幌泉第１ビル６Ｆ</v>
          </cell>
          <cell r="H52" t="str">
            <v>232-0053</v>
          </cell>
          <cell r="I52" t="str">
            <v>232-0399</v>
          </cell>
        </row>
        <row r="53">
          <cell r="A53" t="str">
            <v>10135P</v>
          </cell>
          <cell r="B53" t="str">
            <v>ｱｲｱﾝﾄﾞｴｽ･ﾋﾞｰﾋﾞｰﾃﾞｨｵｰ</v>
          </cell>
          <cell r="C53" t="str">
            <v>（株）アイアンドエス・ビービーディオー札幌支店</v>
          </cell>
          <cell r="D53" t="str">
            <v>柴田 邦彦</v>
          </cell>
          <cell r="E53" t="str">
            <v>支店長</v>
          </cell>
          <cell r="F53" t="str">
            <v>060-0004</v>
          </cell>
          <cell r="G53" t="str">
            <v>中央区北４西４ 札幌国際ビル７Ｆ</v>
          </cell>
          <cell r="H53" t="str">
            <v>221-5126</v>
          </cell>
          <cell r="I53" t="str">
            <v>261-3837</v>
          </cell>
        </row>
        <row r="54">
          <cell r="A54" t="str">
            <v>10137X</v>
          </cell>
          <cell r="B54" t="str">
            <v>ｱｽﾃｨﾌﾟﾘﾝﾄ</v>
          </cell>
          <cell r="C54" t="str">
            <v>アスティプリント</v>
          </cell>
          <cell r="D54" t="str">
            <v>小谷 昭夫</v>
          </cell>
          <cell r="E54" t="str">
            <v>代表</v>
          </cell>
          <cell r="F54" t="str">
            <v>004-0064</v>
          </cell>
          <cell r="G54" t="str">
            <v>厚別区厚別西４－２－３－１</v>
          </cell>
          <cell r="H54" t="str">
            <v>892-8874</v>
          </cell>
          <cell r="I54" t="str">
            <v>891-3177</v>
          </cell>
        </row>
        <row r="55">
          <cell r="A55" t="str">
            <v>10141Z</v>
          </cell>
          <cell r="B55" t="str">
            <v>ｱｲｴｽｱｲ</v>
          </cell>
          <cell r="C55" t="str">
            <v>（有）アイエスアイ</v>
          </cell>
          <cell r="D55" t="str">
            <v>井上 均</v>
          </cell>
          <cell r="E55" t="str">
            <v>代表取締役</v>
          </cell>
          <cell r="F55" t="str">
            <v>001-0016</v>
          </cell>
          <cell r="G55" t="str">
            <v>北区北１６西３－２１</v>
          </cell>
          <cell r="H55" t="str">
            <v>757-8974</v>
          </cell>
          <cell r="I55" t="str">
            <v>757-8995</v>
          </cell>
        </row>
        <row r="56">
          <cell r="A56" t="str">
            <v>10149R</v>
          </cell>
          <cell r="B56" t="str">
            <v>ﾎｸﾃﾞﾝｼﾞｮｳﾎｳﾃｸﾉﾛｼﾞｰ</v>
          </cell>
          <cell r="C56" t="str">
            <v>ほくでん情報テクノロジー（株）</v>
          </cell>
          <cell r="D56" t="str">
            <v>武田 俊基</v>
          </cell>
          <cell r="E56" t="str">
            <v>取締役社長</v>
          </cell>
          <cell r="F56" t="str">
            <v>060-0041</v>
          </cell>
          <cell r="G56" t="str">
            <v>中央区大通東３－４ ｅ・ｉ大通東ビル</v>
          </cell>
          <cell r="H56" t="str">
            <v>210-7717</v>
          </cell>
          <cell r="I56" t="str">
            <v>340-8030</v>
          </cell>
        </row>
        <row r="57">
          <cell r="A57" t="str">
            <v>10150N</v>
          </cell>
          <cell r="B57" t="str">
            <v>ｱｲﾋﾟｰｴｽ</v>
          </cell>
          <cell r="C57" t="str">
            <v>（株）アイ・ピー・エス</v>
          </cell>
          <cell r="D57" t="str">
            <v>八田 裕二</v>
          </cell>
          <cell r="E57" t="str">
            <v>代表取締役</v>
          </cell>
          <cell r="F57" t="str">
            <v>001-0011</v>
          </cell>
          <cell r="G57" t="str">
            <v>北区北１１西３－１５</v>
          </cell>
          <cell r="H57" t="str">
            <v>746-7788</v>
          </cell>
          <cell r="I57" t="str">
            <v>746-5588</v>
          </cell>
        </row>
        <row r="58">
          <cell r="A58" t="str">
            <v>10152W</v>
          </cell>
          <cell r="B58" t="str">
            <v>ｱﾂｷｺｳｹﾞｲ</v>
          </cell>
          <cell r="C58" t="str">
            <v>（有）アツキ工芸</v>
          </cell>
          <cell r="D58" t="str">
            <v>木村 力</v>
          </cell>
          <cell r="E58" t="str">
            <v>代表取締役</v>
          </cell>
          <cell r="F58" t="str">
            <v>003-0831</v>
          </cell>
          <cell r="G58" t="str">
            <v>白石区北郷１－８－３－１８</v>
          </cell>
          <cell r="H58" t="str">
            <v>874-3275</v>
          </cell>
          <cell r="I58" t="str">
            <v>872-2955</v>
          </cell>
        </row>
        <row r="59">
          <cell r="A59" t="str">
            <v>10153T</v>
          </cell>
          <cell r="B59" t="str">
            <v>ﾎｯｶｲﾄﾞｳｱｻﾋｺｳｺｸｼｬ</v>
          </cell>
          <cell r="C59" t="str">
            <v>（株）北海道朝日広告社</v>
          </cell>
          <cell r="D59" t="str">
            <v>小沢 義朗</v>
          </cell>
          <cell r="E59" t="str">
            <v>代表取締役社長</v>
          </cell>
          <cell r="F59" t="str">
            <v>060-0003</v>
          </cell>
          <cell r="G59" t="str">
            <v>中央区北３西２－１２－１</v>
          </cell>
          <cell r="H59" t="str">
            <v>231-3131</v>
          </cell>
          <cell r="I59" t="str">
            <v>231-3928</v>
          </cell>
        </row>
        <row r="60">
          <cell r="A60" t="str">
            <v>10154R</v>
          </cell>
          <cell r="B60" t="str">
            <v>ｱﾍﾞｶｴﾝ</v>
          </cell>
          <cell r="C60" t="str">
            <v>（株）阿部花園</v>
          </cell>
          <cell r="D60" t="str">
            <v>阿部 哲也</v>
          </cell>
          <cell r="E60" t="str">
            <v>代表取締役</v>
          </cell>
          <cell r="F60" t="str">
            <v>003-0027</v>
          </cell>
          <cell r="G60" t="str">
            <v>白石区本通９北１－１９</v>
          </cell>
          <cell r="H60" t="str">
            <v>862-5251</v>
          </cell>
          <cell r="I60" t="str">
            <v>865-0281</v>
          </cell>
        </row>
        <row r="61">
          <cell r="A61" t="str">
            <v>10156X</v>
          </cell>
          <cell r="B61" t="str">
            <v>ｱｻﾌﾞｳﾝｿｳ</v>
          </cell>
          <cell r="C61" t="str">
            <v>麻生運送（株）</v>
          </cell>
          <cell r="D61" t="str">
            <v>新谷 政伸</v>
          </cell>
          <cell r="E61" t="str">
            <v>代表取締役</v>
          </cell>
          <cell r="F61" t="str">
            <v>064-0951</v>
          </cell>
          <cell r="G61" t="str">
            <v>中央区宮の森１－１６－７－３７－１０８</v>
          </cell>
          <cell r="H61" t="str">
            <v>613-5137</v>
          </cell>
          <cell r="I61" t="str">
            <v>613-0391</v>
          </cell>
        </row>
        <row r="62">
          <cell r="A62" t="str">
            <v>10157V</v>
          </cell>
          <cell r="B62" t="str">
            <v>ｱｳﾄﾄﾞｱﾗｲﾌﾕｳｻﾞﾝ</v>
          </cell>
          <cell r="C62" t="str">
            <v>アウトドアライフ遊山</v>
          </cell>
          <cell r="D62" t="str">
            <v>大山 芳永</v>
          </cell>
          <cell r="E62" t="str">
            <v>代表</v>
          </cell>
          <cell r="F62" t="str">
            <v>064-0916</v>
          </cell>
          <cell r="G62" t="str">
            <v>中央区南１６西１０－３－８</v>
          </cell>
          <cell r="H62" t="str">
            <v>562-5995</v>
          </cell>
          <cell r="I62" t="str">
            <v>562-6019</v>
          </cell>
        </row>
        <row r="63">
          <cell r="A63" t="str">
            <v>10158S</v>
          </cell>
          <cell r="B63" t="str">
            <v>ｱｸﾞﾚｯｸｽ</v>
          </cell>
          <cell r="C63" t="str">
            <v>（株）アグレックス札幌支店</v>
          </cell>
          <cell r="D63" t="str">
            <v>高橋 浩尚</v>
          </cell>
          <cell r="E63" t="str">
            <v>支店長</v>
          </cell>
          <cell r="F63" t="str">
            <v>001-0016</v>
          </cell>
          <cell r="G63" t="str">
            <v>北区北１６西４－２１－４４６</v>
          </cell>
          <cell r="H63" t="str">
            <v>716-8820</v>
          </cell>
          <cell r="I63" t="str">
            <v>716-8823</v>
          </cell>
        </row>
        <row r="64">
          <cell r="A64" t="str">
            <v>10162V</v>
          </cell>
          <cell r="B64" t="str">
            <v>ｱｰｻ</v>
          </cell>
          <cell r="C64" t="str">
            <v>（株）アーサ</v>
          </cell>
          <cell r="D64" t="str">
            <v>寺下 幸男</v>
          </cell>
          <cell r="E64" t="str">
            <v>代表取締役</v>
          </cell>
          <cell r="F64" t="str">
            <v>060-0002</v>
          </cell>
          <cell r="G64" t="str">
            <v>中央区北２西３－１</v>
          </cell>
          <cell r="H64" t="str">
            <v>231-6466</v>
          </cell>
          <cell r="I64" t="str">
            <v>231-6587</v>
          </cell>
        </row>
        <row r="65">
          <cell r="A65" t="str">
            <v>10163S</v>
          </cell>
          <cell r="B65" t="str">
            <v>ｱｰｽｿｳｹﾝ</v>
          </cell>
          <cell r="C65" t="str">
            <v>（株）アース総研</v>
          </cell>
          <cell r="D65" t="str">
            <v>石川 博巳</v>
          </cell>
          <cell r="E65" t="str">
            <v>代表取締役</v>
          </cell>
          <cell r="F65" t="str">
            <v>003-0828</v>
          </cell>
          <cell r="G65" t="str">
            <v>白石区菊水元町８－３－４－２３</v>
          </cell>
          <cell r="H65" t="str">
            <v>872-2996</v>
          </cell>
          <cell r="I65" t="str">
            <v>872-2459</v>
          </cell>
        </row>
        <row r="66">
          <cell r="A66" t="str">
            <v>10164P</v>
          </cell>
          <cell r="B66" t="str">
            <v>ｱﾋﾞｯｸﾗﾎﾞ</v>
          </cell>
          <cell r="C66" t="str">
            <v>アビックラボ（株）</v>
          </cell>
          <cell r="D66" t="str">
            <v>花田 功</v>
          </cell>
          <cell r="E66" t="str">
            <v>代表取締役</v>
          </cell>
          <cell r="F66" t="str">
            <v>062-0933</v>
          </cell>
          <cell r="G66" t="str">
            <v>豊平区平岸３－９－４－１</v>
          </cell>
          <cell r="H66" t="str">
            <v>841-5776</v>
          </cell>
          <cell r="I66" t="str">
            <v>841-5786</v>
          </cell>
        </row>
        <row r="67">
          <cell r="A67" t="str">
            <v>10168R</v>
          </cell>
          <cell r="B67" t="str">
            <v>ｱｲｱﾝﾄﾞｱｲﾆｯｻﾝｺﾋﾟﾝﾄ</v>
          </cell>
          <cell r="C67" t="str">
            <v>アイアンドアイ日産コピント（有）</v>
          </cell>
          <cell r="D67" t="str">
            <v>高橋 利光</v>
          </cell>
          <cell r="E67" t="str">
            <v>代表取締役</v>
          </cell>
          <cell r="F67" t="str">
            <v>060-0034</v>
          </cell>
          <cell r="G67" t="str">
            <v>中央区北４東２－１</v>
          </cell>
          <cell r="H67" t="str">
            <v>221-1186</v>
          </cell>
          <cell r="I67" t="str">
            <v>232-5180</v>
          </cell>
        </row>
        <row r="68">
          <cell r="A68" t="str">
            <v>10170Y</v>
          </cell>
          <cell r="B68" t="str">
            <v>ｱﾄﾞｯｸｽﾌﾟﾛｼﾞｪｸﾄ</v>
          </cell>
          <cell r="C68" t="str">
            <v>（株）アドックスプロジェクト</v>
          </cell>
          <cell r="D68" t="str">
            <v>沼田 好託</v>
          </cell>
          <cell r="E68" t="str">
            <v>代表取締役</v>
          </cell>
          <cell r="F68" t="str">
            <v>062-0032</v>
          </cell>
          <cell r="G68" t="str">
            <v>豊平区西岡２－９－３－１</v>
          </cell>
          <cell r="H68" t="str">
            <v>855-7655</v>
          </cell>
          <cell r="I68" t="str">
            <v>855-7677</v>
          </cell>
        </row>
        <row r="69">
          <cell r="A69" t="str">
            <v>10177S</v>
          </cell>
          <cell r="B69" t="str">
            <v>ｱﾅﾋﾞｽ</v>
          </cell>
          <cell r="C69" t="str">
            <v>（有）アナビス</v>
          </cell>
          <cell r="D69" t="str">
            <v>篠原 宏平</v>
          </cell>
          <cell r="E69" t="str">
            <v>代表取締役</v>
          </cell>
          <cell r="F69" t="str">
            <v>065-0043</v>
          </cell>
          <cell r="G69" t="str">
            <v>東区苗穂町３－２－３１</v>
          </cell>
          <cell r="H69" t="str">
            <v>751-1770</v>
          </cell>
          <cell r="I69" t="str">
            <v>751-1771</v>
          </cell>
        </row>
        <row r="70">
          <cell r="A70" t="str">
            <v>10179Z</v>
          </cell>
          <cell r="B70" t="str">
            <v>ｱｺｳｼｮｳｻﾞｲ</v>
          </cell>
          <cell r="C70" t="str">
            <v>亜光照材（株）</v>
          </cell>
          <cell r="D70" t="str">
            <v>川内 寛二</v>
          </cell>
          <cell r="E70" t="str">
            <v>代表取締役</v>
          </cell>
          <cell r="F70" t="str">
            <v>003-0028</v>
          </cell>
          <cell r="G70" t="str">
            <v>白石区平和通７南３－４</v>
          </cell>
          <cell r="H70" t="str">
            <v>864-5757</v>
          </cell>
          <cell r="I70" t="str">
            <v>863-1808</v>
          </cell>
        </row>
        <row r="71">
          <cell r="A71" t="str">
            <v>10181V</v>
          </cell>
          <cell r="B71" t="str">
            <v>ｱｰﾃｨｸﾙ</v>
          </cell>
          <cell r="C71" t="str">
            <v>（株）アーティクル</v>
          </cell>
          <cell r="D71" t="str">
            <v>石川 実</v>
          </cell>
          <cell r="E71" t="str">
            <v>代表取締役</v>
          </cell>
          <cell r="F71" t="str">
            <v>063-0801</v>
          </cell>
          <cell r="G71" t="str">
            <v>西区二十四軒１－７－２－３０</v>
          </cell>
          <cell r="H71" t="str">
            <v>612-1008</v>
          </cell>
          <cell r="I71" t="str">
            <v>612-0981</v>
          </cell>
        </row>
        <row r="72">
          <cell r="A72" t="str">
            <v>10182S</v>
          </cell>
          <cell r="B72" t="str">
            <v>ｱｻﾋ</v>
          </cell>
          <cell r="C72" t="str">
            <v>（株）アサヒ</v>
          </cell>
          <cell r="D72" t="str">
            <v>茂木 惟勝</v>
          </cell>
          <cell r="E72" t="str">
            <v>代表取締役</v>
          </cell>
          <cell r="F72" t="str">
            <v>003-0013</v>
          </cell>
          <cell r="G72" t="str">
            <v>白石区中央３－５－７－３６</v>
          </cell>
          <cell r="H72" t="str">
            <v>862-3990</v>
          </cell>
          <cell r="I72" t="str">
            <v>863-0355</v>
          </cell>
        </row>
        <row r="73">
          <cell r="A73" t="str">
            <v>10184Z</v>
          </cell>
          <cell r="B73" t="str">
            <v>ｱｸﾃｨﾌﾞ･ｹｱ</v>
          </cell>
          <cell r="C73" t="str">
            <v>（株）アクティブ・ケア</v>
          </cell>
          <cell r="D73" t="str">
            <v>阿比留 博</v>
          </cell>
          <cell r="E73" t="str">
            <v>代表取締役</v>
          </cell>
          <cell r="F73" t="str">
            <v>007-0839</v>
          </cell>
          <cell r="G73" t="str">
            <v>東区北３９東２－３－１５</v>
          </cell>
          <cell r="H73" t="str">
            <v>721-1294</v>
          </cell>
          <cell r="I73" t="str">
            <v>721-1448</v>
          </cell>
        </row>
        <row r="74">
          <cell r="A74" t="str">
            <v>10186T</v>
          </cell>
          <cell r="B74" t="str">
            <v>ｱｻﾋｾｲｻｸｼｮ</v>
          </cell>
          <cell r="C74" t="str">
            <v>（株）あさひ製作所</v>
          </cell>
          <cell r="D74" t="str">
            <v>轟 節子</v>
          </cell>
          <cell r="E74" t="str">
            <v>代表取締役</v>
          </cell>
          <cell r="F74" t="str">
            <v>062-0911</v>
          </cell>
          <cell r="G74" t="str">
            <v>豊平区旭町５－２－７</v>
          </cell>
          <cell r="H74" t="str">
            <v>811-6028</v>
          </cell>
          <cell r="I74" t="str">
            <v>832-3139</v>
          </cell>
        </row>
        <row r="75">
          <cell r="A75" t="str">
            <v>10187R</v>
          </cell>
          <cell r="B75" t="str">
            <v>ｱｲﾋﾞｰ･ｼｽﾃﾑ</v>
          </cell>
          <cell r="C75" t="str">
            <v>アイビー・システム（株）</v>
          </cell>
          <cell r="D75" t="str">
            <v>渡部 与四郎</v>
          </cell>
          <cell r="E75" t="str">
            <v>代表取締役</v>
          </cell>
          <cell r="F75" t="str">
            <v>064-0804</v>
          </cell>
          <cell r="G75" t="str">
            <v>中央区南４西１１－１２９２－４</v>
          </cell>
          <cell r="H75" t="str">
            <v>518-2892</v>
          </cell>
          <cell r="I75" t="str">
            <v>518-2820</v>
          </cell>
        </row>
        <row r="76">
          <cell r="A76" t="str">
            <v>10188N</v>
          </cell>
          <cell r="B76" t="str">
            <v>ｱｻﾋｴｰ･ﾌﾞｲｻﾝｷﾞｮｳ</v>
          </cell>
          <cell r="C76" t="str">
            <v>旭エー・ブイ産業（株）札幌営業所</v>
          </cell>
          <cell r="D76" t="str">
            <v>山本 修</v>
          </cell>
          <cell r="E76" t="str">
            <v>所長</v>
          </cell>
          <cell r="F76" t="str">
            <v>007-0836</v>
          </cell>
          <cell r="G76" t="str">
            <v>東区北３６東２６－２－２５</v>
          </cell>
          <cell r="H76" t="str">
            <v>783-3380</v>
          </cell>
          <cell r="I76" t="str">
            <v>783-3080</v>
          </cell>
        </row>
        <row r="77">
          <cell r="A77" t="str">
            <v>10192R</v>
          </cell>
          <cell r="B77" t="str">
            <v>ｱｻﾋﾋﾞﾙﾏﾈｼﾞﾒﾝﾄｻｰﾋﾞｽ</v>
          </cell>
          <cell r="C77" t="str">
            <v>（株）朝日ビルマネジメントサービス</v>
          </cell>
          <cell r="D77" t="str">
            <v>井森 政人</v>
          </cell>
          <cell r="E77" t="str">
            <v>代表取締役社長</v>
          </cell>
          <cell r="F77" t="str">
            <v>125-0062</v>
          </cell>
          <cell r="G77" t="str">
            <v>東京都葛飾区青戸５－３－１</v>
          </cell>
          <cell r="H77" t="str">
            <v>03-5680-3876</v>
          </cell>
          <cell r="I77" t="str">
            <v>03-5680-3258</v>
          </cell>
        </row>
        <row r="78">
          <cell r="A78" t="str">
            <v>10193N</v>
          </cell>
          <cell r="B78" t="str">
            <v>ｱｳﾗ</v>
          </cell>
          <cell r="C78" t="str">
            <v>（株）アウラ</v>
          </cell>
          <cell r="D78" t="str">
            <v>中家 秀信</v>
          </cell>
          <cell r="E78" t="str">
            <v>代表取締役</v>
          </cell>
          <cell r="F78" t="str">
            <v>060-0041</v>
          </cell>
          <cell r="G78" t="str">
            <v>中央区大通東７－１２－１９</v>
          </cell>
          <cell r="H78" t="str">
            <v>231-2025</v>
          </cell>
          <cell r="I78" t="str">
            <v>231-2308</v>
          </cell>
        </row>
        <row r="79">
          <cell r="A79" t="str">
            <v>10195V</v>
          </cell>
          <cell r="B79" t="str">
            <v>ｱｰﾊﾞﾝﾕｰｼｰ</v>
          </cell>
          <cell r="C79" t="str">
            <v>（株）アーバンＵＣ</v>
          </cell>
          <cell r="D79" t="str">
            <v>丸山 一彦</v>
          </cell>
          <cell r="E79" t="str">
            <v>代表取締役</v>
          </cell>
          <cell r="F79" t="str">
            <v>060-0001</v>
          </cell>
          <cell r="G79" t="str">
            <v>中央区北１西１９－２</v>
          </cell>
          <cell r="H79" t="str">
            <v>612-1581</v>
          </cell>
          <cell r="I79" t="str">
            <v>640-6421</v>
          </cell>
        </row>
        <row r="80">
          <cell r="A80" t="str">
            <v>10196S</v>
          </cell>
          <cell r="B80" t="str">
            <v>ｱﾄﾓｽ</v>
          </cell>
          <cell r="C80" t="str">
            <v>（株）アトモス</v>
          </cell>
          <cell r="D80" t="str">
            <v>鹿内 正紀</v>
          </cell>
          <cell r="E80" t="str">
            <v>代表取締役</v>
          </cell>
          <cell r="F80" t="str">
            <v>060-0809</v>
          </cell>
          <cell r="G80" t="str">
            <v>北区北９西４－２－２５</v>
          </cell>
          <cell r="H80" t="str">
            <v>737-7011</v>
          </cell>
          <cell r="I80" t="str">
            <v>737-7012</v>
          </cell>
        </row>
        <row r="81">
          <cell r="A81" t="str">
            <v>10201P</v>
          </cell>
          <cell r="B81" t="str">
            <v>ｱｸﾃｨﾌﾞｻｯﾎﾟﾛ</v>
          </cell>
          <cell r="C81" t="str">
            <v>（株）アクティブ札幌</v>
          </cell>
          <cell r="D81" t="str">
            <v>加藤 凌司</v>
          </cell>
          <cell r="E81" t="str">
            <v>代表取締役</v>
          </cell>
          <cell r="F81" t="str">
            <v>060-0042</v>
          </cell>
          <cell r="G81" t="str">
            <v>中央区大通西１７－１－５ ノワム大通ビル５Ｆ</v>
          </cell>
          <cell r="H81" t="str">
            <v>615-9700</v>
          </cell>
          <cell r="I81" t="str">
            <v>615-9702</v>
          </cell>
        </row>
        <row r="82">
          <cell r="A82" t="str">
            <v>10202Z</v>
          </cell>
          <cell r="B82" t="str">
            <v>ｱﾄﾞﾋﾞｯｸ</v>
          </cell>
          <cell r="C82" t="str">
            <v>アドビック（株）</v>
          </cell>
          <cell r="D82" t="str">
            <v>鮫島 昭</v>
          </cell>
          <cell r="E82" t="str">
            <v>代表取締役</v>
          </cell>
          <cell r="F82" t="str">
            <v>060-0042</v>
          </cell>
          <cell r="G82" t="str">
            <v>中央区大通西５－１１大五ビル４Ｆ</v>
          </cell>
          <cell r="H82" t="str">
            <v>241-2110</v>
          </cell>
          <cell r="I82" t="str">
            <v>251-8658</v>
          </cell>
        </row>
        <row r="83">
          <cell r="A83" t="str">
            <v>10203X</v>
          </cell>
          <cell r="B83" t="str">
            <v>ｱﾗﾀﾂｳｼﾝ</v>
          </cell>
          <cell r="C83" t="str">
            <v>荒田通信（株）</v>
          </cell>
          <cell r="D83" t="str">
            <v>荒田 和子</v>
          </cell>
          <cell r="E83" t="str">
            <v>代表取締役</v>
          </cell>
          <cell r="F83" t="str">
            <v>065-0017</v>
          </cell>
          <cell r="G83" t="str">
            <v>東区北１７東１８－４－１３</v>
          </cell>
          <cell r="H83" t="str">
            <v>781-9879</v>
          </cell>
          <cell r="I83" t="str">
            <v>780-2061</v>
          </cell>
        </row>
        <row r="84">
          <cell r="A84" t="str">
            <v>10205R</v>
          </cell>
          <cell r="B84" t="str">
            <v>ｱ･ﾌｨｯｸ</v>
          </cell>
          <cell r="C84" t="str">
            <v>（株）ア・フィック</v>
          </cell>
          <cell r="D84" t="str">
            <v>吉村 文男</v>
          </cell>
          <cell r="E84" t="str">
            <v>代表取締役</v>
          </cell>
          <cell r="F84" t="str">
            <v>063-0831</v>
          </cell>
          <cell r="G84" t="str">
            <v>西区発寒１１－１－１－２０</v>
          </cell>
          <cell r="H84" t="str">
            <v>817-5151</v>
          </cell>
          <cell r="I84" t="str">
            <v>817-5251</v>
          </cell>
        </row>
        <row r="85">
          <cell r="A85" t="str">
            <v>10206N</v>
          </cell>
          <cell r="B85" t="str">
            <v>ｱｻﾂｰﾃﾞｨ･ｹｲ</v>
          </cell>
          <cell r="C85" t="str">
            <v>（株）アサツーディ・ケイ北海道支社</v>
          </cell>
          <cell r="D85" t="str">
            <v>山内 操</v>
          </cell>
          <cell r="E85" t="str">
            <v>支社長</v>
          </cell>
          <cell r="F85" t="str">
            <v>060-0042</v>
          </cell>
          <cell r="G85" t="str">
            <v>中央区大通西５ 昭和ビル６Ｆ</v>
          </cell>
          <cell r="H85" t="str">
            <v>231-1797</v>
          </cell>
          <cell r="I85" t="str">
            <v>221-4084</v>
          </cell>
        </row>
        <row r="86">
          <cell r="A86" t="str">
            <v>10207Y</v>
          </cell>
          <cell r="B86" t="str">
            <v>ｱｼｽﾄ</v>
          </cell>
          <cell r="C86" t="str">
            <v>（株）アシスト札幌支店</v>
          </cell>
          <cell r="D86" t="str">
            <v>石原 幹也</v>
          </cell>
          <cell r="E86" t="str">
            <v>支店長</v>
          </cell>
          <cell r="F86" t="str">
            <v>001-0021</v>
          </cell>
          <cell r="G86" t="str">
            <v>北区北２１西８－２－２８ 第１田村ビル</v>
          </cell>
          <cell r="H86" t="str">
            <v>736-4030</v>
          </cell>
          <cell r="I86" t="str">
            <v>736-4035</v>
          </cell>
        </row>
        <row r="87">
          <cell r="A87" t="str">
            <v>10210R</v>
          </cell>
          <cell r="B87" t="str">
            <v>ｱｰﾄｼｽﾃﾑ</v>
          </cell>
          <cell r="C87" t="str">
            <v>アートシステム（株）</v>
          </cell>
          <cell r="D87" t="str">
            <v>森本 元義</v>
          </cell>
          <cell r="E87" t="str">
            <v>代表取締役</v>
          </cell>
          <cell r="F87" t="str">
            <v>062-0020</v>
          </cell>
          <cell r="G87" t="str">
            <v>豊平区月寒中央通３－１－８</v>
          </cell>
          <cell r="H87" t="str">
            <v>858-3231</v>
          </cell>
          <cell r="I87" t="str">
            <v>855-3241</v>
          </cell>
        </row>
        <row r="88">
          <cell r="A88" t="str">
            <v>10216Z</v>
          </cell>
          <cell r="B88" t="str">
            <v>ﾉｳﾞｪﾙﾄｰﾀﾙｻﾌﾟﾗｲ</v>
          </cell>
          <cell r="C88" t="str">
            <v>（株）ノヴェルトータルサプライ</v>
          </cell>
          <cell r="D88" t="str">
            <v>河野 英夫</v>
          </cell>
          <cell r="E88" t="str">
            <v>代表取締役</v>
          </cell>
          <cell r="F88" t="str">
            <v>060-0908</v>
          </cell>
          <cell r="G88" t="str">
            <v>東区北８東１－３－１５－１０３</v>
          </cell>
          <cell r="H88" t="str">
            <v>753-4745</v>
          </cell>
          <cell r="I88" t="str">
            <v>731-9773</v>
          </cell>
        </row>
        <row r="89">
          <cell r="A89" t="str">
            <v>10217X</v>
          </cell>
          <cell r="B89" t="str">
            <v>ｱｻﾋｶﾜﾋﾞｼﾞﾈｽ</v>
          </cell>
          <cell r="C89" t="str">
            <v>（株）旭川ビジネス</v>
          </cell>
          <cell r="D89" t="str">
            <v>高畑 信一</v>
          </cell>
          <cell r="E89" t="str">
            <v>代表取締役</v>
          </cell>
          <cell r="F89" t="str">
            <v>071-8131</v>
          </cell>
          <cell r="G89" t="str">
            <v>旭川市末広１－１５－４－１４</v>
          </cell>
          <cell r="H89" t="str">
            <v>0166-58-7200</v>
          </cell>
          <cell r="I89" t="str">
            <v>0166-58-7272</v>
          </cell>
        </row>
        <row r="90">
          <cell r="A90" t="str">
            <v>10224S</v>
          </cell>
          <cell r="B90" t="str">
            <v>ｱﾃﾞｨｽﾐｭｰｽﾞ</v>
          </cell>
          <cell r="C90" t="str">
            <v>（株）アディスミューズ札幌営業所</v>
          </cell>
          <cell r="D90" t="str">
            <v>岸本 己幸</v>
          </cell>
          <cell r="E90" t="str">
            <v>所長</v>
          </cell>
          <cell r="F90" t="str">
            <v>060-0002</v>
          </cell>
          <cell r="G90" t="str">
            <v>中央区北２西１３－１</v>
          </cell>
          <cell r="H90" t="str">
            <v>281-6501</v>
          </cell>
          <cell r="I90" t="str">
            <v>281-6502</v>
          </cell>
        </row>
        <row r="91">
          <cell r="A91" t="str">
            <v>10226Y</v>
          </cell>
          <cell r="B91" t="str">
            <v>ｱｷﾔﾏﾌﾞﾂﾘｭｳｻｰﾋﾞｽ</v>
          </cell>
          <cell r="C91" t="str">
            <v>秋山物流サービス（株）</v>
          </cell>
          <cell r="D91" t="str">
            <v>堀 清純</v>
          </cell>
          <cell r="E91" t="str">
            <v>代表取締役社長</v>
          </cell>
          <cell r="F91" t="str">
            <v>061-1274</v>
          </cell>
          <cell r="G91" t="str">
            <v>北広島市大曲工業団地３－３－２</v>
          </cell>
          <cell r="H91" t="str">
            <v>377-7471</v>
          </cell>
          <cell r="I91" t="str">
            <v>377-4268</v>
          </cell>
        </row>
        <row r="92">
          <cell r="A92" t="str">
            <v>10232W</v>
          </cell>
          <cell r="B92" t="str">
            <v>ｱｰﾄﾌﾟﾛﾓｰｼｮﾝ</v>
          </cell>
          <cell r="C92" t="str">
            <v>（有）アートプロモーション</v>
          </cell>
          <cell r="D92" t="str">
            <v>澄川 敏彦</v>
          </cell>
          <cell r="E92" t="str">
            <v>代表取締役</v>
          </cell>
          <cell r="F92" t="str">
            <v>060-0042</v>
          </cell>
          <cell r="G92" t="str">
            <v>中央区大通西１７－１－１４</v>
          </cell>
          <cell r="H92" t="str">
            <v>881-6733</v>
          </cell>
          <cell r="I92" t="str">
            <v>881-6744</v>
          </cell>
        </row>
        <row r="93">
          <cell r="A93" t="str">
            <v>10240Z</v>
          </cell>
          <cell r="B93" t="str">
            <v>ｱﾍﾞｻｯﾎﾟﾛｶﾞﾗｽﾃﾝ</v>
          </cell>
          <cell r="C93" t="str">
            <v>アベ札幌ガラス店</v>
          </cell>
          <cell r="D93" t="str">
            <v>阿部 清</v>
          </cell>
          <cell r="E93" t="str">
            <v>代表者</v>
          </cell>
          <cell r="F93" t="str">
            <v>005-0806</v>
          </cell>
          <cell r="G93" t="str">
            <v>南区川沿６－２－２－３７</v>
          </cell>
          <cell r="H93" t="str">
            <v>572-2524</v>
          </cell>
          <cell r="I93" t="str">
            <v>572-2779</v>
          </cell>
        </row>
        <row r="94">
          <cell r="A94" t="str">
            <v>10241X</v>
          </cell>
          <cell r="B94" t="str">
            <v>ｱﾝﾄﾞｳｼｮｳｶｲ</v>
          </cell>
          <cell r="C94" t="str">
            <v>（有）安東商会</v>
          </cell>
          <cell r="D94" t="str">
            <v>安東 憲一</v>
          </cell>
          <cell r="E94" t="str">
            <v>代表取締役</v>
          </cell>
          <cell r="F94" t="str">
            <v>062-0020</v>
          </cell>
          <cell r="G94" t="str">
            <v>豊平区月寒中央通４－４－１８－１０３</v>
          </cell>
          <cell r="H94" t="str">
            <v>852-7634</v>
          </cell>
          <cell r="I94" t="str">
            <v>852-7635</v>
          </cell>
        </row>
        <row r="95">
          <cell r="A95" t="str">
            <v>10242V</v>
          </cell>
          <cell r="B95" t="str">
            <v>ｱﾙﾌｧﾃｸﾉｽ</v>
          </cell>
          <cell r="C95" t="str">
            <v>アルファテクノス（株）</v>
          </cell>
          <cell r="D95" t="str">
            <v>澤谷 時雄</v>
          </cell>
          <cell r="E95" t="str">
            <v>代表取締役</v>
          </cell>
          <cell r="F95" t="str">
            <v>060-0063</v>
          </cell>
          <cell r="G95" t="str">
            <v>中央区南３西１３－３２０－２</v>
          </cell>
          <cell r="H95" t="str">
            <v>261-2310</v>
          </cell>
          <cell r="I95" t="str">
            <v>261-2381</v>
          </cell>
        </row>
        <row r="96">
          <cell r="A96" t="str">
            <v>10243S</v>
          </cell>
          <cell r="B96" t="str">
            <v>ｱｽﾞﾃｯｸ</v>
          </cell>
          <cell r="C96" t="str">
            <v>（株）アズテック</v>
          </cell>
          <cell r="D96" t="str">
            <v>岡部 真也</v>
          </cell>
          <cell r="E96" t="str">
            <v>代表取締役</v>
          </cell>
          <cell r="F96" t="str">
            <v>156-0057</v>
          </cell>
          <cell r="G96" t="str">
            <v>東京都世田谷区上北沢４－１６－１１</v>
          </cell>
          <cell r="H96" t="str">
            <v>03-5316-5570</v>
          </cell>
          <cell r="I96" t="str">
            <v>03-5316-5578</v>
          </cell>
        </row>
        <row r="97">
          <cell r="A97" t="str">
            <v>10245Y</v>
          </cell>
          <cell r="B97" t="str">
            <v>ｱｲﾃｨ･ｺﾐｭﾆｹｰｼｮﾝｽﾞ</v>
          </cell>
          <cell r="C97" t="str">
            <v>（株）アイティ・コミュニケーションズ</v>
          </cell>
          <cell r="D97" t="str">
            <v>小金澤 健司</v>
          </cell>
          <cell r="E97" t="str">
            <v>代表取締役社長</v>
          </cell>
          <cell r="F97" t="str">
            <v>060-0003</v>
          </cell>
          <cell r="G97" t="str">
            <v>中央区北３西３－１－５シグマ北３条ビル９階</v>
          </cell>
          <cell r="H97" t="str">
            <v>233-0021</v>
          </cell>
          <cell r="I97" t="str">
            <v>233-0033</v>
          </cell>
        </row>
        <row r="98">
          <cell r="A98" t="str">
            <v>10246W</v>
          </cell>
          <cell r="B98" t="str">
            <v>ｱｽﾞﾋﾞｨｸﾘｴｰｼｮﾝ</v>
          </cell>
          <cell r="C98" t="str">
            <v>アズビィクリエーション（有）</v>
          </cell>
          <cell r="D98" t="str">
            <v>三宅 一洋</v>
          </cell>
          <cell r="E98" t="str">
            <v>代表取締役</v>
          </cell>
          <cell r="F98" t="str">
            <v>064-0826</v>
          </cell>
          <cell r="G98" t="str">
            <v>中央区北６西２６－２８－７０５ｹｰｱｲﾋﾞﾙ７階705</v>
          </cell>
          <cell r="H98" t="str">
            <v>614-0832</v>
          </cell>
          <cell r="I98" t="str">
            <v>614-0828</v>
          </cell>
        </row>
        <row r="99">
          <cell r="A99" t="str">
            <v>10247T</v>
          </cell>
          <cell r="B99" t="str">
            <v>ｱｲﾃｯｸｻﾌﾟﾗｲ</v>
          </cell>
          <cell r="C99" t="str">
            <v>（有）アイテックサプライ</v>
          </cell>
          <cell r="D99" t="str">
            <v>板倉 清</v>
          </cell>
          <cell r="E99" t="str">
            <v>代表取締役</v>
          </cell>
          <cell r="F99" t="str">
            <v>065-0010</v>
          </cell>
          <cell r="G99" t="str">
            <v>東区北１０東２－３－１８</v>
          </cell>
          <cell r="H99" t="str">
            <v>748-3777</v>
          </cell>
          <cell r="I99" t="str">
            <v>748-3778</v>
          </cell>
        </row>
        <row r="100">
          <cell r="A100" t="str">
            <v>10248R</v>
          </cell>
          <cell r="B100" t="str">
            <v>ｱﾛｼｽﾃﾑ</v>
          </cell>
          <cell r="C100" t="str">
            <v>アロシステム（株）北海道支店</v>
          </cell>
          <cell r="D100" t="str">
            <v>塩原 寿哉</v>
          </cell>
          <cell r="E100" t="str">
            <v>支店長</v>
          </cell>
          <cell r="F100" t="str">
            <v>060-0809</v>
          </cell>
          <cell r="G100" t="str">
            <v>北区北９西４－１０－３</v>
          </cell>
          <cell r="H100" t="str">
            <v>700-1052</v>
          </cell>
          <cell r="I100" t="str">
            <v>700-1051</v>
          </cell>
        </row>
        <row r="101">
          <cell r="A101" t="str">
            <v>10249N</v>
          </cell>
          <cell r="B101" t="str">
            <v>ｱｸｱｽ･ｴﾝｼﾞﾆｱﾘﾝｸﾞ</v>
          </cell>
          <cell r="C101" t="str">
            <v>アクアス・エンジニアリング（株）</v>
          </cell>
          <cell r="D101" t="str">
            <v>長尾 裕之</v>
          </cell>
          <cell r="E101" t="str">
            <v>代表取締役</v>
          </cell>
          <cell r="F101" t="str">
            <v>007-0836</v>
          </cell>
          <cell r="G101" t="str">
            <v>東区北３６東１５－１－１</v>
          </cell>
          <cell r="H101" t="str">
            <v>748-8266</v>
          </cell>
          <cell r="I101" t="str">
            <v>748-8267</v>
          </cell>
        </row>
        <row r="102">
          <cell r="A102" t="str">
            <v>10250Y</v>
          </cell>
          <cell r="B102" t="str">
            <v>ｱｲﾊﾟｽ</v>
          </cell>
          <cell r="C102" t="str">
            <v>（株）アイパス</v>
          </cell>
          <cell r="D102" t="str">
            <v>高澤 幹雄</v>
          </cell>
          <cell r="E102" t="str">
            <v>代表取締役</v>
          </cell>
          <cell r="F102" t="str">
            <v>060-0051</v>
          </cell>
          <cell r="G102" t="str">
            <v>中央区南１東３－１０－１３</v>
          </cell>
          <cell r="H102" t="str">
            <v>241-8601</v>
          </cell>
          <cell r="I102" t="str">
            <v>241-8630</v>
          </cell>
        </row>
        <row r="103">
          <cell r="A103" t="str">
            <v>10254N</v>
          </cell>
          <cell r="B103" t="str">
            <v>ｱｲ･ﾋﾟｰ･ｱｲｼﾞｬﾊﾟﾝ</v>
          </cell>
          <cell r="C103" t="str">
            <v>アイ・ピー・アイジャパン（有）</v>
          </cell>
          <cell r="D103" t="str">
            <v>伊藤 守</v>
          </cell>
          <cell r="E103" t="str">
            <v>代表取締役</v>
          </cell>
          <cell r="F103" t="str">
            <v>060-0062</v>
          </cell>
          <cell r="G103" t="str">
            <v>中央区南２西１３－３１９－１３ ﾊﾟｼﾌｨｯｸ南２条</v>
          </cell>
          <cell r="H103" t="str">
            <v>271-5055</v>
          </cell>
          <cell r="I103" t="str">
            <v>271-5058</v>
          </cell>
        </row>
        <row r="104">
          <cell r="A104" t="str">
            <v>10255X</v>
          </cell>
          <cell r="B104" t="str">
            <v>ｱｻﾋｶﾜｹｲﾘｮｳｷ</v>
          </cell>
          <cell r="C104" t="str">
            <v>旭川計量機（株）</v>
          </cell>
          <cell r="D104" t="str">
            <v>茶木 拓治</v>
          </cell>
          <cell r="E104" t="str">
            <v>代表取締役</v>
          </cell>
          <cell r="F104" t="str">
            <v>079-8442</v>
          </cell>
          <cell r="G104" t="str">
            <v>旭川市流通団地２－４</v>
          </cell>
          <cell r="H104" t="str">
            <v>0166-48-3515</v>
          </cell>
          <cell r="I104" t="str">
            <v>0166-47-2712</v>
          </cell>
        </row>
        <row r="105">
          <cell r="A105" t="str">
            <v>10258P</v>
          </cell>
          <cell r="B105" t="str">
            <v>ｱｸﾞﾛｼﾞｬﾊﾟﾝ</v>
          </cell>
          <cell r="C105" t="str">
            <v>（株）アグロジャパン札幌営業部</v>
          </cell>
          <cell r="D105" t="str">
            <v>土門 敏人</v>
          </cell>
          <cell r="E105" t="str">
            <v>営業部長</v>
          </cell>
          <cell r="F105" t="str">
            <v>003-0030</v>
          </cell>
          <cell r="G105" t="str">
            <v>白石区流通センター６－２－１５</v>
          </cell>
          <cell r="H105" t="str">
            <v>892-6220</v>
          </cell>
          <cell r="I105" t="str">
            <v>892-6230</v>
          </cell>
        </row>
        <row r="106">
          <cell r="A106" t="str">
            <v>10259Z</v>
          </cell>
          <cell r="B106" t="str">
            <v>ｱｻﾋｴﾝｼﾞﾆｱﾘﾝｸﾞ</v>
          </cell>
          <cell r="C106" t="str">
            <v>旭エンジニアリング（株）</v>
          </cell>
          <cell r="D106" t="str">
            <v>星野 恭亮</v>
          </cell>
          <cell r="E106" t="str">
            <v>代表取締役</v>
          </cell>
          <cell r="F106" t="str">
            <v>004-0042</v>
          </cell>
          <cell r="G106" t="str">
            <v>厚別区大谷地西３－１１－１５</v>
          </cell>
          <cell r="H106" t="str">
            <v>801-5055</v>
          </cell>
          <cell r="I106" t="str">
            <v>896-7011</v>
          </cell>
        </row>
        <row r="107">
          <cell r="A107" t="str">
            <v>10261V</v>
          </cell>
          <cell r="B107" t="str">
            <v>ｱｲﾄﾞﾙﾌｫﾄｽﾀｼﾞｵｻﾄｳｼｬｼﾝｶﾝ</v>
          </cell>
          <cell r="C107" t="str">
            <v>アイドルフォトスタジオ 佐藤写真館</v>
          </cell>
          <cell r="D107" t="str">
            <v>佐藤 浩樹</v>
          </cell>
          <cell r="E107" t="str">
            <v>代表</v>
          </cell>
          <cell r="F107" t="str">
            <v>063-0032</v>
          </cell>
          <cell r="G107" t="str">
            <v>西区西野２－７－５－１２－１０１</v>
          </cell>
          <cell r="H107" t="str">
            <v>665-3521</v>
          </cell>
          <cell r="I107" t="str">
            <v>665-3521</v>
          </cell>
        </row>
        <row r="108">
          <cell r="A108" t="str">
            <v>10262S</v>
          </cell>
          <cell r="B108" t="str">
            <v>ｱｲﾀｽ</v>
          </cell>
          <cell r="C108" t="str">
            <v>（資）アイタス</v>
          </cell>
          <cell r="D108" t="str">
            <v>石川 義洋</v>
          </cell>
          <cell r="E108" t="str">
            <v>無限責任社員</v>
          </cell>
          <cell r="F108" t="str">
            <v>003-0005</v>
          </cell>
          <cell r="G108" t="str">
            <v>白石区東札幌５－１－１－１ 札幌市産業振興ｾﾝﾀｰ</v>
          </cell>
          <cell r="H108" t="str">
            <v>837-8538</v>
          </cell>
          <cell r="I108" t="str">
            <v>837-8539</v>
          </cell>
        </row>
        <row r="109">
          <cell r="A109" t="str">
            <v>10263P</v>
          </cell>
          <cell r="B109" t="str">
            <v>ｱｻﾋｱｸﾞﾘ</v>
          </cell>
          <cell r="C109" t="str">
            <v>（株）朝日アグリ</v>
          </cell>
          <cell r="D109" t="str">
            <v>瀬戸 正昭</v>
          </cell>
          <cell r="E109" t="str">
            <v>代表取締役</v>
          </cell>
          <cell r="F109" t="str">
            <v>060-0002</v>
          </cell>
          <cell r="G109" t="str">
            <v>中央区北２西３ 札幌ビル３Ｆ</v>
          </cell>
          <cell r="H109" t="str">
            <v>221-1551</v>
          </cell>
          <cell r="I109" t="str">
            <v>231-1551</v>
          </cell>
        </row>
        <row r="110">
          <cell r="A110" t="str">
            <v>10264Z</v>
          </cell>
          <cell r="B110" t="str">
            <v>ｱｻﾋｾｲｻｸｼｮ</v>
          </cell>
          <cell r="C110" t="str">
            <v>（株）アサヒ製作所北海道営業所</v>
          </cell>
          <cell r="D110" t="str">
            <v>澤田 崇夫</v>
          </cell>
          <cell r="E110" t="str">
            <v>所長</v>
          </cell>
          <cell r="F110" t="str">
            <v>007-0869</v>
          </cell>
          <cell r="G110" t="str">
            <v>東区伏古９－２－１－１４</v>
          </cell>
          <cell r="H110" t="str">
            <v>787-2300</v>
          </cell>
          <cell r="I110" t="str">
            <v>787-4250</v>
          </cell>
        </row>
        <row r="111">
          <cell r="A111" t="str">
            <v>10265W</v>
          </cell>
          <cell r="B111" t="str">
            <v>ｱﾙﾌｧﾄﾚﾝﾄﾞ</v>
          </cell>
          <cell r="C111" t="str">
            <v>（株）アルファ・トレンド</v>
          </cell>
          <cell r="D111" t="str">
            <v>田中 博見</v>
          </cell>
          <cell r="E111" t="str">
            <v>代表取締役社長</v>
          </cell>
          <cell r="F111" t="str">
            <v>003-0024</v>
          </cell>
          <cell r="G111" t="str">
            <v>白石区本郷通１３南１－１３</v>
          </cell>
          <cell r="H111" t="str">
            <v>860-7380</v>
          </cell>
          <cell r="I111" t="str">
            <v>860-7378</v>
          </cell>
        </row>
        <row r="112">
          <cell r="A112" t="str">
            <v>10269Y</v>
          </cell>
          <cell r="B112" t="str">
            <v>ｱｵｲｶﾝｷｮｳ</v>
          </cell>
          <cell r="C112" t="str">
            <v>アオイ環境（株）</v>
          </cell>
          <cell r="D112" t="str">
            <v>氏家 泰造</v>
          </cell>
          <cell r="E112" t="str">
            <v>代表取締役</v>
          </cell>
          <cell r="F112" t="str">
            <v>064-0943</v>
          </cell>
          <cell r="G112" t="str">
            <v>中央区界川２－３－６</v>
          </cell>
          <cell r="H112" t="str">
            <v>533-4882</v>
          </cell>
          <cell r="I112" t="str">
            <v>533-4883</v>
          </cell>
        </row>
        <row r="113">
          <cell r="A113" t="str">
            <v>10270W</v>
          </cell>
          <cell r="B113" t="str">
            <v>ｱﾝｸﾙ</v>
          </cell>
          <cell r="C113" t="str">
            <v>（株）アンクル</v>
          </cell>
          <cell r="D113" t="str">
            <v>大塚 信一</v>
          </cell>
          <cell r="E113" t="str">
            <v>代表取締役</v>
          </cell>
          <cell r="F113" t="str">
            <v>064-0811</v>
          </cell>
          <cell r="G113" t="str">
            <v>中央区南１１西１７－２－３４ﾊﾟﾜｰﾊｳｽﾋﾞﾙ２階</v>
          </cell>
          <cell r="H113" t="str">
            <v>513-4077</v>
          </cell>
          <cell r="I113" t="str">
            <v>513-5066</v>
          </cell>
        </row>
        <row r="114">
          <cell r="A114" t="str">
            <v>10271T</v>
          </cell>
          <cell r="B114" t="str">
            <v>ｱｲﾃｯｸ</v>
          </cell>
          <cell r="C114" t="str">
            <v>アイテック（株）札幌支店</v>
          </cell>
          <cell r="D114" t="str">
            <v>中村 元昭</v>
          </cell>
          <cell r="E114" t="str">
            <v>支店長</v>
          </cell>
          <cell r="F114" t="str">
            <v>060-0001</v>
          </cell>
          <cell r="G114" t="str">
            <v>中央区北１西１９－１－１６ 萩原ビル２Ｆ</v>
          </cell>
          <cell r="H114" t="str">
            <v>614-0021</v>
          </cell>
          <cell r="I114" t="str">
            <v>614-9970</v>
          </cell>
        </row>
        <row r="115">
          <cell r="A115" t="str">
            <v>10272R</v>
          </cell>
          <cell r="B115" t="str">
            <v>ｱﾘﾀﾃﾞﾝｷｼｮｳｶｲ</v>
          </cell>
          <cell r="C115" t="str">
            <v>（株）有田電機商会</v>
          </cell>
          <cell r="D115" t="str">
            <v>有田 和浩</v>
          </cell>
          <cell r="E115" t="str">
            <v>代表取締役</v>
          </cell>
          <cell r="F115" t="str">
            <v>001-0021</v>
          </cell>
          <cell r="G115" t="str">
            <v>北区北２１西５－１８</v>
          </cell>
          <cell r="H115" t="str">
            <v>746-4321</v>
          </cell>
          <cell r="I115" t="str">
            <v>746-4323</v>
          </cell>
        </row>
        <row r="116">
          <cell r="A116" t="str">
            <v>10274Y</v>
          </cell>
          <cell r="B116" t="str">
            <v>ｱｸﾃｨｵ</v>
          </cell>
          <cell r="C116" t="str">
            <v>（株）アクティオ北海道支店</v>
          </cell>
          <cell r="D116" t="str">
            <v>田仲 浩一</v>
          </cell>
          <cell r="E116" t="str">
            <v>支店長</v>
          </cell>
          <cell r="F116" t="str">
            <v>003-0811</v>
          </cell>
          <cell r="G116" t="str">
            <v>白石区菊水上町１－４－１－１４</v>
          </cell>
          <cell r="H116" t="str">
            <v>814-1411</v>
          </cell>
          <cell r="I116" t="str">
            <v>815-1530</v>
          </cell>
        </row>
        <row r="117">
          <cell r="A117" t="str">
            <v>10275V</v>
          </cell>
          <cell r="B117" t="str">
            <v>ｱﾂﾞﾏｼｮｳｶｲ</v>
          </cell>
          <cell r="C117" t="str">
            <v>（株）吾妻商会札幌営業所</v>
          </cell>
          <cell r="D117" t="str">
            <v>内田 明廣</v>
          </cell>
          <cell r="E117" t="str">
            <v>所長</v>
          </cell>
          <cell r="F117" t="str">
            <v>003-0821</v>
          </cell>
          <cell r="G117" t="str">
            <v>白石区菊水元町１－２－３－８</v>
          </cell>
          <cell r="H117" t="str">
            <v>879-8639</v>
          </cell>
          <cell r="I117" t="str">
            <v>879-8648</v>
          </cell>
        </row>
        <row r="118">
          <cell r="A118" t="str">
            <v>10276S</v>
          </cell>
          <cell r="B118" t="str">
            <v>ｱｲ･ﾃｨ･ｴｽ</v>
          </cell>
          <cell r="C118" t="str">
            <v>（株）アイ・ティ・エス</v>
          </cell>
          <cell r="D118" t="str">
            <v>下川 俊克</v>
          </cell>
          <cell r="E118" t="str">
            <v>代表取締役</v>
          </cell>
          <cell r="F118" t="str">
            <v>065-0023</v>
          </cell>
          <cell r="G118" t="str">
            <v>東区北２３東１５－５－２５</v>
          </cell>
          <cell r="H118" t="str">
            <v>743-1707</v>
          </cell>
          <cell r="I118" t="str">
            <v>743-1708</v>
          </cell>
        </row>
        <row r="119">
          <cell r="A119" t="str">
            <v>10278Z</v>
          </cell>
          <cell r="B119" t="str">
            <v>ｱｸｾﾝﾁｭｱ</v>
          </cell>
          <cell r="C119" t="str">
            <v>アクセンチュア（株）</v>
          </cell>
          <cell r="D119" t="str">
            <v>村山 徹</v>
          </cell>
          <cell r="E119" t="str">
            <v>代表取締役社長</v>
          </cell>
          <cell r="F119" t="str">
            <v>107-8672</v>
          </cell>
          <cell r="G119" t="str">
            <v>東京都港区赤坂７－１－１６</v>
          </cell>
          <cell r="H119" t="str">
            <v>03-3470-9241</v>
          </cell>
          <cell r="I119" t="str">
            <v>03-3796-4142</v>
          </cell>
        </row>
        <row r="120">
          <cell r="A120" t="str">
            <v>10279X</v>
          </cell>
          <cell r="B120" t="str">
            <v>ｱｲﾃｨｱﾝﾄﾞｱｲ</v>
          </cell>
          <cell r="C120" t="str">
            <v>（株）アイティアンドアイ</v>
          </cell>
          <cell r="D120" t="str">
            <v>佐藤 久雄</v>
          </cell>
          <cell r="E120" t="str">
            <v>代表取締役</v>
          </cell>
          <cell r="F120" t="str">
            <v>060-0042</v>
          </cell>
          <cell r="G120" t="str">
            <v>中央区大通西１３－４－１６１</v>
          </cell>
          <cell r="H120" t="str">
            <v>261-3993</v>
          </cell>
          <cell r="I120" t="str">
            <v>261-8866</v>
          </cell>
        </row>
        <row r="121">
          <cell r="A121" t="str">
            <v>10282P</v>
          </cell>
          <cell r="B121" t="str">
            <v>ｱｷﾀｼﾞｮｳﾎｳｾﾝﾀｰ</v>
          </cell>
          <cell r="C121" t="str">
            <v>（株）秋田情報センター</v>
          </cell>
          <cell r="D121" t="str">
            <v>江畑 基一</v>
          </cell>
          <cell r="E121" t="str">
            <v>代表取締役</v>
          </cell>
          <cell r="F121" t="str">
            <v>010-0951</v>
          </cell>
          <cell r="G121" t="str">
            <v>秋田県秋田市山王３－８－３４</v>
          </cell>
          <cell r="H121" t="str">
            <v>018-862-4509</v>
          </cell>
          <cell r="I121" t="str">
            <v>018-863-9245</v>
          </cell>
        </row>
        <row r="122">
          <cell r="A122" t="str">
            <v>10283Z</v>
          </cell>
          <cell r="B122" t="str">
            <v>ｱﾍﾞｶｲﾀｲ</v>
          </cell>
          <cell r="C122" t="str">
            <v>（有）阿部解体</v>
          </cell>
          <cell r="D122" t="str">
            <v>阿部 富雄</v>
          </cell>
          <cell r="E122" t="str">
            <v>代表取締役</v>
          </cell>
          <cell r="F122" t="str">
            <v>063-0036</v>
          </cell>
          <cell r="G122" t="str">
            <v>西区西野６－５－４－２２</v>
          </cell>
          <cell r="H122" t="str">
            <v>661-0481</v>
          </cell>
          <cell r="I122" t="str">
            <v>665-9814</v>
          </cell>
        </row>
        <row r="123">
          <cell r="A123" t="str">
            <v>10287N</v>
          </cell>
          <cell r="B123" t="str">
            <v>ｱｲｯｸｽ</v>
          </cell>
          <cell r="C123" t="str">
            <v>（株）アイックス</v>
          </cell>
          <cell r="D123" t="str">
            <v>伊藤 烈</v>
          </cell>
          <cell r="E123" t="str">
            <v>代表取締役</v>
          </cell>
          <cell r="F123" t="str">
            <v>003-0026</v>
          </cell>
          <cell r="G123" t="str">
            <v>白石区本通１２南３－１０</v>
          </cell>
          <cell r="H123" t="str">
            <v>861-0197</v>
          </cell>
          <cell r="I123" t="str">
            <v>861-0744</v>
          </cell>
        </row>
        <row r="124">
          <cell r="A124" t="str">
            <v>10288Y</v>
          </cell>
          <cell r="B124" t="str">
            <v>ｱﾙｼｽ</v>
          </cell>
          <cell r="C124" t="str">
            <v>（株）アルシス</v>
          </cell>
          <cell r="D124" t="str">
            <v>塚田 正章</v>
          </cell>
          <cell r="E124" t="str">
            <v>代表取締役</v>
          </cell>
          <cell r="F124" t="str">
            <v>060-0042</v>
          </cell>
          <cell r="G124" t="str">
            <v>中央区大通西８－２－３８</v>
          </cell>
          <cell r="H124" t="str">
            <v>261-2661</v>
          </cell>
          <cell r="I124" t="str">
            <v>261-2660</v>
          </cell>
        </row>
        <row r="125">
          <cell r="A125" t="str">
            <v>10289W</v>
          </cell>
          <cell r="B125" t="str">
            <v>ｱｰｽｻﾎﾟｰﾄ</v>
          </cell>
          <cell r="C125" t="str">
            <v>アースサポート（株）</v>
          </cell>
          <cell r="D125" t="str">
            <v>森山 典明</v>
          </cell>
          <cell r="E125" t="str">
            <v>代表取締役</v>
          </cell>
          <cell r="F125" t="str">
            <v>151-0071</v>
          </cell>
          <cell r="G125" t="str">
            <v>東京都渋谷区本町１－８－７</v>
          </cell>
          <cell r="H125" t="str">
            <v>03-3377-1100</v>
          </cell>
          <cell r="I125" t="str">
            <v>03-3377-1772</v>
          </cell>
        </row>
        <row r="126">
          <cell r="A126" t="str">
            <v>10291R</v>
          </cell>
          <cell r="B126" t="str">
            <v>ｱｰﾙ･ｵｰ･ｴｽｷﾞｹﾝ</v>
          </cell>
          <cell r="C126" t="str">
            <v>（有）アール・オー・エス技研</v>
          </cell>
          <cell r="D126" t="str">
            <v>三井 泰治</v>
          </cell>
          <cell r="E126" t="str">
            <v>代表取締役</v>
          </cell>
          <cell r="F126" t="str">
            <v>064-0952</v>
          </cell>
          <cell r="G126" t="str">
            <v>中央区宮の森２－８－３－８</v>
          </cell>
          <cell r="H126" t="str">
            <v>615-3688</v>
          </cell>
          <cell r="I126" t="str">
            <v>615-3688</v>
          </cell>
        </row>
        <row r="127">
          <cell r="A127" t="str">
            <v>10292N</v>
          </cell>
          <cell r="B127" t="str">
            <v>ｱﾂﾞﾏｾｷﾕﾆﾔｸｻｰﾋﾞｽ</v>
          </cell>
          <cell r="C127" t="str">
            <v>アヅマ石油荷役サービス（株）</v>
          </cell>
          <cell r="D127" t="str">
            <v>大野 二重</v>
          </cell>
          <cell r="E127" t="str">
            <v>代表取締役</v>
          </cell>
          <cell r="F127" t="str">
            <v>063-0032</v>
          </cell>
          <cell r="G127" t="str">
            <v>西区西野２－７－１－６</v>
          </cell>
          <cell r="H127" t="str">
            <v>669-8311</v>
          </cell>
          <cell r="I127" t="str">
            <v>669-8313</v>
          </cell>
        </row>
        <row r="128">
          <cell r="A128" t="str">
            <v>10293Y</v>
          </cell>
          <cell r="B128" t="str">
            <v>ｱｸｼｽ</v>
          </cell>
          <cell r="C128" t="str">
            <v>（株）アクシス</v>
          </cell>
          <cell r="D128" t="str">
            <v>渡辺 崇彦</v>
          </cell>
          <cell r="E128" t="str">
            <v>代表取締役</v>
          </cell>
          <cell r="F128" t="str">
            <v>063-0801</v>
          </cell>
          <cell r="G128" t="str">
            <v>西区二十四軒１－５－１－２</v>
          </cell>
          <cell r="H128" t="str">
            <v>641-8221</v>
          </cell>
          <cell r="I128" t="str">
            <v>641-7665</v>
          </cell>
        </row>
        <row r="129">
          <cell r="A129" t="str">
            <v>10294W</v>
          </cell>
          <cell r="B129" t="str">
            <v>ｱｼﾞｪﾝﾀﾞ</v>
          </cell>
          <cell r="C129" t="str">
            <v>（株）アジェンダ</v>
          </cell>
          <cell r="D129" t="str">
            <v>松井 文也</v>
          </cell>
          <cell r="E129" t="str">
            <v>代表取締役社長</v>
          </cell>
          <cell r="F129" t="str">
            <v>060-8737</v>
          </cell>
          <cell r="G129" t="str">
            <v>北区北７西６－２－３４ キタノビル</v>
          </cell>
          <cell r="H129" t="str">
            <v>716-0171</v>
          </cell>
          <cell r="I129" t="str">
            <v>716-0161</v>
          </cell>
        </row>
        <row r="130">
          <cell r="A130" t="str">
            <v>10295S</v>
          </cell>
          <cell r="B130" t="str">
            <v>ｱﾈｯﾄ</v>
          </cell>
          <cell r="C130" t="str">
            <v>（株）アネット</v>
          </cell>
          <cell r="D130" t="str">
            <v>老松 好城</v>
          </cell>
          <cell r="E130" t="str">
            <v>代表取締役</v>
          </cell>
          <cell r="F130" t="str">
            <v>060-0002</v>
          </cell>
          <cell r="G130" t="str">
            <v>中央区北２西３－１－１６</v>
          </cell>
          <cell r="H130" t="str">
            <v>232-3939</v>
          </cell>
          <cell r="I130" t="str">
            <v>232-3933</v>
          </cell>
        </row>
        <row r="131">
          <cell r="A131" t="str">
            <v>10297Z</v>
          </cell>
          <cell r="B131" t="str">
            <v>ｱｼｽﾄﾘｹﾝ</v>
          </cell>
          <cell r="C131" t="str">
            <v>（株）アシスト理研</v>
          </cell>
          <cell r="D131" t="str">
            <v>岡本 勝</v>
          </cell>
          <cell r="E131" t="str">
            <v>代表取締役</v>
          </cell>
          <cell r="F131" t="str">
            <v>001-0925</v>
          </cell>
          <cell r="G131" t="str">
            <v>北区新川５－１６－６－５</v>
          </cell>
          <cell r="H131" t="str">
            <v>764-5508</v>
          </cell>
          <cell r="I131" t="str">
            <v>764-5589</v>
          </cell>
        </row>
        <row r="132">
          <cell r="A132" t="str">
            <v>10298X</v>
          </cell>
          <cell r="B132" t="str">
            <v>ｱｰﾄﾊﾞｲﾌﾞｽ</v>
          </cell>
          <cell r="C132" t="str">
            <v>（有）アートバイブス</v>
          </cell>
          <cell r="D132" t="str">
            <v>村川 知行</v>
          </cell>
          <cell r="E132" t="str">
            <v>取締役</v>
          </cell>
          <cell r="F132" t="str">
            <v>006-0032</v>
          </cell>
          <cell r="G132" t="str">
            <v>手稲区稲穂２－７－１４－１８</v>
          </cell>
          <cell r="H132" t="str">
            <v>685-1868</v>
          </cell>
          <cell r="I132" t="str">
            <v>685-1869</v>
          </cell>
        </row>
        <row r="133">
          <cell r="A133" t="str">
            <v>10299V</v>
          </cell>
          <cell r="B133" t="str">
            <v>ｱｲﾘｽﾁﾄｾ</v>
          </cell>
          <cell r="C133" t="str">
            <v>アイリスチトセ（株）札幌支店</v>
          </cell>
          <cell r="D133" t="str">
            <v>鳥谷内 司</v>
          </cell>
          <cell r="E133" t="str">
            <v>支店長</v>
          </cell>
          <cell r="F133" t="str">
            <v>004-0063</v>
          </cell>
          <cell r="G133" t="str">
            <v>厚別区厚別西３－１－４－２５</v>
          </cell>
          <cell r="H133" t="str">
            <v>801-7522</v>
          </cell>
          <cell r="I133" t="str">
            <v>801-7527</v>
          </cell>
        </row>
        <row r="134">
          <cell r="A134" t="str">
            <v>10300P</v>
          </cell>
          <cell r="B134" t="str">
            <v>ｱｲﾁｺｰﾎﾟﾚｰｼｮﾝ</v>
          </cell>
          <cell r="C134" t="str">
            <v>（株）アイチコーポレーション北日本支店北海道支社</v>
          </cell>
          <cell r="D134" t="str">
            <v>滝沢 強</v>
          </cell>
          <cell r="E134" t="str">
            <v>支社長</v>
          </cell>
          <cell r="F134" t="str">
            <v>063-0834</v>
          </cell>
          <cell r="G134" t="str">
            <v>西区発寒１４－４－２－７０</v>
          </cell>
          <cell r="H134" t="str">
            <v>665-1301</v>
          </cell>
          <cell r="I134" t="str">
            <v>664-3155</v>
          </cell>
        </row>
        <row r="135">
          <cell r="A135" t="str">
            <v>10301Z</v>
          </cell>
          <cell r="B135" t="str">
            <v>ｱｶﾎﾞｳﾀｲｾｲｳﾝｿｳﾃﾝ</v>
          </cell>
          <cell r="C135" t="str">
            <v>赤帽大成運送店</v>
          </cell>
          <cell r="D135" t="str">
            <v>糟谷 官</v>
          </cell>
          <cell r="E135" t="str">
            <v>代表</v>
          </cell>
          <cell r="F135" t="str">
            <v>003-0821</v>
          </cell>
          <cell r="G135" t="str">
            <v>白石区菊水元町１－１－７－３０佐々木ｺｰﾎﾟﾗｽ201</v>
          </cell>
          <cell r="H135" t="str">
            <v>873-5658</v>
          </cell>
          <cell r="I135" t="str">
            <v>873-5658</v>
          </cell>
        </row>
        <row r="136">
          <cell r="A136" t="str">
            <v>10302X</v>
          </cell>
          <cell r="B136" t="str">
            <v>ｱﾃﾞｺ</v>
          </cell>
          <cell r="C136" t="str">
            <v>アデコ（株）</v>
          </cell>
          <cell r="D136" t="str">
            <v>上里 正明</v>
          </cell>
          <cell r="E136" t="str">
            <v>代表取締役社長</v>
          </cell>
          <cell r="F136" t="str">
            <v>107-0062</v>
          </cell>
          <cell r="G136" t="str">
            <v>東京都港区南青山１－１５－９第４５興和</v>
          </cell>
          <cell r="H136" t="str">
            <v>03-6439-7300</v>
          </cell>
          <cell r="I136" t="str">
            <v>03-6439-7594</v>
          </cell>
        </row>
        <row r="137">
          <cell r="A137" t="str">
            <v>10303V</v>
          </cell>
          <cell r="B137" t="str">
            <v>ｱﾋﾞｴﾝｼﾞﾆｱﾘﾝｸﾞ</v>
          </cell>
          <cell r="C137" t="str">
            <v>アビエンジニアリング（株）</v>
          </cell>
          <cell r="D137" t="str">
            <v>土居 学</v>
          </cell>
          <cell r="E137" t="str">
            <v>代表取締役</v>
          </cell>
          <cell r="F137" t="str">
            <v>001-0905</v>
          </cell>
          <cell r="G137" t="str">
            <v>北区新琴似５－１６－２－１４</v>
          </cell>
          <cell r="H137" t="str">
            <v>761-8800</v>
          </cell>
          <cell r="I137" t="str">
            <v>762-3800</v>
          </cell>
        </row>
        <row r="138">
          <cell r="A138" t="str">
            <v>10304S</v>
          </cell>
          <cell r="B138" t="str">
            <v>ｱｰﾄﾌﾗｯｸﾞ</v>
          </cell>
          <cell r="C138" t="str">
            <v>（有）アートフラッグ</v>
          </cell>
          <cell r="D138" t="str">
            <v>板倉 諭</v>
          </cell>
          <cell r="E138" t="str">
            <v>取締役社長</v>
          </cell>
          <cell r="F138" t="str">
            <v>002-8006</v>
          </cell>
          <cell r="G138" t="str">
            <v>北区太平６－６－７－３１</v>
          </cell>
          <cell r="H138" t="str">
            <v>775-6033</v>
          </cell>
          <cell r="I138" t="str">
            <v>775-6034</v>
          </cell>
        </row>
        <row r="139">
          <cell r="A139" t="str">
            <v>10305N</v>
          </cell>
          <cell r="B139" t="str">
            <v>ﾆｯﾎﾟﾝｱﾋﾞｵﾆｸｽﾊﾝﾊﾞｲ</v>
          </cell>
          <cell r="C139" t="str">
            <v>日本アビオニクス販売（株）</v>
          </cell>
          <cell r="D139" t="str">
            <v>三澤 隆久</v>
          </cell>
          <cell r="E139" t="str">
            <v>代表取締役</v>
          </cell>
          <cell r="F139" t="str">
            <v>246-0015</v>
          </cell>
          <cell r="G139" t="str">
            <v>横浜市瀬谷区本郷２－２８－２</v>
          </cell>
          <cell r="H139" t="str">
            <v>045-304-8254</v>
          </cell>
          <cell r="I139" t="str">
            <v>045-301-3100</v>
          </cell>
        </row>
        <row r="140">
          <cell r="A140" t="str">
            <v>10306Y</v>
          </cell>
          <cell r="B140" t="str">
            <v>ｱｲﾎｰ</v>
          </cell>
          <cell r="C140" t="str">
            <v>（株）アイホー札幌支店</v>
          </cell>
          <cell r="D140" t="str">
            <v>山本 忠正</v>
          </cell>
          <cell r="E140" t="str">
            <v>支店長</v>
          </cell>
          <cell r="F140" t="str">
            <v>062-0034</v>
          </cell>
          <cell r="G140" t="str">
            <v>豊平区西岡４－１３－１４－１８</v>
          </cell>
          <cell r="H140" t="str">
            <v>581-6088</v>
          </cell>
          <cell r="I140" t="str">
            <v>581-6101</v>
          </cell>
        </row>
        <row r="141">
          <cell r="A141" t="str">
            <v>10307W</v>
          </cell>
          <cell r="B141" t="str">
            <v>ｱｲﾉｸﾞﾗﾌｨｯｸｽ</v>
          </cell>
          <cell r="C141" t="str">
            <v>（株）アイノグラフィックス</v>
          </cell>
          <cell r="D141" t="str">
            <v>井上 好之</v>
          </cell>
          <cell r="E141" t="str">
            <v>代表取締役</v>
          </cell>
          <cell r="F141" t="str">
            <v>160-0004</v>
          </cell>
          <cell r="G141" t="str">
            <v>東京都新宿区四谷４－３４－１</v>
          </cell>
          <cell r="H141" t="str">
            <v>03-3352-2970</v>
          </cell>
          <cell r="I141" t="str">
            <v>03-3352-5729</v>
          </cell>
        </row>
        <row r="142">
          <cell r="A142" t="str">
            <v>10308T</v>
          </cell>
          <cell r="B142" t="str">
            <v>ｱｽﾅﾛｷｶｸ</v>
          </cell>
          <cell r="C142" t="str">
            <v>（有）あすなろ企画</v>
          </cell>
          <cell r="D142" t="str">
            <v>出口 春雄</v>
          </cell>
          <cell r="E142" t="str">
            <v>代表取締役</v>
          </cell>
          <cell r="F142" t="str">
            <v>065-0023</v>
          </cell>
          <cell r="G142" t="str">
            <v>東区北２３東９－１－７</v>
          </cell>
          <cell r="H142" t="str">
            <v>711-8245</v>
          </cell>
          <cell r="I142" t="str">
            <v>711-8245</v>
          </cell>
        </row>
        <row r="143">
          <cell r="A143" t="str">
            <v>10310N</v>
          </cell>
          <cell r="B143" t="str">
            <v>ｱｲ･ｳｪｱ</v>
          </cell>
          <cell r="C143" t="str">
            <v>（協）アイ・ウェア</v>
          </cell>
          <cell r="D143" t="str">
            <v>小山内 拓</v>
          </cell>
          <cell r="E143" t="str">
            <v>代表理事</v>
          </cell>
          <cell r="F143" t="str">
            <v>064-0805</v>
          </cell>
          <cell r="G143" t="str">
            <v>中央区南５西１－２－２３</v>
          </cell>
          <cell r="H143" t="str">
            <v>520-7006</v>
          </cell>
          <cell r="I143" t="str">
            <v>520-1734</v>
          </cell>
        </row>
        <row r="144">
          <cell r="A144" t="str">
            <v>10311Y</v>
          </cell>
          <cell r="B144" t="str">
            <v>ｱｲﾘﾝ</v>
          </cell>
          <cell r="C144" t="str">
            <v>（有）藍鱗</v>
          </cell>
          <cell r="D144" t="str">
            <v>長澤 てい子</v>
          </cell>
          <cell r="E144" t="str">
            <v>代表取締役社長</v>
          </cell>
          <cell r="F144" t="str">
            <v>004-0821</v>
          </cell>
          <cell r="G144" t="str">
            <v>清田区有明３７６－３</v>
          </cell>
          <cell r="H144" t="str">
            <v>882-1261</v>
          </cell>
          <cell r="I144" t="str">
            <v>884-5916</v>
          </cell>
        </row>
        <row r="145">
          <cell r="A145" t="str">
            <v>10312W</v>
          </cell>
          <cell r="B145" t="str">
            <v>ｱﾀｺﾞｻﾝｷﾞｮｳ</v>
          </cell>
          <cell r="C145" t="str">
            <v>愛宕産業（株）北海道支店</v>
          </cell>
          <cell r="D145" t="str">
            <v>大橋 哲雄</v>
          </cell>
          <cell r="E145" t="str">
            <v>支店長</v>
          </cell>
          <cell r="F145" t="str">
            <v>060-0033</v>
          </cell>
          <cell r="G145" t="str">
            <v>中央区北３東５－５－８</v>
          </cell>
          <cell r="H145" t="str">
            <v>272-7201</v>
          </cell>
          <cell r="I145" t="str">
            <v>272-7206</v>
          </cell>
        </row>
        <row r="146">
          <cell r="A146" t="str">
            <v>10313T</v>
          </cell>
          <cell r="B146" t="str">
            <v>ｱｲﾀﾞｶｶﾞｸｺｳｷﾞｮｳ</v>
          </cell>
          <cell r="C146" t="str">
            <v>相田化学工業（株）札幌営業所</v>
          </cell>
          <cell r="D146" t="str">
            <v>大井 清隆</v>
          </cell>
          <cell r="E146" t="str">
            <v>所長</v>
          </cell>
          <cell r="F146" t="str">
            <v>003-0869</v>
          </cell>
          <cell r="G146" t="str">
            <v>白石区川下２１６９－１</v>
          </cell>
          <cell r="H146" t="str">
            <v>872-6516</v>
          </cell>
          <cell r="I146" t="str">
            <v>873-3701</v>
          </cell>
        </row>
        <row r="147">
          <cell r="A147" t="str">
            <v>10314R</v>
          </cell>
          <cell r="B147" t="str">
            <v>ｱｲﾁﾃﾞﾝｷ</v>
          </cell>
          <cell r="C147" t="str">
            <v>愛知電機（株）北海道支社</v>
          </cell>
          <cell r="D147" t="str">
            <v>朝日 孝</v>
          </cell>
          <cell r="E147" t="str">
            <v>支社長</v>
          </cell>
          <cell r="F147" t="str">
            <v>060-0061</v>
          </cell>
          <cell r="G147" t="str">
            <v>中央区南１西１０－４－１８４ 愛商ビル３</v>
          </cell>
          <cell r="H147" t="str">
            <v>261-7075</v>
          </cell>
          <cell r="I147" t="str">
            <v>261-3989</v>
          </cell>
        </row>
        <row r="148">
          <cell r="A148" t="str">
            <v>10315Z</v>
          </cell>
          <cell r="B148" t="str">
            <v>ｱｰﾄｺｰﾎﾟﾚｰｼｮﾝ</v>
          </cell>
          <cell r="C148" t="str">
            <v>アートコーポレーション（株）</v>
          </cell>
          <cell r="D148" t="str">
            <v>寺田 千代乃</v>
          </cell>
          <cell r="E148" t="str">
            <v>代表取締役</v>
          </cell>
          <cell r="F148" t="str">
            <v>574-0024</v>
          </cell>
          <cell r="G148" t="str">
            <v>大阪府大東市泉町２－１４－１１</v>
          </cell>
          <cell r="H148" t="str">
            <v>072-870-0123</v>
          </cell>
          <cell r="I148" t="str">
            <v>072-870-1155</v>
          </cell>
        </row>
        <row r="149">
          <cell r="A149" t="str">
            <v>10316X</v>
          </cell>
          <cell r="B149" t="str">
            <v>ｱｰﾄﾋﾟｱ</v>
          </cell>
          <cell r="C149" t="str">
            <v>（株）アートピア</v>
          </cell>
          <cell r="D149" t="str">
            <v>本田 美穂子</v>
          </cell>
          <cell r="E149" t="str">
            <v>代表取締役</v>
          </cell>
          <cell r="F149" t="str">
            <v>060-0001</v>
          </cell>
          <cell r="G149" t="str">
            <v>中央区北１西１８－１</v>
          </cell>
          <cell r="H149" t="str">
            <v>640-6010</v>
          </cell>
          <cell r="I149" t="str">
            <v>640-6011</v>
          </cell>
        </row>
        <row r="150">
          <cell r="A150" t="str">
            <v>10318S</v>
          </cell>
          <cell r="B150" t="str">
            <v>ｱﾄﾑｺｰﾎﾟﾚｰｼｮﾝ</v>
          </cell>
          <cell r="C150" t="str">
            <v>（有）アトムコーポレーション</v>
          </cell>
          <cell r="D150" t="str">
            <v>櫻井 篤雄</v>
          </cell>
          <cell r="E150" t="str">
            <v>代表取締役</v>
          </cell>
          <cell r="F150" t="str">
            <v>064-0913</v>
          </cell>
          <cell r="G150" t="str">
            <v>中央区南１３西１７－１－１０</v>
          </cell>
          <cell r="H150" t="str">
            <v>551-4753</v>
          </cell>
          <cell r="I150" t="str">
            <v>551-4753</v>
          </cell>
        </row>
        <row r="151">
          <cell r="A151" t="str">
            <v>10319P</v>
          </cell>
          <cell r="B151" t="str">
            <v>ｱﾑﾘﾌﾟﾗｻﾞ</v>
          </cell>
          <cell r="C151" t="str">
            <v>（株）アムリプラザ</v>
          </cell>
          <cell r="D151" t="str">
            <v>塚田 康祐</v>
          </cell>
          <cell r="E151" t="str">
            <v>代表取締役</v>
          </cell>
          <cell r="F151" t="str">
            <v>060-0062</v>
          </cell>
          <cell r="G151" t="str">
            <v>中央区南２西６－５ 土肥ビル６階</v>
          </cell>
          <cell r="H151" t="str">
            <v>219-1833</v>
          </cell>
          <cell r="I151" t="str">
            <v>219-1834</v>
          </cell>
        </row>
        <row r="152">
          <cell r="A152" t="str">
            <v>10502R</v>
          </cell>
          <cell r="B152" t="str">
            <v>ｲﾜﾀﾞﾃｲﾝｻﾂ</v>
          </cell>
          <cell r="C152" t="str">
            <v>岩舘印刷（株）</v>
          </cell>
          <cell r="D152" t="str">
            <v>岩舘 義明</v>
          </cell>
          <cell r="E152" t="str">
            <v>代表取締役</v>
          </cell>
          <cell r="F152" t="str">
            <v>003-0006</v>
          </cell>
          <cell r="G152" t="str">
            <v>白石区東札幌６－５－１－１</v>
          </cell>
          <cell r="H152" t="str">
            <v>831-3148</v>
          </cell>
          <cell r="I152" t="str">
            <v>831-3149</v>
          </cell>
        </row>
        <row r="153">
          <cell r="A153" t="str">
            <v>10503N</v>
          </cell>
          <cell r="B153" t="str">
            <v>ｲﾜﾊｼｲﾝｻﾂ</v>
          </cell>
          <cell r="C153" t="str">
            <v>岩橋印刷（株）</v>
          </cell>
          <cell r="D153" t="str">
            <v>芝田 孝</v>
          </cell>
          <cell r="E153" t="str">
            <v>代表取締役</v>
          </cell>
          <cell r="F153" t="str">
            <v>063-8580</v>
          </cell>
          <cell r="G153" t="str">
            <v>西区西町南１８－１－３４</v>
          </cell>
          <cell r="H153" t="str">
            <v>669-2500</v>
          </cell>
          <cell r="I153" t="str">
            <v>669-2600</v>
          </cell>
        </row>
        <row r="154">
          <cell r="A154" t="str">
            <v>10504Y</v>
          </cell>
          <cell r="B154" t="str">
            <v>ｲﾁﾑﾗｾｲｻｸｼｮ</v>
          </cell>
          <cell r="C154" t="str">
            <v>（株）市村製作所</v>
          </cell>
          <cell r="D154" t="str">
            <v>市村 章</v>
          </cell>
          <cell r="E154" t="str">
            <v>代表取締役</v>
          </cell>
          <cell r="F154" t="str">
            <v>003-0005</v>
          </cell>
          <cell r="G154" t="str">
            <v>白石区東札幌５－３－２－４０</v>
          </cell>
          <cell r="H154" t="str">
            <v>831-1500</v>
          </cell>
          <cell r="I154" t="str">
            <v>831-4150</v>
          </cell>
        </row>
        <row r="155">
          <cell r="A155" t="str">
            <v>10506S</v>
          </cell>
          <cell r="B155" t="str">
            <v>ｲﾄｳｲｶｷｶｲﾃﾝ</v>
          </cell>
          <cell r="C155" t="str">
            <v>（株）伊藤医科器械店</v>
          </cell>
          <cell r="D155" t="str">
            <v>橋詰 晴美</v>
          </cell>
          <cell r="E155" t="str">
            <v>代表取締役</v>
          </cell>
          <cell r="F155" t="str">
            <v>060-0006</v>
          </cell>
          <cell r="G155" t="str">
            <v>中央区北６西２３－１－２４</v>
          </cell>
          <cell r="H155" t="str">
            <v>643-0670</v>
          </cell>
          <cell r="I155" t="str">
            <v>631-5545</v>
          </cell>
        </row>
        <row r="156">
          <cell r="A156" t="str">
            <v>10509X</v>
          </cell>
          <cell r="B156" t="str">
            <v>ｲｼｶﾞｷﾃﾞﾝｻﾞｲ</v>
          </cell>
          <cell r="C156" t="str">
            <v>石垣電材（株）</v>
          </cell>
          <cell r="D156" t="str">
            <v>櫟原 直治</v>
          </cell>
          <cell r="E156" t="str">
            <v>代表取締役</v>
          </cell>
          <cell r="F156" t="str">
            <v>060-0006</v>
          </cell>
          <cell r="G156" t="str">
            <v>中央区北６西１３－１</v>
          </cell>
          <cell r="H156" t="str">
            <v>221-9129</v>
          </cell>
          <cell r="I156" t="str">
            <v>200-3803</v>
          </cell>
        </row>
        <row r="157">
          <cell r="A157" t="str">
            <v>10510V</v>
          </cell>
          <cell r="B157" t="str">
            <v>ｲｼﾊﾗﾃｸﾉ</v>
          </cell>
          <cell r="C157" t="str">
            <v>石原テクノ（株）札幌営業所</v>
          </cell>
          <cell r="D157" t="str">
            <v>佐藤 邦治</v>
          </cell>
          <cell r="E157" t="str">
            <v>所長</v>
          </cell>
          <cell r="F157" t="str">
            <v>060-0042</v>
          </cell>
          <cell r="G157" t="str">
            <v>中央区大通西７ 北海道酒造会館</v>
          </cell>
          <cell r="H157" t="str">
            <v>271-0928</v>
          </cell>
          <cell r="I157" t="str">
            <v>271-0929</v>
          </cell>
        </row>
        <row r="158">
          <cell r="A158" t="str">
            <v>10511S</v>
          </cell>
          <cell r="B158" t="str">
            <v>ｲﾄｳ</v>
          </cell>
          <cell r="C158" t="str">
            <v>（株）いとう</v>
          </cell>
          <cell r="D158" t="str">
            <v>伊藤 稔</v>
          </cell>
          <cell r="E158" t="str">
            <v>代表取締役</v>
          </cell>
          <cell r="F158" t="str">
            <v>003-0026</v>
          </cell>
          <cell r="G158" t="str">
            <v>白石区本通１７南２－１４</v>
          </cell>
          <cell r="H158" t="str">
            <v>861-0797</v>
          </cell>
          <cell r="I158" t="str">
            <v>861-4103</v>
          </cell>
        </row>
        <row r="159">
          <cell r="A159" t="str">
            <v>10513Z</v>
          </cell>
          <cell r="B159" t="str">
            <v>ｲﾄｳﾖｼ</v>
          </cell>
          <cell r="C159" t="str">
            <v>伊藤嘉（株）</v>
          </cell>
          <cell r="D159" t="str">
            <v>伊藤 裕康</v>
          </cell>
          <cell r="E159" t="str">
            <v>代表取締役</v>
          </cell>
          <cell r="F159" t="str">
            <v>062-0902</v>
          </cell>
          <cell r="G159" t="str">
            <v>豊平区豊平２－３－１－２８</v>
          </cell>
          <cell r="H159" t="str">
            <v>821-2488</v>
          </cell>
          <cell r="I159" t="str">
            <v>823-6506</v>
          </cell>
        </row>
        <row r="160">
          <cell r="A160" t="str">
            <v>10514X</v>
          </cell>
          <cell r="B160" t="str">
            <v>ｲｼﾀﾞ</v>
          </cell>
          <cell r="C160" t="str">
            <v>（株）イシダ</v>
          </cell>
          <cell r="D160" t="str">
            <v>石田 一幸</v>
          </cell>
          <cell r="E160" t="str">
            <v>代表取締役</v>
          </cell>
          <cell r="F160" t="str">
            <v>062-0934</v>
          </cell>
          <cell r="G160" t="str">
            <v>豊平区平岸４－３－７－３</v>
          </cell>
          <cell r="H160" t="str">
            <v>811-0662</v>
          </cell>
          <cell r="I160" t="str">
            <v>811-1976</v>
          </cell>
        </row>
        <row r="161">
          <cell r="A161" t="str">
            <v>10517N</v>
          </cell>
          <cell r="B161" t="str">
            <v>ｲｼﾀﾞｼｶｷｶｲﾃﾝ</v>
          </cell>
          <cell r="C161" t="str">
            <v>（株）石田歯科機械店札幌営業所</v>
          </cell>
          <cell r="D161" t="str">
            <v>石田 誠</v>
          </cell>
          <cell r="E161" t="str">
            <v>所長</v>
          </cell>
          <cell r="F161" t="str">
            <v>065-0027</v>
          </cell>
          <cell r="G161" t="str">
            <v>東区北２７東１３ー４－１９</v>
          </cell>
          <cell r="H161" t="str">
            <v>742-2322</v>
          </cell>
          <cell r="I161" t="str">
            <v>742-2345</v>
          </cell>
        </row>
        <row r="162">
          <cell r="A162" t="str">
            <v>10520T</v>
          </cell>
          <cell r="B162" t="str">
            <v>ｲｹｶﾞﾐﾂｳｼﾝｷ</v>
          </cell>
          <cell r="C162" t="str">
            <v>池上通信機（株）札幌営業所</v>
          </cell>
          <cell r="D162" t="str">
            <v>田村 公広</v>
          </cell>
          <cell r="E162" t="str">
            <v>所長</v>
          </cell>
          <cell r="F162" t="str">
            <v>060-0051</v>
          </cell>
          <cell r="G162" t="str">
            <v>中央区南１東１－３ パークイースト札幌</v>
          </cell>
          <cell r="H162" t="str">
            <v>231-8218</v>
          </cell>
          <cell r="I162" t="str">
            <v>271-7801</v>
          </cell>
        </row>
        <row r="163">
          <cell r="A163" t="str">
            <v>10523Y</v>
          </cell>
          <cell r="B163" t="str">
            <v>ｲｾﾄｰ</v>
          </cell>
          <cell r="C163" t="str">
            <v>（株）イセトー札幌支店</v>
          </cell>
          <cell r="D163" t="str">
            <v>関 裕夫</v>
          </cell>
          <cell r="E163" t="str">
            <v>支店長</v>
          </cell>
          <cell r="F163" t="str">
            <v>065-0011</v>
          </cell>
          <cell r="G163" t="str">
            <v>東区北１１東１３－１－２１</v>
          </cell>
          <cell r="H163" t="str">
            <v>722-2201</v>
          </cell>
          <cell r="I163" t="str">
            <v>722-2203</v>
          </cell>
        </row>
        <row r="164">
          <cell r="A164" t="str">
            <v>10524W</v>
          </cell>
          <cell r="B164" t="str">
            <v>ｲﾝﾃﾘｱﾔﾏﾄ</v>
          </cell>
          <cell r="C164" t="str">
            <v>（株）インテリアヤマト</v>
          </cell>
          <cell r="D164" t="str">
            <v>稲場 俊則</v>
          </cell>
          <cell r="E164" t="str">
            <v>代表取締役</v>
          </cell>
          <cell r="F164" t="str">
            <v>060-0007</v>
          </cell>
          <cell r="G164" t="str">
            <v>中央区北７西１６－１</v>
          </cell>
          <cell r="H164" t="str">
            <v>642-3561</v>
          </cell>
          <cell r="I164" t="str">
            <v>643-7753</v>
          </cell>
        </row>
        <row r="165">
          <cell r="A165" t="str">
            <v>10527Z</v>
          </cell>
          <cell r="B165" t="str">
            <v>ｲｼｸﾞﾛｲﾓﾉｾｲｻｸｼｮ</v>
          </cell>
          <cell r="C165" t="str">
            <v>（株）石黒鋳物製作所</v>
          </cell>
          <cell r="D165" t="str">
            <v>石黒 史典</v>
          </cell>
          <cell r="E165" t="str">
            <v>代表取締役</v>
          </cell>
          <cell r="F165" t="str">
            <v>003-0002</v>
          </cell>
          <cell r="G165" t="str">
            <v>白石区東札幌２－６－７－１４</v>
          </cell>
          <cell r="H165" t="str">
            <v>824-1571</v>
          </cell>
          <cell r="I165" t="str">
            <v>824-1977</v>
          </cell>
        </row>
        <row r="166">
          <cell r="A166" t="str">
            <v>10530S</v>
          </cell>
          <cell r="B166" t="str">
            <v>ｲﾏｲｷﾝｼｮｳ</v>
          </cell>
          <cell r="C166" t="str">
            <v>今井金商（株）札幌本店</v>
          </cell>
          <cell r="D166" t="str">
            <v>藤田耕二</v>
          </cell>
          <cell r="E166" t="str">
            <v>取締役本店長</v>
          </cell>
          <cell r="F166" t="str">
            <v>060-0062</v>
          </cell>
          <cell r="G166" t="str">
            <v>中央区南２西２－１３</v>
          </cell>
          <cell r="H166" t="str">
            <v>251-1151</v>
          </cell>
          <cell r="I166" t="str">
            <v>222-4231</v>
          </cell>
        </row>
        <row r="167">
          <cell r="A167" t="str">
            <v>10531P</v>
          </cell>
          <cell r="B167" t="str">
            <v>ｲﾉｳｴｺﾋﾟｰｾﾝﾀｰ</v>
          </cell>
          <cell r="C167" t="str">
            <v>（株）井上コピーセンター</v>
          </cell>
          <cell r="D167" t="str">
            <v>井上 裕</v>
          </cell>
          <cell r="E167" t="str">
            <v>代表取締役</v>
          </cell>
          <cell r="F167" t="str">
            <v>060-0002</v>
          </cell>
          <cell r="G167" t="str">
            <v>中央区北２西３－１</v>
          </cell>
          <cell r="H167" t="str">
            <v>231-0402</v>
          </cell>
          <cell r="I167" t="str">
            <v>231-0459</v>
          </cell>
        </row>
        <row r="168">
          <cell r="A168" t="str">
            <v>10533X</v>
          </cell>
          <cell r="B168" t="str">
            <v>ｲﾜｷ</v>
          </cell>
          <cell r="C168" t="str">
            <v>イワキ（株）札幌支店</v>
          </cell>
          <cell r="D168" t="str">
            <v>山本 晃久</v>
          </cell>
          <cell r="E168" t="str">
            <v>支店長</v>
          </cell>
          <cell r="F168" t="str">
            <v>063-0001</v>
          </cell>
          <cell r="G168" t="str">
            <v>西区山の手１－１－１－３７</v>
          </cell>
          <cell r="H168" t="str">
            <v>611-1211</v>
          </cell>
          <cell r="I168" t="str">
            <v>631-0223</v>
          </cell>
        </row>
        <row r="169">
          <cell r="A169" t="str">
            <v>10534V</v>
          </cell>
          <cell r="B169" t="str">
            <v>ｲﾜｻｷﾃﾞﾝｼ</v>
          </cell>
          <cell r="C169" t="str">
            <v>岩崎電子（株）</v>
          </cell>
          <cell r="D169" t="str">
            <v>岩崎 勝治</v>
          </cell>
          <cell r="E169" t="str">
            <v>代表取締役</v>
          </cell>
          <cell r="F169" t="str">
            <v>060-0062</v>
          </cell>
          <cell r="G169" t="str">
            <v>中央区南２西３</v>
          </cell>
          <cell r="H169" t="str">
            <v>231-2002</v>
          </cell>
          <cell r="I169" t="str">
            <v>241-6955</v>
          </cell>
        </row>
        <row r="170">
          <cell r="A170" t="str">
            <v>10535R</v>
          </cell>
          <cell r="B170" t="str">
            <v>ｲｹｼﾀﾃﾞﾝｾﾂ</v>
          </cell>
          <cell r="C170" t="str">
            <v>（株）池下電設</v>
          </cell>
          <cell r="D170" t="str">
            <v>池下 誠</v>
          </cell>
          <cell r="E170" t="str">
            <v>代表取締役</v>
          </cell>
          <cell r="F170" t="str">
            <v>062-0052</v>
          </cell>
          <cell r="G170" t="str">
            <v>豊平区月寒東２－７－１４－１</v>
          </cell>
          <cell r="H170" t="str">
            <v>851-5987</v>
          </cell>
          <cell r="I170" t="str">
            <v>853-6133</v>
          </cell>
        </row>
        <row r="171">
          <cell r="A171" t="str">
            <v>10536N</v>
          </cell>
          <cell r="B171" t="str">
            <v>ｲﾁﾀｶﾀｶﾊｼ</v>
          </cell>
          <cell r="C171" t="str">
            <v>（株）一高たかはし</v>
          </cell>
          <cell r="D171" t="str">
            <v>高橋 雄一郎</v>
          </cell>
          <cell r="E171" t="str">
            <v>代表取締役</v>
          </cell>
          <cell r="F171" t="str">
            <v>060-0042</v>
          </cell>
          <cell r="G171" t="str">
            <v>中央区大通西１０－４－１６</v>
          </cell>
          <cell r="H171" t="str">
            <v>252-0711</v>
          </cell>
          <cell r="I171" t="str">
            <v>252-0712</v>
          </cell>
        </row>
        <row r="172">
          <cell r="A172" t="str">
            <v>10537Y</v>
          </cell>
          <cell r="B172" t="str">
            <v>ｲﾜｻｷ</v>
          </cell>
          <cell r="C172" t="str">
            <v>（株）岩崎</v>
          </cell>
          <cell r="D172" t="str">
            <v>古口 聡</v>
          </cell>
          <cell r="E172" t="str">
            <v>代表取締役</v>
          </cell>
          <cell r="F172" t="str">
            <v>060-0034</v>
          </cell>
          <cell r="G172" t="str">
            <v>中央区北４東２－１</v>
          </cell>
          <cell r="H172" t="str">
            <v>252-2000</v>
          </cell>
          <cell r="I172" t="str">
            <v>252-2009</v>
          </cell>
        </row>
        <row r="173">
          <cell r="A173" t="str">
            <v>10539T</v>
          </cell>
          <cell r="B173" t="str">
            <v>ｲｼﾝｺｰﾎﾟﾚｰｼｮﾝ</v>
          </cell>
          <cell r="C173" t="str">
            <v>（株）維新コーポレーション</v>
          </cell>
          <cell r="D173" t="str">
            <v>土肥 聡一</v>
          </cell>
          <cell r="E173" t="str">
            <v>代表取締役</v>
          </cell>
          <cell r="F173" t="str">
            <v>060-0061</v>
          </cell>
          <cell r="G173" t="str">
            <v>中央区南１西４ ４丁目プラザ</v>
          </cell>
          <cell r="H173" t="str">
            <v>231-0623</v>
          </cell>
          <cell r="I173" t="str">
            <v>231-0624</v>
          </cell>
        </row>
        <row r="174">
          <cell r="A174" t="str">
            <v>10542Y</v>
          </cell>
          <cell r="B174" t="str">
            <v>ｲﾅﾘﾀｲｲｸﾖｳﾋﾝ</v>
          </cell>
          <cell r="C174" t="str">
            <v>稲荷体育用品（株）</v>
          </cell>
          <cell r="D174" t="str">
            <v>稲荷 宏昭</v>
          </cell>
          <cell r="E174" t="str">
            <v>代表取締役</v>
          </cell>
          <cell r="F174" t="str">
            <v>006-0860</v>
          </cell>
          <cell r="G174" t="str">
            <v>手稲区手稲山口４３８</v>
          </cell>
          <cell r="H174" t="str">
            <v>682-2351</v>
          </cell>
          <cell r="I174" t="str">
            <v>682-2482</v>
          </cell>
        </row>
        <row r="175">
          <cell r="A175" t="str">
            <v>10543W</v>
          </cell>
          <cell r="B175" t="str">
            <v>ｲﾀﾁﾎﾞﾘｾｲｻｸｼｮ</v>
          </cell>
          <cell r="C175" t="str">
            <v>（株）立売堀製作所札幌営業所</v>
          </cell>
          <cell r="D175" t="str">
            <v>小野寺 博之</v>
          </cell>
          <cell r="E175" t="str">
            <v>所長</v>
          </cell>
          <cell r="F175" t="str">
            <v>001-0012</v>
          </cell>
          <cell r="G175" t="str">
            <v>北区北１２西１－１０</v>
          </cell>
          <cell r="H175" t="str">
            <v>708-1120</v>
          </cell>
          <cell r="I175" t="str">
            <v>708-1130</v>
          </cell>
        </row>
        <row r="176">
          <cell r="A176" t="str">
            <v>10544T</v>
          </cell>
          <cell r="B176" t="str">
            <v>ｻｯﾎﾟﾛｲｼﾊﾞｼｶｶﾞｸｺｳｷﾞｮｳ</v>
          </cell>
          <cell r="C176" t="str">
            <v>札幌石橋科学工業（株）</v>
          </cell>
          <cell r="D176" t="str">
            <v>光野 收二</v>
          </cell>
          <cell r="E176" t="str">
            <v>代表取締役</v>
          </cell>
          <cell r="F176" t="str">
            <v>003-0024</v>
          </cell>
          <cell r="G176" t="str">
            <v>白石区本郷通１南１－１２</v>
          </cell>
          <cell r="H176" t="str">
            <v>864-6311</v>
          </cell>
          <cell r="I176" t="str">
            <v>864-6877</v>
          </cell>
        </row>
        <row r="177">
          <cell r="A177" t="str">
            <v>10545P</v>
          </cell>
          <cell r="B177" t="str">
            <v>ｲﾜｼﾝｿｯｷ</v>
          </cell>
          <cell r="C177" t="str">
            <v>岩新測機（株）</v>
          </cell>
          <cell r="D177" t="str">
            <v>岩澤 光義</v>
          </cell>
          <cell r="E177" t="str">
            <v>代表取締役</v>
          </cell>
          <cell r="F177" t="str">
            <v>065-0025</v>
          </cell>
          <cell r="G177" t="str">
            <v>東区北２５東１２－１－１３</v>
          </cell>
          <cell r="H177" t="str">
            <v>742-6041</v>
          </cell>
          <cell r="I177" t="str">
            <v>742-0022</v>
          </cell>
        </row>
        <row r="178">
          <cell r="A178" t="str">
            <v>10551Z</v>
          </cell>
          <cell r="B178" t="str">
            <v>ｲｼｶﾘｷｮｳｻﾞｲｼｬ</v>
          </cell>
          <cell r="C178" t="str">
            <v>（有）石狩教材社</v>
          </cell>
          <cell r="D178" t="str">
            <v>柏木 功</v>
          </cell>
          <cell r="E178" t="str">
            <v>代表取締役</v>
          </cell>
          <cell r="F178" t="str">
            <v>003-0822</v>
          </cell>
          <cell r="G178" t="str">
            <v>白石区菊水元町２－４－２－９</v>
          </cell>
          <cell r="H178" t="str">
            <v>872-3681</v>
          </cell>
          <cell r="I178" t="str">
            <v>872-3683</v>
          </cell>
        </row>
        <row r="179">
          <cell r="A179" t="str">
            <v>10554S</v>
          </cell>
          <cell r="B179" t="str">
            <v>ｲｼｶﾞｷ</v>
          </cell>
          <cell r="C179" t="str">
            <v>（株）石垣北海道支店</v>
          </cell>
          <cell r="D179" t="str">
            <v>木下 聡</v>
          </cell>
          <cell r="E179" t="str">
            <v>支店長</v>
          </cell>
          <cell r="F179" t="str">
            <v>060-0042</v>
          </cell>
          <cell r="G179" t="str">
            <v>中央区大通西７－１－１ 札幌ﾊﾟｰｸﾌﾛﾝﾄﾋﾞﾙ９F</v>
          </cell>
          <cell r="H179" t="str">
            <v>222-2801</v>
          </cell>
          <cell r="I179" t="str">
            <v>221-1710</v>
          </cell>
        </row>
        <row r="180">
          <cell r="A180" t="str">
            <v>10555N</v>
          </cell>
          <cell r="B180" t="str">
            <v>ｷﾝｵｰ</v>
          </cell>
          <cell r="C180" t="str">
            <v>（資）金皇</v>
          </cell>
          <cell r="D180" t="str">
            <v>五十嵐 茂</v>
          </cell>
          <cell r="E180" t="str">
            <v>代表</v>
          </cell>
          <cell r="F180" t="str">
            <v>060-0061</v>
          </cell>
          <cell r="G180" t="str">
            <v>中央区南１西１－１３－１ マナー白鳥</v>
          </cell>
          <cell r="H180" t="str">
            <v>222-6451</v>
          </cell>
          <cell r="I180" t="str">
            <v>222-6299</v>
          </cell>
        </row>
        <row r="181">
          <cell r="A181" t="str">
            <v>10556Y</v>
          </cell>
          <cell r="B181" t="str">
            <v>ｲﾁﾅｶｹﾝｺｳ</v>
          </cell>
          <cell r="C181" t="str">
            <v>一中建工（株）</v>
          </cell>
          <cell r="D181" t="str">
            <v>佐藤 幸一</v>
          </cell>
          <cell r="E181" t="str">
            <v>代表取締役</v>
          </cell>
          <cell r="F181" t="str">
            <v>003-0029</v>
          </cell>
          <cell r="G181" t="str">
            <v>白石区平和通１４北３－１０</v>
          </cell>
          <cell r="H181" t="str">
            <v>861-9141</v>
          </cell>
          <cell r="I181" t="str">
            <v>866-5225</v>
          </cell>
        </row>
        <row r="182">
          <cell r="A182" t="str">
            <v>10557W</v>
          </cell>
          <cell r="B182" t="str">
            <v>ｲﾁｳﾔﾏﾀﾞｽｲｻﾝ</v>
          </cell>
          <cell r="C182" t="str">
            <v>一ウ山田水産（株）</v>
          </cell>
          <cell r="D182" t="str">
            <v>山田 シゲ子</v>
          </cell>
          <cell r="E182" t="str">
            <v>代表取締役</v>
          </cell>
          <cell r="F182" t="str">
            <v>063-0861</v>
          </cell>
          <cell r="G182" t="str">
            <v>西区八軒１東５－３－６</v>
          </cell>
          <cell r="H182" t="str">
            <v>615-4771</v>
          </cell>
          <cell r="I182" t="str">
            <v>615-4773</v>
          </cell>
        </row>
        <row r="183">
          <cell r="A183" t="str">
            <v>10558T</v>
          </cell>
          <cell r="B183" t="str">
            <v>ｲﾒｰｼﾞﾝｸﾞ･ｱｲ</v>
          </cell>
          <cell r="C183" t="str">
            <v>（株）イメージング・アイ</v>
          </cell>
          <cell r="D183" t="str">
            <v>大木 功</v>
          </cell>
          <cell r="E183" t="str">
            <v>代表取締役</v>
          </cell>
          <cell r="F183" t="str">
            <v>064-0821</v>
          </cell>
          <cell r="G183" t="str">
            <v>中央区北１西２０－１－２７デベックス１２０</v>
          </cell>
          <cell r="H183" t="str">
            <v>614-3777</v>
          </cell>
          <cell r="I183" t="str">
            <v>614-9210</v>
          </cell>
        </row>
        <row r="184">
          <cell r="A184" t="str">
            <v>10561Y</v>
          </cell>
          <cell r="B184" t="str">
            <v>ｲｰｽﾄｳｴｽﾄ</v>
          </cell>
          <cell r="C184" t="str">
            <v>（株）イーストウェスト札幌支店</v>
          </cell>
          <cell r="D184" t="str">
            <v>森野 道夫</v>
          </cell>
          <cell r="E184" t="str">
            <v>支店長</v>
          </cell>
          <cell r="F184" t="str">
            <v>060-0063</v>
          </cell>
          <cell r="G184" t="str">
            <v>中央区南３西８－７ 大洋ビル</v>
          </cell>
          <cell r="H184" t="str">
            <v>261-0991</v>
          </cell>
          <cell r="I184" t="str">
            <v>261-0987</v>
          </cell>
        </row>
        <row r="185">
          <cell r="A185" t="str">
            <v>10562W</v>
          </cell>
          <cell r="B185" t="str">
            <v>ｲﾁﾊﾞﾝﾄﾞｳ</v>
          </cell>
          <cell r="C185" t="str">
            <v>（株）一番堂</v>
          </cell>
          <cell r="D185" t="str">
            <v>岡田 純一</v>
          </cell>
          <cell r="E185" t="str">
            <v>代表取締役</v>
          </cell>
          <cell r="F185" t="str">
            <v>060-0001</v>
          </cell>
          <cell r="G185" t="str">
            <v>中央区北１西１０－１</v>
          </cell>
          <cell r="H185" t="str">
            <v>261-7625</v>
          </cell>
          <cell r="I185" t="str">
            <v>261-4120</v>
          </cell>
        </row>
        <row r="186">
          <cell r="A186" t="str">
            <v>10564R</v>
          </cell>
          <cell r="B186" t="str">
            <v>ｲﾜﾀｸﾗﾗｼｮｳﾃﾝ</v>
          </cell>
          <cell r="C186" t="str">
            <v>（株）岩田クララ商店</v>
          </cell>
          <cell r="D186" t="str">
            <v>岩田 千枝</v>
          </cell>
          <cell r="E186" t="str">
            <v>代表取締役</v>
          </cell>
          <cell r="F186" t="str">
            <v>060-0005</v>
          </cell>
          <cell r="G186" t="str">
            <v>中央区北５西１２－２－１４</v>
          </cell>
          <cell r="H186" t="str">
            <v>221-2353</v>
          </cell>
          <cell r="I186" t="str">
            <v>241-8267</v>
          </cell>
        </row>
        <row r="187">
          <cell r="A187" t="str">
            <v>10566X</v>
          </cell>
          <cell r="B187" t="str">
            <v>ｲﾜﾀｺｳｻﾝ</v>
          </cell>
          <cell r="C187" t="str">
            <v>岩田興産（株）</v>
          </cell>
          <cell r="D187" t="str">
            <v>佐藤 益延</v>
          </cell>
          <cell r="E187" t="str">
            <v>代表取締役</v>
          </cell>
          <cell r="F187" t="str">
            <v>062-0034</v>
          </cell>
          <cell r="G187" t="str">
            <v>豊平区西岡４－１１－２－４０</v>
          </cell>
          <cell r="H187" t="str">
            <v>581-3371</v>
          </cell>
          <cell r="I187" t="str">
            <v>583-2623</v>
          </cell>
        </row>
        <row r="188">
          <cell r="A188" t="str">
            <v>10570Z</v>
          </cell>
          <cell r="B188" t="str">
            <v>ｲﾜｻｷﾃﾞﾝｷ</v>
          </cell>
          <cell r="C188" t="str">
            <v>岩崎電気（株）札幌営業所</v>
          </cell>
          <cell r="D188" t="str">
            <v>星野 敏行</v>
          </cell>
          <cell r="E188" t="str">
            <v>所長</v>
          </cell>
          <cell r="F188" t="str">
            <v>064-0808</v>
          </cell>
          <cell r="G188" t="str">
            <v>中央区南８西２－５－３０</v>
          </cell>
          <cell r="H188" t="str">
            <v>521-3304</v>
          </cell>
          <cell r="I188" t="str">
            <v>512-7420</v>
          </cell>
        </row>
        <row r="189">
          <cell r="A189" t="str">
            <v>10573S</v>
          </cell>
          <cell r="B189" t="str">
            <v>ｲﾜﾈｹﾝｷｭｳｼｮ</v>
          </cell>
          <cell r="C189" t="str">
            <v>（株）岩根研究所</v>
          </cell>
          <cell r="D189" t="str">
            <v>岩根 和郎</v>
          </cell>
          <cell r="E189" t="str">
            <v>代表取締役</v>
          </cell>
          <cell r="F189" t="str">
            <v>064-0944</v>
          </cell>
          <cell r="G189" t="str">
            <v>中央区円山西町７－８－３</v>
          </cell>
          <cell r="H189" t="str">
            <v>643-0872</v>
          </cell>
          <cell r="I189" t="str">
            <v>643-4182</v>
          </cell>
        </row>
        <row r="190">
          <cell r="A190" t="str">
            <v>10574P</v>
          </cell>
          <cell r="B190" t="str">
            <v>ｲﾄｰｷ</v>
          </cell>
          <cell r="C190" t="str">
            <v>（株）イトーキ北海道支社</v>
          </cell>
          <cell r="D190" t="str">
            <v>横田 保</v>
          </cell>
          <cell r="E190" t="str">
            <v>支社長</v>
          </cell>
          <cell r="F190" t="str">
            <v>060-0001</v>
          </cell>
          <cell r="G190" t="str">
            <v>中央区北１西６－２ 損保ジャパンビル３</v>
          </cell>
          <cell r="H190" t="str">
            <v>231-5557</v>
          </cell>
          <cell r="I190" t="str">
            <v>222-0253</v>
          </cell>
        </row>
        <row r="191">
          <cell r="A191" t="str">
            <v>10582T</v>
          </cell>
          <cell r="B191" t="str">
            <v>ｲｯｶﾝﾄﾞｳ</v>
          </cell>
          <cell r="C191" t="str">
            <v>（株）一貫堂</v>
          </cell>
          <cell r="D191" t="str">
            <v>戸田 敏晴</v>
          </cell>
          <cell r="E191" t="str">
            <v>代表取締役</v>
          </cell>
          <cell r="F191" t="str">
            <v>063-0827</v>
          </cell>
          <cell r="G191" t="str">
            <v>西区発寒７－１２－２－７</v>
          </cell>
          <cell r="H191" t="str">
            <v>663-2773</v>
          </cell>
          <cell r="I191" t="str">
            <v>665-4462</v>
          </cell>
        </row>
        <row r="192">
          <cell r="A192" t="str">
            <v>10583R</v>
          </cell>
          <cell r="B192" t="str">
            <v>ｿｳｹﾝ</v>
          </cell>
          <cell r="C192" t="str">
            <v>（株）総研</v>
          </cell>
          <cell r="D192" t="str">
            <v>布施 正光</v>
          </cell>
          <cell r="E192" t="str">
            <v>代表取締役</v>
          </cell>
          <cell r="F192" t="str">
            <v>006-0842</v>
          </cell>
          <cell r="G192" t="str">
            <v>手稲区曙１２－２－５－１</v>
          </cell>
          <cell r="H192" t="str">
            <v>681-1711</v>
          </cell>
          <cell r="I192" t="str">
            <v>0134-62-0174</v>
          </cell>
        </row>
        <row r="193">
          <cell r="A193" t="str">
            <v>10584N</v>
          </cell>
          <cell r="B193" t="str">
            <v>ｲｲｴﾌﾄﾝﾃﾝ</v>
          </cell>
          <cell r="C193" t="str">
            <v>（有）井家ふとん店</v>
          </cell>
          <cell r="D193" t="str">
            <v>井家 光秀</v>
          </cell>
          <cell r="E193" t="str">
            <v>代表取締役</v>
          </cell>
          <cell r="F193" t="str">
            <v>065-0020</v>
          </cell>
          <cell r="G193" t="str">
            <v>東区北２０東７－１－２７</v>
          </cell>
          <cell r="H193" t="str">
            <v>711-8587</v>
          </cell>
          <cell r="I193" t="str">
            <v/>
          </cell>
        </row>
        <row r="194">
          <cell r="A194" t="str">
            <v>10587S</v>
          </cell>
          <cell r="B194" t="str">
            <v>ｲﾄｳﾃﾞﾝｿｳ</v>
          </cell>
          <cell r="C194" t="str">
            <v>伊藤電装（株）</v>
          </cell>
          <cell r="D194" t="str">
            <v>乙部 司</v>
          </cell>
          <cell r="E194" t="str">
            <v>代表取締役</v>
          </cell>
          <cell r="F194" t="str">
            <v>001-0931</v>
          </cell>
          <cell r="G194" t="str">
            <v>北区新川西１－６－５－２３</v>
          </cell>
          <cell r="H194" t="str">
            <v>762-2116</v>
          </cell>
          <cell r="I194" t="str">
            <v>762-2133</v>
          </cell>
        </row>
        <row r="195">
          <cell r="A195" t="str">
            <v>10589Z</v>
          </cell>
          <cell r="B195" t="str">
            <v>ｲﾖｳｾﾝﾀｰﾌｸﾔ</v>
          </cell>
          <cell r="C195" t="str">
            <v>（有）医用センターフクヤ</v>
          </cell>
          <cell r="D195" t="str">
            <v>福屋 充浩</v>
          </cell>
          <cell r="E195" t="str">
            <v>代表取締役</v>
          </cell>
          <cell r="F195" t="str">
            <v>063-0867</v>
          </cell>
          <cell r="G195" t="str">
            <v>西区八軒７東５－２－３</v>
          </cell>
          <cell r="H195" t="str">
            <v>756-4741</v>
          </cell>
          <cell r="I195" t="str">
            <v>717-2609</v>
          </cell>
        </row>
        <row r="196">
          <cell r="A196" t="str">
            <v>10597R</v>
          </cell>
          <cell r="B196" t="str">
            <v>ｲｼｶﾞｷﾒﾝﾃﾅﾝｽ</v>
          </cell>
          <cell r="C196" t="str">
            <v>石垣メンテナンス（株）北海道支店</v>
          </cell>
          <cell r="D196" t="str">
            <v>三宅 一男</v>
          </cell>
          <cell r="E196" t="str">
            <v>支店長</v>
          </cell>
          <cell r="F196" t="str">
            <v>060-0042</v>
          </cell>
          <cell r="G196" t="str">
            <v>中央区大通西７－１－１ 札幌ﾊﾟｰｸﾌﾛﾝﾄﾋﾞﾙ９F</v>
          </cell>
          <cell r="H196" t="str">
            <v>221-2873</v>
          </cell>
          <cell r="I196" t="str">
            <v>221-1710</v>
          </cell>
        </row>
        <row r="197">
          <cell r="A197" t="str">
            <v>10600T</v>
          </cell>
          <cell r="B197" t="str">
            <v>ｲｼﾔﾏﾀｲｻｸｼｮｳﾃﾝ</v>
          </cell>
          <cell r="C197" t="str">
            <v>（株）石山泰作商店</v>
          </cell>
          <cell r="D197" t="str">
            <v>石山 一雄</v>
          </cell>
          <cell r="E197" t="str">
            <v>代表取締役</v>
          </cell>
          <cell r="F197" t="str">
            <v>065-0023</v>
          </cell>
          <cell r="G197" t="str">
            <v>東区北２３東２－３－７</v>
          </cell>
          <cell r="H197" t="str">
            <v>711-3743</v>
          </cell>
          <cell r="I197" t="str">
            <v>753-8009</v>
          </cell>
        </row>
        <row r="198">
          <cell r="A198" t="str">
            <v>10603Y</v>
          </cell>
          <cell r="B198" t="str">
            <v>ｲﾄｳﾃﾞﾝｷｺｳｷﾞｮｳｼｮ</v>
          </cell>
          <cell r="C198" t="str">
            <v>（株）伊藤電機工業所</v>
          </cell>
          <cell r="D198" t="str">
            <v>藤澤 政信</v>
          </cell>
          <cell r="E198" t="str">
            <v>代表取締役</v>
          </cell>
          <cell r="F198" t="str">
            <v>007-0868</v>
          </cell>
          <cell r="G198" t="str">
            <v>東区伏古８－２－１０－６</v>
          </cell>
          <cell r="H198" t="str">
            <v>781-2290</v>
          </cell>
          <cell r="I198" t="str">
            <v>781-9679</v>
          </cell>
        </row>
        <row r="199">
          <cell r="A199" t="str">
            <v>10604W</v>
          </cell>
          <cell r="B199" t="str">
            <v>ｲｼﾀﾞﾓｰﾀｰｽ</v>
          </cell>
          <cell r="C199" t="str">
            <v>（有）石田モータース</v>
          </cell>
          <cell r="D199" t="str">
            <v>石田 秀一</v>
          </cell>
          <cell r="E199" t="str">
            <v>代表取締役</v>
          </cell>
          <cell r="F199" t="str">
            <v>003-0027</v>
          </cell>
          <cell r="G199" t="str">
            <v>白石区本通１７北１７－５９</v>
          </cell>
          <cell r="H199" t="str">
            <v>861-7275</v>
          </cell>
          <cell r="I199" t="str">
            <v>861-9541</v>
          </cell>
        </row>
        <row r="200">
          <cell r="A200" t="str">
            <v>10608X</v>
          </cell>
          <cell r="B200" t="str">
            <v>ｲｰ･ｼｰ</v>
          </cell>
          <cell r="C200" t="str">
            <v>（株）イー・シー</v>
          </cell>
          <cell r="D200" t="str">
            <v>市川 唯行</v>
          </cell>
          <cell r="E200" t="str">
            <v>代表取締役</v>
          </cell>
          <cell r="F200" t="str">
            <v>060-0061</v>
          </cell>
          <cell r="G200" t="str">
            <v>中央区南１西５－１７プレジデントビル３Ｆ</v>
          </cell>
          <cell r="H200" t="str">
            <v>231-2289</v>
          </cell>
          <cell r="I200" t="str">
            <v>221-0496</v>
          </cell>
        </row>
        <row r="201">
          <cell r="A201" t="str">
            <v>10612Z</v>
          </cell>
          <cell r="B201" t="str">
            <v>ｲﾚﾌﾞﾝ</v>
          </cell>
          <cell r="C201" t="str">
            <v>（株）イレブン</v>
          </cell>
          <cell r="D201" t="str">
            <v>前島 孝治</v>
          </cell>
          <cell r="E201" t="str">
            <v>代表取締役</v>
          </cell>
          <cell r="F201" t="str">
            <v>003-0005</v>
          </cell>
          <cell r="G201" t="str">
            <v>白石区東札幌５－６－６－３６</v>
          </cell>
          <cell r="H201" t="str">
            <v>863-2121</v>
          </cell>
          <cell r="I201" t="str">
            <v>863-2194</v>
          </cell>
        </row>
        <row r="202">
          <cell r="A202" t="str">
            <v>10614V</v>
          </cell>
          <cell r="B202" t="str">
            <v>ｴｽｼｰｼｰ</v>
          </cell>
          <cell r="C202" t="str">
            <v>（株）エスシーシー北海道支店</v>
          </cell>
          <cell r="D202" t="str">
            <v>篠原 博</v>
          </cell>
          <cell r="E202" t="str">
            <v>取締役支店長</v>
          </cell>
          <cell r="F202" t="str">
            <v>060-0003</v>
          </cell>
          <cell r="G202" t="str">
            <v>中央区北３西７－１－１ 緑苑ビル４Ｆ</v>
          </cell>
          <cell r="H202" t="str">
            <v>281-0661</v>
          </cell>
          <cell r="I202" t="str">
            <v>271-4658</v>
          </cell>
        </row>
        <row r="203">
          <cell r="A203" t="str">
            <v>10615R</v>
          </cell>
          <cell r="B203" t="str">
            <v>ｲｼｲﾌｫｰﾄ</v>
          </cell>
          <cell r="C203" t="str">
            <v>（有）石井フォート</v>
          </cell>
          <cell r="D203" t="str">
            <v>石井 洋吉</v>
          </cell>
          <cell r="E203" t="str">
            <v>代表取締役</v>
          </cell>
          <cell r="F203" t="str">
            <v>063-0022</v>
          </cell>
          <cell r="G203" t="str">
            <v>西区平和２－６－１－１</v>
          </cell>
          <cell r="H203" t="str">
            <v>662-0488</v>
          </cell>
          <cell r="I203" t="str">
            <v>662-0488</v>
          </cell>
        </row>
        <row r="204">
          <cell r="A204" t="str">
            <v>10623W</v>
          </cell>
          <cell r="B204" t="str">
            <v>ｲｾｷｶﾞｯｷ</v>
          </cell>
          <cell r="C204" t="str">
            <v>（株）井関楽器札幌支店</v>
          </cell>
          <cell r="D204" t="str">
            <v>大村 雅浩</v>
          </cell>
          <cell r="E204" t="str">
            <v>支店長</v>
          </cell>
          <cell r="F204" t="str">
            <v>060-0063</v>
          </cell>
          <cell r="G204" t="str">
            <v>中央区南３西７－６－２</v>
          </cell>
          <cell r="H204" t="str">
            <v>214-8833</v>
          </cell>
          <cell r="I204" t="str">
            <v>214-8838</v>
          </cell>
        </row>
        <row r="205">
          <cell r="A205" t="str">
            <v>10624T</v>
          </cell>
          <cell r="B205" t="str">
            <v>ｲｯｽｲｴﾝ</v>
          </cell>
          <cell r="C205" t="str">
            <v>（有）一水園</v>
          </cell>
          <cell r="D205" t="str">
            <v>佐藤 明芳</v>
          </cell>
          <cell r="E205" t="str">
            <v>取締役</v>
          </cell>
          <cell r="F205" t="str">
            <v>063-0033</v>
          </cell>
          <cell r="G205" t="str">
            <v>西区西野３－４－９－１９</v>
          </cell>
          <cell r="H205" t="str">
            <v>661-1359</v>
          </cell>
          <cell r="I205" t="str">
            <v>662-6257</v>
          </cell>
        </row>
        <row r="206">
          <cell r="A206" t="str">
            <v>10625P</v>
          </cell>
          <cell r="B206" t="str">
            <v>ｲｼｲｼｮｳｶｲ</v>
          </cell>
          <cell r="C206" t="str">
            <v>（有）石井商会</v>
          </cell>
          <cell r="D206" t="str">
            <v>石井 幸男</v>
          </cell>
          <cell r="E206" t="str">
            <v>代表取締役</v>
          </cell>
          <cell r="F206" t="str">
            <v>060-0042</v>
          </cell>
          <cell r="G206" t="str">
            <v>中央区大通西１５－３－１２</v>
          </cell>
          <cell r="H206" t="str">
            <v>613-2001</v>
          </cell>
          <cell r="I206" t="str">
            <v>613-2830</v>
          </cell>
        </row>
        <row r="207">
          <cell r="A207" t="str">
            <v>10630P</v>
          </cell>
          <cell r="B207" t="str">
            <v>ｸﾞﾗﾃﾞｭｳｽ･ﾏﾙﾁﾘﾝｶﾞﾙｻｰﾋﾞｽ</v>
          </cell>
          <cell r="C207" t="str">
            <v>ｸﾞﾗﾃﾞｭｳｽ・ﾏﾙﾁﾘﾝｶﾞﾙｻｰﾋﾞｽ（株）</v>
          </cell>
          <cell r="D207" t="str">
            <v>浅見 円</v>
          </cell>
          <cell r="E207" t="str">
            <v>代表取締役社長</v>
          </cell>
          <cell r="F207" t="str">
            <v>060-0807</v>
          </cell>
          <cell r="G207" t="str">
            <v>北区北７西２ 第３７山京ビル３０２号</v>
          </cell>
          <cell r="H207" t="str">
            <v>717-8770</v>
          </cell>
          <cell r="I207" t="str">
            <v>717-8772</v>
          </cell>
        </row>
        <row r="208">
          <cell r="A208" t="str">
            <v>10632X</v>
          </cell>
          <cell r="B208" t="str">
            <v>ｲﾁｼﾞﾝ</v>
          </cell>
          <cell r="C208" t="str">
            <v>（株）市甚</v>
          </cell>
          <cell r="D208" t="str">
            <v>七條 雅文</v>
          </cell>
          <cell r="E208" t="str">
            <v>代表取締役</v>
          </cell>
          <cell r="F208" t="str">
            <v>062-0003</v>
          </cell>
          <cell r="G208" t="str">
            <v>豊平区美園３－１－１－２</v>
          </cell>
          <cell r="H208" t="str">
            <v>814-1112</v>
          </cell>
          <cell r="I208" t="str">
            <v>814-3211</v>
          </cell>
        </row>
        <row r="209">
          <cell r="A209" t="str">
            <v>10635N</v>
          </cell>
          <cell r="B209" t="str">
            <v>ｲﾜｻｼｮｳｶｲ</v>
          </cell>
          <cell r="C209" t="str">
            <v>（株）岩佐商会札幌営業所</v>
          </cell>
          <cell r="D209" t="str">
            <v>伊藤 良二</v>
          </cell>
          <cell r="E209" t="str">
            <v>所長</v>
          </cell>
          <cell r="F209" t="str">
            <v>007-0820</v>
          </cell>
          <cell r="G209" t="str">
            <v>東区東雁来町１７９－１０</v>
          </cell>
          <cell r="H209" t="str">
            <v>791-4843</v>
          </cell>
          <cell r="I209" t="str">
            <v>791-4841</v>
          </cell>
        </row>
        <row r="210">
          <cell r="A210" t="str">
            <v>10636Y</v>
          </cell>
          <cell r="B210" t="str">
            <v>ｲｼｶﾜｼﾞﾏｶﾝｷｮｳｴﾝｼﾞﾆｱﾘﾝｸﾞ</v>
          </cell>
          <cell r="C210" t="str">
            <v>石川島環境エンジニアリング（株）</v>
          </cell>
          <cell r="D210" t="str">
            <v>藤原 正美</v>
          </cell>
          <cell r="E210" t="str">
            <v>代表取締役社長</v>
          </cell>
          <cell r="F210" t="str">
            <v>135-0042</v>
          </cell>
          <cell r="G210" t="str">
            <v>東京都江東区木場５－１０－１１</v>
          </cell>
          <cell r="H210" t="str">
            <v>03-3642-8361</v>
          </cell>
          <cell r="I210" t="str">
            <v>03-3642-6023</v>
          </cell>
        </row>
        <row r="211">
          <cell r="A211" t="str">
            <v>10638T</v>
          </cell>
          <cell r="B211" t="str">
            <v>ﾀﾞｲﾜｼｮｳｶｲ</v>
          </cell>
          <cell r="C211" t="str">
            <v>（株）大和商会</v>
          </cell>
          <cell r="D211" t="str">
            <v>齋藤 剛</v>
          </cell>
          <cell r="E211" t="str">
            <v>代表取締役</v>
          </cell>
          <cell r="F211" t="str">
            <v>003-0803</v>
          </cell>
          <cell r="G211" t="str">
            <v>白石区菊水３－２－３－２６</v>
          </cell>
          <cell r="H211" t="str">
            <v>811-1638</v>
          </cell>
          <cell r="I211" t="str">
            <v>812-9356</v>
          </cell>
        </row>
        <row r="212">
          <cell r="A212" t="str">
            <v>10639R</v>
          </cell>
          <cell r="B212" t="str">
            <v>ｲﾒｰｼﾞﾗﾝﾄﾞ</v>
          </cell>
          <cell r="C212" t="str">
            <v>（株）イメージランド</v>
          </cell>
          <cell r="D212" t="str">
            <v>萬谷 亨</v>
          </cell>
          <cell r="E212" t="str">
            <v>代表取締役</v>
          </cell>
          <cell r="F212" t="str">
            <v>060-0062</v>
          </cell>
          <cell r="G212" t="str">
            <v>中央区南２西１２－３２３ ２１２ビル４Ｆ</v>
          </cell>
          <cell r="H212" t="str">
            <v>271-0271</v>
          </cell>
          <cell r="I212" t="str">
            <v>271-8033</v>
          </cell>
        </row>
        <row r="213">
          <cell r="A213" t="str">
            <v>10643T</v>
          </cell>
          <cell r="B213" t="str">
            <v>ｲｶﾞﾀﾃﾞﾝｷｼｮｳｶｲ</v>
          </cell>
          <cell r="C213" t="str">
            <v>（有）井形電気商会</v>
          </cell>
          <cell r="D213" t="str">
            <v>井形 信広</v>
          </cell>
          <cell r="E213" t="str">
            <v>代表取締役</v>
          </cell>
          <cell r="F213" t="str">
            <v>002-8023</v>
          </cell>
          <cell r="G213" t="str">
            <v>北区篠路３－７－８－１</v>
          </cell>
          <cell r="H213" t="str">
            <v>771-2064</v>
          </cell>
          <cell r="I213" t="str">
            <v>771-5048</v>
          </cell>
        </row>
        <row r="214">
          <cell r="A214" t="str">
            <v>10644R</v>
          </cell>
          <cell r="B214" t="str">
            <v>ｲﾃﾞｸﾞﾁ</v>
          </cell>
          <cell r="C214" t="str">
            <v>（株）井手口</v>
          </cell>
          <cell r="D214" t="str">
            <v>井手口 道男</v>
          </cell>
          <cell r="E214" t="str">
            <v>代表取締役</v>
          </cell>
          <cell r="F214" t="str">
            <v>104-0061</v>
          </cell>
          <cell r="G214" t="str">
            <v>東京都中央区銀座４－１１－４</v>
          </cell>
          <cell r="H214" t="str">
            <v>03-3543-2311</v>
          </cell>
          <cell r="I214" t="str">
            <v>03-3546-2319</v>
          </cell>
        </row>
        <row r="215">
          <cell r="A215" t="str">
            <v>10645Z</v>
          </cell>
          <cell r="B215" t="str">
            <v>ｲｼｶﾘﾍﾟｲﾝﾄ</v>
          </cell>
          <cell r="C215" t="str">
            <v>石狩ペイント（株）</v>
          </cell>
          <cell r="D215" t="str">
            <v>田中 雄</v>
          </cell>
          <cell r="E215" t="str">
            <v>代表取締役</v>
          </cell>
          <cell r="F215" t="str">
            <v>061-3241</v>
          </cell>
          <cell r="G215" t="str">
            <v>石狩市新港西１－７７４－２</v>
          </cell>
          <cell r="H215" t="str">
            <v>0133-74-0001</v>
          </cell>
          <cell r="I215" t="str">
            <v>0133-74-0002</v>
          </cell>
        </row>
        <row r="216">
          <cell r="A216" t="str">
            <v>10646X</v>
          </cell>
          <cell r="B216" t="str">
            <v>ｲﾝﾀｰﾈｯﾄｲﾆｼｱﾃｨﾌﾞ</v>
          </cell>
          <cell r="C216" t="str">
            <v>（株）インターネットイニシアティブ</v>
          </cell>
          <cell r="D216" t="str">
            <v>鈴木 幸一</v>
          </cell>
          <cell r="E216" t="str">
            <v>代表取締役</v>
          </cell>
          <cell r="F216" t="str">
            <v>101-0051</v>
          </cell>
          <cell r="G216" t="str">
            <v>東京都千代田区神田神保町１－１０５</v>
          </cell>
          <cell r="H216" t="str">
            <v>03-5205-6500</v>
          </cell>
          <cell r="I216" t="str">
            <v>218-3312</v>
          </cell>
        </row>
        <row r="217">
          <cell r="A217" t="str">
            <v>10653S</v>
          </cell>
          <cell r="B217" t="str">
            <v>ｲﾒｰｼﾞﾜｰｸ</v>
          </cell>
          <cell r="C217" t="str">
            <v>イメージワーク（株）</v>
          </cell>
          <cell r="D217" t="str">
            <v>堀田 昌資</v>
          </cell>
          <cell r="E217" t="str">
            <v>代表取締役</v>
          </cell>
          <cell r="F217" t="str">
            <v>064-0806</v>
          </cell>
          <cell r="G217" t="str">
            <v>中央区南６西３</v>
          </cell>
          <cell r="H217" t="str">
            <v>511-4411</v>
          </cell>
          <cell r="I217" t="str">
            <v>511-4976</v>
          </cell>
        </row>
        <row r="218">
          <cell r="A218" t="str">
            <v>10654P</v>
          </cell>
          <cell r="B218" t="str">
            <v>ｲｹﾀﾞﾊｸﾞﾙﾏｾｲｻｸｼｮ</v>
          </cell>
          <cell r="C218" t="str">
            <v>（株）池田歯車製作所</v>
          </cell>
          <cell r="D218" t="str">
            <v>池田 鐵雄</v>
          </cell>
          <cell r="E218" t="str">
            <v>代表取締役</v>
          </cell>
          <cell r="F218" t="str">
            <v>063-0833</v>
          </cell>
          <cell r="G218" t="str">
            <v>西区発寒１３－１２－４－４５</v>
          </cell>
          <cell r="H218" t="str">
            <v>661-8171</v>
          </cell>
          <cell r="I218" t="str">
            <v>665-0631</v>
          </cell>
        </row>
        <row r="219">
          <cell r="A219" t="str">
            <v>10655Y</v>
          </cell>
          <cell r="B219" t="str">
            <v>ｱｲﾉ</v>
          </cell>
          <cell r="C219" t="str">
            <v>アイノ（株）</v>
          </cell>
          <cell r="D219" t="str">
            <v>井上 好之</v>
          </cell>
          <cell r="E219" t="str">
            <v>代表取締役</v>
          </cell>
          <cell r="F219" t="str">
            <v>062-0004</v>
          </cell>
          <cell r="G219" t="str">
            <v>豊平区美園４－３－２－３</v>
          </cell>
          <cell r="H219" t="str">
            <v>821-0282</v>
          </cell>
          <cell r="I219" t="str">
            <v>831-7879</v>
          </cell>
        </row>
        <row r="220">
          <cell r="A220" t="str">
            <v>10660Y</v>
          </cell>
          <cell r="B220" t="str">
            <v>ｲﾉｳｴｾｲｲﾝ</v>
          </cell>
          <cell r="C220" t="str">
            <v>井上製印</v>
          </cell>
          <cell r="D220" t="str">
            <v>井上 和郎</v>
          </cell>
          <cell r="E220" t="str">
            <v>代表者</v>
          </cell>
          <cell r="F220" t="str">
            <v>001-0904</v>
          </cell>
          <cell r="G220" t="str">
            <v>北区新琴似４－７－６－１２</v>
          </cell>
          <cell r="H220" t="str">
            <v>769-8544</v>
          </cell>
          <cell r="I220" t="str">
            <v>769-8543</v>
          </cell>
        </row>
        <row r="221">
          <cell r="A221" t="str">
            <v>10663R</v>
          </cell>
          <cell r="B221" t="str">
            <v>ｲｸｴｲｶﾝｻﾞｲ</v>
          </cell>
          <cell r="C221" t="str">
            <v>育栄管財（株）札幌営業所</v>
          </cell>
          <cell r="D221" t="str">
            <v>井須 辰実</v>
          </cell>
          <cell r="E221" t="str">
            <v>取締役所長</v>
          </cell>
          <cell r="F221" t="str">
            <v>062-0004</v>
          </cell>
          <cell r="G221" t="str">
            <v>豊平区美園４－８－１－１</v>
          </cell>
          <cell r="H221" t="str">
            <v>811-5502</v>
          </cell>
          <cell r="I221" t="str">
            <v>842-7750</v>
          </cell>
        </row>
        <row r="222">
          <cell r="A222" t="str">
            <v>10674Z</v>
          </cell>
          <cell r="B222" t="str">
            <v>ｲﾑﾗﾌｳﾄｳ</v>
          </cell>
          <cell r="C222" t="str">
            <v>（株）イムラ封筒札幌営業所</v>
          </cell>
          <cell r="D222" t="str">
            <v>田辺 義博</v>
          </cell>
          <cell r="E222" t="str">
            <v>札幌営業所長</v>
          </cell>
          <cell r="F222" t="str">
            <v>003-0807</v>
          </cell>
          <cell r="G222" t="str">
            <v>白石区菊水７－２－６１</v>
          </cell>
          <cell r="H222" t="str">
            <v>816-4840</v>
          </cell>
          <cell r="I222" t="str">
            <v>816-4842</v>
          </cell>
        </row>
        <row r="223">
          <cell r="A223" t="str">
            <v>10675W</v>
          </cell>
          <cell r="B223" t="str">
            <v>ｲﾌｰ</v>
          </cell>
          <cell r="C223" t="str">
            <v>（有）イフー</v>
          </cell>
          <cell r="D223" t="str">
            <v>山本 良則</v>
          </cell>
          <cell r="E223" t="str">
            <v>代表取締役</v>
          </cell>
          <cell r="F223" t="str">
            <v>065-0023</v>
          </cell>
          <cell r="G223" t="str">
            <v>東区北２３東１２ー４－７</v>
          </cell>
          <cell r="H223" t="str">
            <v>561-1410</v>
          </cell>
          <cell r="I223" t="str">
            <v>561-1411</v>
          </cell>
        </row>
        <row r="224">
          <cell r="A224" t="str">
            <v>10676T</v>
          </cell>
          <cell r="B224" t="str">
            <v>ｲﾝﾌｫﾏﾃｨｸｽ</v>
          </cell>
          <cell r="C224" t="str">
            <v>（株）インフォマティクス</v>
          </cell>
          <cell r="D224" t="str">
            <v>長島 雅則</v>
          </cell>
          <cell r="E224" t="str">
            <v>代表取締役</v>
          </cell>
          <cell r="F224" t="str">
            <v>212-8554</v>
          </cell>
          <cell r="G224" t="str">
            <v>川崎市幸区大宮町１３１０ﾐｭｰｻﾞ川崎ｾﾝﾄﾗﾙﾀﾜ</v>
          </cell>
          <cell r="H224" t="str">
            <v>044-520-0850</v>
          </cell>
          <cell r="I224" t="str">
            <v>044-520-0845</v>
          </cell>
        </row>
        <row r="225">
          <cell r="A225" t="str">
            <v>10677R</v>
          </cell>
          <cell r="B225" t="str">
            <v>ｲﾝﾌｫﾃｸﾉ</v>
          </cell>
          <cell r="C225" t="str">
            <v>インフォテクノ（株）</v>
          </cell>
          <cell r="D225" t="str">
            <v>岡出 敏美</v>
          </cell>
          <cell r="E225" t="str">
            <v>代表取締役</v>
          </cell>
          <cell r="F225" t="str">
            <v>060-0061</v>
          </cell>
          <cell r="G225" t="str">
            <v>中央区南１西１１－３２７－２０ ＩＴＣビル</v>
          </cell>
          <cell r="H225" t="str">
            <v>223-6660</v>
          </cell>
          <cell r="I225" t="str">
            <v>223-6661</v>
          </cell>
        </row>
        <row r="226">
          <cell r="A226" t="str">
            <v>10678N</v>
          </cell>
          <cell r="B226" t="str">
            <v>ｲｼｶﾜｼﾞﾏｳﾝﾊﾟﾝｷｶｲ</v>
          </cell>
          <cell r="C226" t="str">
            <v>石川島運搬機械（株）札幌第一サービスセンター</v>
          </cell>
          <cell r="D226" t="str">
            <v>山形 幸一</v>
          </cell>
          <cell r="E226" t="str">
            <v>所長</v>
          </cell>
          <cell r="F226" t="str">
            <v>064-0807</v>
          </cell>
          <cell r="G226" t="str">
            <v>中央区南７西１－１３－７３</v>
          </cell>
          <cell r="H226" t="str">
            <v>512-5311</v>
          </cell>
          <cell r="I226" t="str">
            <v>512-2060</v>
          </cell>
        </row>
        <row r="227">
          <cell r="A227" t="str">
            <v>10679Y</v>
          </cell>
          <cell r="B227" t="str">
            <v>ｲｵﾝﾃｸﾉｻｰﾋﾞｽ</v>
          </cell>
          <cell r="C227" t="str">
            <v>（株）イオンテクノサービス</v>
          </cell>
          <cell r="D227" t="str">
            <v>三好 正和</v>
          </cell>
          <cell r="E227" t="str">
            <v>代表取締役社長</v>
          </cell>
          <cell r="F227" t="str">
            <v>541-0051</v>
          </cell>
          <cell r="G227" t="str">
            <v>大阪市中央区備後町２－４－９</v>
          </cell>
          <cell r="H227" t="str">
            <v>06-6205-8571</v>
          </cell>
          <cell r="I227" t="str">
            <v>06-6205-8575</v>
          </cell>
        </row>
        <row r="228">
          <cell r="A228" t="str">
            <v>10680W</v>
          </cell>
          <cell r="B228" t="str">
            <v>ｱﾙﾅｼｬﾘｮｳ</v>
          </cell>
          <cell r="C228" t="str">
            <v>アルナ車両（株）</v>
          </cell>
          <cell r="D228" t="str">
            <v>原田 兼治</v>
          </cell>
          <cell r="E228" t="str">
            <v>取締役社長</v>
          </cell>
          <cell r="F228" t="str">
            <v>566-0013</v>
          </cell>
          <cell r="G228" t="str">
            <v>大阪府摂津市阪急正雀１－２</v>
          </cell>
          <cell r="H228" t="str">
            <v>06-6383-1811</v>
          </cell>
          <cell r="I228" t="str">
            <v>06-6383-1891</v>
          </cell>
        </row>
        <row r="229">
          <cell r="A229" t="str">
            <v>10681T</v>
          </cell>
          <cell r="B229" t="str">
            <v>ｱｲｺﾑ</v>
          </cell>
          <cell r="C229" t="str">
            <v>アイコム（株）北海道営業所</v>
          </cell>
          <cell r="D229" t="str">
            <v>井上 康晴</v>
          </cell>
          <cell r="E229" t="str">
            <v>所長</v>
          </cell>
          <cell r="F229" t="str">
            <v>003-0806</v>
          </cell>
          <cell r="G229" t="str">
            <v>白石区菊水６－２－２－７</v>
          </cell>
          <cell r="H229" t="str">
            <v>820-3888</v>
          </cell>
          <cell r="I229" t="str">
            <v>813-3639</v>
          </cell>
        </row>
        <row r="230">
          <cell r="A230" t="str">
            <v>10684Y</v>
          </cell>
          <cell r="B230" t="str">
            <v>ｲﾝﾀｰﾅｼｮﾅﾙｸﾘｴｲﾃｨﾌﾞ</v>
          </cell>
          <cell r="C230" t="str">
            <v>（株）インターナショナルクリエイティブ札幌営業所</v>
          </cell>
          <cell r="D230" t="str">
            <v>岡崎 崇史</v>
          </cell>
          <cell r="E230" t="str">
            <v>所長</v>
          </cell>
          <cell r="F230" t="str">
            <v>065-0021</v>
          </cell>
          <cell r="G230" t="str">
            <v>東区北２１東２－１－７</v>
          </cell>
          <cell r="H230" t="str">
            <v>702-7117</v>
          </cell>
          <cell r="I230" t="str">
            <v>702-7261</v>
          </cell>
        </row>
        <row r="231">
          <cell r="A231" t="str">
            <v>10686S</v>
          </cell>
          <cell r="B231" t="str">
            <v>ｲﾄｳﾁｭｳﾃｸﾉｻｲｴﾝｽ</v>
          </cell>
          <cell r="C231" t="str">
            <v>伊藤忠テクノサイエンス（株）</v>
          </cell>
          <cell r="D231" t="str">
            <v>岡崎 友信</v>
          </cell>
          <cell r="E231" t="str">
            <v>代表取締役社長</v>
          </cell>
          <cell r="F231" t="str">
            <v>100-6080</v>
          </cell>
          <cell r="G231" t="str">
            <v>東京都千代田区霞が関３－２－５霞が関ビル</v>
          </cell>
          <cell r="H231" t="str">
            <v>03-6203-5000</v>
          </cell>
          <cell r="I231" t="str">
            <v>232-0289</v>
          </cell>
        </row>
        <row r="232">
          <cell r="A232" t="str">
            <v>10688Z</v>
          </cell>
          <cell r="B232" t="str">
            <v>ｲｯﾌﾟｳﾄﾞｳ</v>
          </cell>
          <cell r="C232" t="str">
            <v>（有）壱風堂</v>
          </cell>
          <cell r="D232" t="str">
            <v>大坪 徹</v>
          </cell>
          <cell r="E232" t="str">
            <v>代表取締役</v>
          </cell>
          <cell r="F232" t="str">
            <v>060-0062</v>
          </cell>
          <cell r="G232" t="str">
            <v>中央区南２西７－２ 鈴木興産ビル３０６</v>
          </cell>
          <cell r="H232" t="str">
            <v>271-7477</v>
          </cell>
          <cell r="I232" t="str">
            <v>271-7477</v>
          </cell>
        </row>
        <row r="233">
          <cell r="A233" t="str">
            <v>10690V</v>
          </cell>
          <cell r="B233" t="str">
            <v>ｱｺﾑﾚﾝﾀﾙ</v>
          </cell>
          <cell r="C233" t="str">
            <v>アコムレンタル（株）札幌営業所</v>
          </cell>
          <cell r="D233" t="str">
            <v>鎌野 孝司</v>
          </cell>
          <cell r="E233" t="str">
            <v>営業所長</v>
          </cell>
          <cell r="F233" t="str">
            <v>064-0953</v>
          </cell>
          <cell r="G233" t="str">
            <v>中央区宮の森３－２－５－１</v>
          </cell>
          <cell r="H233" t="str">
            <v>614-9991</v>
          </cell>
          <cell r="I233" t="str">
            <v>614-9995</v>
          </cell>
        </row>
        <row r="234">
          <cell r="A234" t="str">
            <v>10692P</v>
          </cell>
          <cell r="B234" t="str">
            <v>ｲﾁﾓﾝｼﾞ</v>
          </cell>
          <cell r="C234" t="str">
            <v>（株）一文字</v>
          </cell>
          <cell r="D234" t="str">
            <v>陣内 恵美子</v>
          </cell>
          <cell r="E234" t="str">
            <v>代表取締役</v>
          </cell>
          <cell r="F234" t="str">
            <v>003-0809</v>
          </cell>
          <cell r="G234" t="str">
            <v>白石区菊水９－１－１－３４</v>
          </cell>
          <cell r="H234" t="str">
            <v>811-2963</v>
          </cell>
          <cell r="I234" t="str">
            <v>811-1904</v>
          </cell>
        </row>
        <row r="235">
          <cell r="A235" t="str">
            <v>10694X</v>
          </cell>
          <cell r="B235" t="str">
            <v>ｲﾝｻﾂｼｺｳ</v>
          </cell>
          <cell r="C235" t="str">
            <v>（株）印刷紙工</v>
          </cell>
          <cell r="D235" t="str">
            <v>高田 是英</v>
          </cell>
          <cell r="E235" t="str">
            <v>代表取締役社長</v>
          </cell>
          <cell r="F235" t="str">
            <v>064-0915</v>
          </cell>
          <cell r="G235" t="str">
            <v>中央区南１５西１８－１－１</v>
          </cell>
          <cell r="H235" t="str">
            <v>561-3597</v>
          </cell>
          <cell r="I235" t="str">
            <v>561-3762</v>
          </cell>
        </row>
        <row r="236">
          <cell r="A236" t="str">
            <v>10695T</v>
          </cell>
          <cell r="B236" t="str">
            <v>ｲｾｷﾎｯｶｲﾄﾞｳ</v>
          </cell>
          <cell r="C236" t="str">
            <v>（株）ヰセキ北海道島松営業所</v>
          </cell>
          <cell r="D236" t="str">
            <v>森 俊二</v>
          </cell>
          <cell r="E236" t="str">
            <v>所長</v>
          </cell>
          <cell r="F236" t="str">
            <v>061-1355</v>
          </cell>
          <cell r="G236" t="str">
            <v>区恵庭市島松寿町１－１２－２</v>
          </cell>
          <cell r="H236" t="str">
            <v>0123-36-8128</v>
          </cell>
          <cell r="I236" t="str">
            <v>0123-36-8145</v>
          </cell>
        </row>
        <row r="237">
          <cell r="A237" t="str">
            <v>10698Y</v>
          </cell>
          <cell r="B237" t="str">
            <v>ｲﾝﾀﾗｸｼｮﾝｹﾝｷｭｳｼｮ</v>
          </cell>
          <cell r="C237" t="str">
            <v>（有）インタラクション研究所</v>
          </cell>
          <cell r="D237" t="str">
            <v>安田 睦子</v>
          </cell>
          <cell r="E237" t="str">
            <v>取締役</v>
          </cell>
          <cell r="F237" t="str">
            <v>064-0913</v>
          </cell>
          <cell r="G237" t="str">
            <v>中央区南１３西１６－２－２３－３０２</v>
          </cell>
          <cell r="H237" t="str">
            <v>737-4229</v>
          </cell>
          <cell r="I237" t="str">
            <v>737-4231</v>
          </cell>
        </row>
        <row r="238">
          <cell r="A238" t="str">
            <v>10700R</v>
          </cell>
          <cell r="B238" t="str">
            <v>ｲﾜﾐｻﾞﾜﾂｳｳﾝ</v>
          </cell>
          <cell r="C238" t="str">
            <v>岩見沢通運（株）札幌貨物ターミナル支店</v>
          </cell>
          <cell r="D238" t="str">
            <v>板谷 芳浩</v>
          </cell>
          <cell r="E238" t="str">
            <v>支店長</v>
          </cell>
          <cell r="F238" t="str">
            <v>003-0030</v>
          </cell>
          <cell r="G238" t="str">
            <v>白石区流通センター３－１－３２</v>
          </cell>
          <cell r="H238" t="str">
            <v>862-3540</v>
          </cell>
          <cell r="I238" t="str">
            <v>862-3263</v>
          </cell>
        </row>
        <row r="239">
          <cell r="A239" t="str">
            <v>10701N</v>
          </cell>
          <cell r="B239" t="str">
            <v>ｲｰｸﾞﾙｼﾞｬﾊﾟﾝ</v>
          </cell>
          <cell r="C239" t="str">
            <v>（株）イーグルジャパン</v>
          </cell>
          <cell r="D239" t="str">
            <v>岸本 輝夫</v>
          </cell>
          <cell r="E239" t="str">
            <v>代表取締役</v>
          </cell>
          <cell r="F239" t="str">
            <v>003-0026</v>
          </cell>
          <cell r="G239" t="str">
            <v>白石区本通４南１０－７</v>
          </cell>
          <cell r="H239" t="str">
            <v>846-4557</v>
          </cell>
          <cell r="I239" t="str">
            <v>846-4559</v>
          </cell>
        </row>
        <row r="240">
          <cell r="A240" t="str">
            <v>10703W</v>
          </cell>
          <cell r="B240" t="str">
            <v>ｲﾝｸﾙｰｽﾞ</v>
          </cell>
          <cell r="C240" t="str">
            <v>（株）インクルーズ</v>
          </cell>
          <cell r="D240" t="str">
            <v>久保 公利</v>
          </cell>
          <cell r="E240" t="str">
            <v>代表取締役</v>
          </cell>
          <cell r="F240" t="str">
            <v>105-0012</v>
          </cell>
          <cell r="G240" t="str">
            <v>東京都港区芝大門１－３－８</v>
          </cell>
          <cell r="H240" t="str">
            <v>03-5777-0840</v>
          </cell>
          <cell r="I240" t="str">
            <v>03-3432-1310</v>
          </cell>
        </row>
        <row r="241">
          <cell r="A241" t="str">
            <v>10704T</v>
          </cell>
          <cell r="B241" t="str">
            <v>ｲｰｼｽﾃﾑ</v>
          </cell>
          <cell r="C241" t="str">
            <v>（株）イーシステム</v>
          </cell>
          <cell r="D241" t="str">
            <v>大窪 紀秀</v>
          </cell>
          <cell r="E241" t="str">
            <v>代表取締役</v>
          </cell>
          <cell r="F241" t="str">
            <v>003-0825</v>
          </cell>
          <cell r="G241" t="str">
            <v>白石区菊水元町５－２－２－４</v>
          </cell>
          <cell r="H241" t="str">
            <v>872-0296</v>
          </cell>
          <cell r="I241" t="str">
            <v>872-0295</v>
          </cell>
        </row>
        <row r="242">
          <cell r="A242" t="str">
            <v>11001T</v>
          </cell>
          <cell r="B242" t="str">
            <v>ｳｴﾑﾗｺﾝｸﾘｰﾄｺｳｷﾞｮｳｼｮ</v>
          </cell>
          <cell r="C242" t="str">
            <v>（株）上村コンクリート工業所</v>
          </cell>
          <cell r="D242" t="str">
            <v>上村 哲朗</v>
          </cell>
          <cell r="E242" t="str">
            <v>代表取締役</v>
          </cell>
          <cell r="F242" t="str">
            <v>065-0018</v>
          </cell>
          <cell r="G242" t="str">
            <v>東区北１８東１３－１－１０</v>
          </cell>
          <cell r="H242" t="str">
            <v>741-2223</v>
          </cell>
          <cell r="I242" t="str">
            <v>741-2571</v>
          </cell>
        </row>
        <row r="243">
          <cell r="A243" t="str">
            <v>11003N</v>
          </cell>
          <cell r="B243" t="str">
            <v>ｳｼｵﾌﾞｯｻﾝ</v>
          </cell>
          <cell r="C243" t="str">
            <v>潮物産（株）札幌支店</v>
          </cell>
          <cell r="D243" t="str">
            <v>近藤 栄一</v>
          </cell>
          <cell r="E243" t="str">
            <v>支店長</v>
          </cell>
          <cell r="F243" t="str">
            <v>060-8540</v>
          </cell>
          <cell r="G243" t="str">
            <v>中央区北１東９－９９－１９</v>
          </cell>
          <cell r="H243" t="str">
            <v>261-8275</v>
          </cell>
          <cell r="I243" t="str">
            <v>222-3547</v>
          </cell>
        </row>
        <row r="244">
          <cell r="A244" t="str">
            <v>11004Y</v>
          </cell>
          <cell r="B244" t="str">
            <v>ｳﾗﾍﾞｶｶﾞｸ</v>
          </cell>
          <cell r="C244" t="str">
            <v>ウラベ科学（株）</v>
          </cell>
          <cell r="D244" t="str">
            <v>卜部 晃</v>
          </cell>
          <cell r="E244" t="str">
            <v>代表取締役</v>
          </cell>
          <cell r="F244" t="str">
            <v>060-0004</v>
          </cell>
          <cell r="G244" t="str">
            <v>中央区北４西１３－１－８４</v>
          </cell>
          <cell r="H244" t="str">
            <v>261-4700</v>
          </cell>
          <cell r="I244" t="str">
            <v>261-8540</v>
          </cell>
        </row>
        <row r="245">
          <cell r="A245" t="str">
            <v>11006S</v>
          </cell>
          <cell r="B245" t="str">
            <v>ｳﾁﾀﾞﾃﾞﾝｼｮｳ</v>
          </cell>
          <cell r="C245" t="str">
            <v>（株）ウチダ電商</v>
          </cell>
          <cell r="D245" t="str">
            <v>内田 敏夫</v>
          </cell>
          <cell r="E245" t="str">
            <v>代表取締役</v>
          </cell>
          <cell r="F245" t="str">
            <v>003-0024</v>
          </cell>
          <cell r="G245" t="str">
            <v>白石区本郷通４南２－６</v>
          </cell>
          <cell r="H245" t="str">
            <v>862-2687</v>
          </cell>
          <cell r="I245" t="str">
            <v>862-2843</v>
          </cell>
        </row>
        <row r="246">
          <cell r="A246" t="str">
            <v>11007P</v>
          </cell>
          <cell r="B246" t="str">
            <v>ｳﾞｨﾝｸﾞｳﾝｿｳ</v>
          </cell>
          <cell r="C246" t="str">
            <v>ヴィング運送（協）</v>
          </cell>
          <cell r="D246" t="str">
            <v>笹 日出夫</v>
          </cell>
          <cell r="E246" t="str">
            <v>代表理事</v>
          </cell>
          <cell r="F246" t="str">
            <v>003-0873</v>
          </cell>
          <cell r="G246" t="str">
            <v>白石区米里３－２－９－１</v>
          </cell>
          <cell r="H246" t="str">
            <v>874-0055</v>
          </cell>
          <cell r="I246" t="str">
            <v>874-0030</v>
          </cell>
        </row>
        <row r="247">
          <cell r="A247" t="str">
            <v>11009X</v>
          </cell>
          <cell r="B247" t="str">
            <v>ｳｴﾃﾂ</v>
          </cell>
          <cell r="C247" t="str">
            <v>うえてつ（株）</v>
          </cell>
          <cell r="D247" t="str">
            <v>上野 一男</v>
          </cell>
          <cell r="E247" t="str">
            <v>代表取締役</v>
          </cell>
          <cell r="F247" t="str">
            <v>060-0909</v>
          </cell>
          <cell r="G247" t="str">
            <v>東区北９東２－３－２０</v>
          </cell>
          <cell r="H247" t="str">
            <v>711-1370</v>
          </cell>
          <cell r="I247" t="str">
            <v>723-2956</v>
          </cell>
        </row>
        <row r="248">
          <cell r="A248" t="str">
            <v>11011S</v>
          </cell>
          <cell r="B248" t="str">
            <v>ｳｻﾐﾓｸｻﾞｲ</v>
          </cell>
          <cell r="C248" t="str">
            <v>宇佐美木材（株）</v>
          </cell>
          <cell r="D248" t="str">
            <v>宇佐美 博邦</v>
          </cell>
          <cell r="E248" t="str">
            <v>代表取締役</v>
          </cell>
          <cell r="F248" t="str">
            <v>006-0832</v>
          </cell>
          <cell r="G248" t="str">
            <v>手稲区曙２－３－１－６７</v>
          </cell>
          <cell r="H248" t="str">
            <v>681-6479</v>
          </cell>
          <cell r="I248" t="str">
            <v>681-6480</v>
          </cell>
        </row>
        <row r="249">
          <cell r="A249" t="str">
            <v>11012P</v>
          </cell>
          <cell r="B249" t="str">
            <v>ｳｼﾞｴﾝ</v>
          </cell>
          <cell r="C249" t="str">
            <v>（株）宇治園</v>
          </cell>
          <cell r="D249" t="str">
            <v>大村 武子</v>
          </cell>
          <cell r="E249" t="str">
            <v>代表取締役社長</v>
          </cell>
          <cell r="F249" t="str">
            <v>060-0032</v>
          </cell>
          <cell r="G249" t="str">
            <v>中央区北２東１０－９３－１２</v>
          </cell>
          <cell r="H249" t="str">
            <v>241-5200</v>
          </cell>
          <cell r="I249" t="str">
            <v>241-2330</v>
          </cell>
        </row>
        <row r="250">
          <cell r="A250" t="str">
            <v>11013Z</v>
          </cell>
          <cell r="B250" t="str">
            <v>ｳﾒｶﾜｲｶｷｶｲﾃﾝ</v>
          </cell>
          <cell r="C250" t="str">
            <v>（株）梅川医科器械店</v>
          </cell>
          <cell r="D250" t="str">
            <v>梅川 繁一</v>
          </cell>
          <cell r="E250" t="str">
            <v>代表取締役</v>
          </cell>
          <cell r="F250" t="str">
            <v>060-0909</v>
          </cell>
          <cell r="G250" t="str">
            <v>東区北９東２－３－２５</v>
          </cell>
          <cell r="H250" t="str">
            <v>722-0225</v>
          </cell>
          <cell r="I250" t="str">
            <v>721-6203</v>
          </cell>
        </row>
        <row r="251">
          <cell r="A251" t="str">
            <v>11020T</v>
          </cell>
          <cell r="B251" t="str">
            <v>ｳﾁﾀﾞｼｮｳｶｲ</v>
          </cell>
          <cell r="C251" t="str">
            <v>（株）内田商会</v>
          </cell>
          <cell r="D251" t="str">
            <v>内田 篤幸</v>
          </cell>
          <cell r="E251" t="str">
            <v>代表取締役</v>
          </cell>
          <cell r="F251" t="str">
            <v>064-0810</v>
          </cell>
          <cell r="G251" t="str">
            <v>中央区南１０西１７－２－１３</v>
          </cell>
          <cell r="H251" t="str">
            <v>563-2261</v>
          </cell>
          <cell r="I251" t="str">
            <v>551-1914</v>
          </cell>
        </row>
        <row r="252">
          <cell r="A252" t="str">
            <v>11022N</v>
          </cell>
          <cell r="B252" t="str">
            <v>ｳｪｻﾞｰﾆｭｰｽﾞ</v>
          </cell>
          <cell r="C252" t="str">
            <v>（株）ウェザーニューズ</v>
          </cell>
          <cell r="D252" t="str">
            <v>石橋 博良</v>
          </cell>
          <cell r="E252" t="str">
            <v>代表取締役</v>
          </cell>
          <cell r="F252" t="str">
            <v>105-0014</v>
          </cell>
          <cell r="G252" t="str">
            <v>東京都港区芝３－１－１４日本生命赤羽橋ビ</v>
          </cell>
          <cell r="H252" t="str">
            <v>03-3456-6262</v>
          </cell>
          <cell r="I252" t="str">
            <v>03-3769-4680</v>
          </cell>
        </row>
        <row r="253">
          <cell r="A253" t="str">
            <v>11023Y</v>
          </cell>
          <cell r="B253" t="str">
            <v>ｳｴﾀﾞｼｮｳｶｲ</v>
          </cell>
          <cell r="C253" t="str">
            <v>（株）上田商会札幌営業所</v>
          </cell>
          <cell r="D253" t="str">
            <v>鎌上 重雄</v>
          </cell>
          <cell r="E253" t="str">
            <v>営業所長</v>
          </cell>
          <cell r="F253" t="str">
            <v>003-0027</v>
          </cell>
          <cell r="G253" t="str">
            <v>白石区本通２１北２－１</v>
          </cell>
          <cell r="H253" t="str">
            <v>865-2172</v>
          </cell>
          <cell r="I253" t="str">
            <v>864-7795</v>
          </cell>
        </row>
        <row r="254">
          <cell r="A254" t="str">
            <v>11024W</v>
          </cell>
          <cell r="B254" t="str">
            <v>ｳｯﾃﾞｨﾌﾟﾗﾝ</v>
          </cell>
          <cell r="C254" t="str">
            <v>（株）ウッディプラン</v>
          </cell>
          <cell r="D254" t="str">
            <v>市村 章</v>
          </cell>
          <cell r="E254" t="str">
            <v>代表取締役</v>
          </cell>
          <cell r="F254" t="str">
            <v>063-0836</v>
          </cell>
          <cell r="G254" t="str">
            <v>西区発寒１６－４－３－６７</v>
          </cell>
          <cell r="H254" t="str">
            <v>663-3330</v>
          </cell>
          <cell r="I254" t="str">
            <v>662-1927</v>
          </cell>
        </row>
        <row r="255">
          <cell r="A255" t="str">
            <v>11026P</v>
          </cell>
          <cell r="B255" t="str">
            <v>ｳﾁﾀﾞｼｮﾃﾝ</v>
          </cell>
          <cell r="C255" t="str">
            <v>内田書店</v>
          </cell>
          <cell r="D255" t="str">
            <v>内田 正樹</v>
          </cell>
          <cell r="E255" t="str">
            <v>代表</v>
          </cell>
          <cell r="F255" t="str">
            <v>060-0012</v>
          </cell>
          <cell r="G255" t="str">
            <v>中央区北１２西１６－１－３２</v>
          </cell>
          <cell r="H255" t="str">
            <v>716-2645</v>
          </cell>
          <cell r="I255" t="str">
            <v>716-2646</v>
          </cell>
        </row>
        <row r="256">
          <cell r="A256" t="str">
            <v>11027Z</v>
          </cell>
          <cell r="B256" t="str">
            <v>ｳﾁﾀﾞｴｽｺ</v>
          </cell>
          <cell r="C256" t="str">
            <v>ウチダエスコ（株）札幌営業所</v>
          </cell>
          <cell r="D256" t="str">
            <v>本田 弘明</v>
          </cell>
          <cell r="E256" t="str">
            <v>営業所所長</v>
          </cell>
          <cell r="F256" t="str">
            <v>060-0806</v>
          </cell>
          <cell r="G256" t="str">
            <v>北区北６西６－１－１４粟井ビル５階</v>
          </cell>
          <cell r="H256" t="str">
            <v>706-1110</v>
          </cell>
          <cell r="I256" t="str">
            <v>706-1120</v>
          </cell>
        </row>
        <row r="257">
          <cell r="A257" t="str">
            <v>11029V</v>
          </cell>
          <cell r="B257" t="str">
            <v>ｳｼﾞｾｲﾁｬ</v>
          </cell>
          <cell r="C257" t="str">
            <v>宇治製茶（株）</v>
          </cell>
          <cell r="D257" t="str">
            <v>井上 均</v>
          </cell>
          <cell r="E257" t="str">
            <v>代表取締役</v>
          </cell>
          <cell r="F257" t="str">
            <v>062-0052</v>
          </cell>
          <cell r="G257" t="str">
            <v>豊平区月寒東２－２０－１－６</v>
          </cell>
          <cell r="H257" t="str">
            <v>852-1513</v>
          </cell>
          <cell r="I257" t="str">
            <v>854-3745</v>
          </cell>
        </row>
        <row r="258">
          <cell r="A258" t="str">
            <v>11040R</v>
          </cell>
          <cell r="B258" t="str">
            <v>ｳｴｻﾞｰｺｯｸ</v>
          </cell>
          <cell r="C258" t="str">
            <v>（株）ウエザーコック</v>
          </cell>
          <cell r="D258" t="str">
            <v>山本 真裕</v>
          </cell>
          <cell r="E258" t="str">
            <v>代表取締役</v>
          </cell>
          <cell r="F258" t="str">
            <v>062-0023</v>
          </cell>
          <cell r="G258" t="str">
            <v>豊平区月寒西３－７－１－３１</v>
          </cell>
          <cell r="H258" t="str">
            <v>852-1623</v>
          </cell>
          <cell r="I258" t="str">
            <v>855-8366</v>
          </cell>
        </row>
        <row r="259">
          <cell r="A259" t="str">
            <v>11041N</v>
          </cell>
          <cell r="B259" t="str">
            <v>ｳﾁﾀﾞﾖｳｺｳ</v>
          </cell>
          <cell r="C259" t="str">
            <v>（株）内田洋行北海道支社</v>
          </cell>
          <cell r="D259" t="str">
            <v>奥村 猛</v>
          </cell>
          <cell r="E259" t="str">
            <v>北海道支社長</v>
          </cell>
          <cell r="F259" t="str">
            <v>060-0041</v>
          </cell>
          <cell r="G259" t="str">
            <v>中央区大通東３－１</v>
          </cell>
          <cell r="H259" t="str">
            <v>214-8676</v>
          </cell>
          <cell r="I259" t="str">
            <v>214-8677</v>
          </cell>
        </row>
        <row r="260">
          <cell r="A260" t="str">
            <v>11050P</v>
          </cell>
          <cell r="B260" t="str">
            <v>ｳﾞｧｰﾙﾏﾝ</v>
          </cell>
          <cell r="C260" t="str">
            <v>（株）ヴァールマン</v>
          </cell>
          <cell r="D260" t="str">
            <v>河村 清</v>
          </cell>
          <cell r="E260" t="str">
            <v>代表取締役</v>
          </cell>
          <cell r="F260" t="str">
            <v>007-0836</v>
          </cell>
          <cell r="G260" t="str">
            <v>東区北３６東１９－１－１６</v>
          </cell>
          <cell r="H260" t="str">
            <v>787-7131</v>
          </cell>
          <cell r="I260" t="str">
            <v>787-7132</v>
          </cell>
        </row>
        <row r="261">
          <cell r="A261" t="str">
            <v>11055N</v>
          </cell>
          <cell r="B261" t="str">
            <v>ｳｨｰｸｴﾝﾄﾞ</v>
          </cell>
          <cell r="C261" t="str">
            <v>（株）ウィークエンド</v>
          </cell>
          <cell r="D261" t="str">
            <v>中根 慶之</v>
          </cell>
          <cell r="E261" t="str">
            <v>代表取締役</v>
          </cell>
          <cell r="F261" t="str">
            <v>063-8602</v>
          </cell>
          <cell r="G261" t="str">
            <v>西区二十四軒４－５－５－２１</v>
          </cell>
          <cell r="H261" t="str">
            <v>614-0299</v>
          </cell>
          <cell r="I261" t="str">
            <v>644-9366</v>
          </cell>
        </row>
        <row r="262">
          <cell r="A262" t="str">
            <v>11057W</v>
          </cell>
          <cell r="B262" t="str">
            <v>ｳﾞｨｳﾞｨｯﾄﾞ</v>
          </cell>
          <cell r="C262" t="str">
            <v>（株）ヴィヴィッド</v>
          </cell>
          <cell r="D262" t="str">
            <v>中塚 文雄</v>
          </cell>
          <cell r="E262" t="str">
            <v>代表取締役</v>
          </cell>
          <cell r="F262" t="str">
            <v>531-0076</v>
          </cell>
          <cell r="G262" t="str">
            <v>大阪市北区大淀中２－１１－８新梅田ITﾋﾞﾙ</v>
          </cell>
          <cell r="H262" t="str">
            <v>06-4797-4788</v>
          </cell>
          <cell r="I262" t="str">
            <v>06-4797-4771</v>
          </cell>
        </row>
        <row r="263">
          <cell r="A263" t="str">
            <v>11058T</v>
          </cell>
          <cell r="B263" t="str">
            <v>ｳｼｵｽﾍﾟｯｸｽ</v>
          </cell>
          <cell r="C263" t="str">
            <v>（株）ウシオスペックス</v>
          </cell>
          <cell r="D263" t="str">
            <v>曄道 伸彦</v>
          </cell>
          <cell r="E263" t="str">
            <v>代表取締役</v>
          </cell>
          <cell r="F263" t="str">
            <v>124-0006</v>
          </cell>
          <cell r="G263" t="str">
            <v>東京都葛飾区堀切１－２０－１９</v>
          </cell>
          <cell r="H263" t="str">
            <v>03-5672-7722</v>
          </cell>
          <cell r="I263" t="str">
            <v>03-5672-7734</v>
          </cell>
        </row>
        <row r="264">
          <cell r="A264" t="str">
            <v>11061Y</v>
          </cell>
          <cell r="B264" t="str">
            <v>ｳｯﾃﾞｨｺｳﾎﾞｳ</v>
          </cell>
          <cell r="C264" t="str">
            <v>（有）ウッディ工房</v>
          </cell>
          <cell r="D264" t="str">
            <v>槙 勅子</v>
          </cell>
          <cell r="E264" t="str">
            <v>取締役</v>
          </cell>
          <cell r="F264" t="str">
            <v>006-0834</v>
          </cell>
          <cell r="G264" t="str">
            <v>手稲区曙４－１－２－２３</v>
          </cell>
          <cell r="H264" t="str">
            <v>684-9590</v>
          </cell>
          <cell r="I264" t="str">
            <v>684-9595</v>
          </cell>
        </row>
        <row r="265">
          <cell r="A265" t="str">
            <v>11062W</v>
          </cell>
          <cell r="B265" t="str">
            <v>ｳｵｸﾆｿｳﾎﾝｼｬ</v>
          </cell>
          <cell r="C265" t="str">
            <v>（株）魚国総本社北海道支社</v>
          </cell>
          <cell r="D265" t="str">
            <v>岩井 洋二</v>
          </cell>
          <cell r="E265" t="str">
            <v>専務取締役支社長</v>
          </cell>
          <cell r="F265" t="str">
            <v>003-0022</v>
          </cell>
          <cell r="G265" t="str">
            <v>白石区南郷通２０南２－３９</v>
          </cell>
          <cell r="H265" t="str">
            <v>863-4421</v>
          </cell>
          <cell r="I265" t="str">
            <v>862-3521</v>
          </cell>
        </row>
        <row r="266">
          <cell r="A266" t="str">
            <v>11063T</v>
          </cell>
          <cell r="B266" t="str">
            <v>ｳｽｲｷｶｸ</v>
          </cell>
          <cell r="C266" t="str">
            <v>ウスイ企画（有）</v>
          </cell>
          <cell r="D266" t="str">
            <v>碓井 結莉亜</v>
          </cell>
          <cell r="E266" t="str">
            <v>代表取締役</v>
          </cell>
          <cell r="F266" t="str">
            <v>064-0804</v>
          </cell>
          <cell r="G266" t="str">
            <v>中央区南４西１０－１００４－１</v>
          </cell>
          <cell r="H266" t="str">
            <v>512-0601</v>
          </cell>
          <cell r="I266" t="str">
            <v>020-4624-1719</v>
          </cell>
        </row>
        <row r="267">
          <cell r="A267" t="str">
            <v>11064R</v>
          </cell>
          <cell r="B267" t="str">
            <v>ｳｲﾝﾄﾞﾊﾟﾜｰﾎｯｶｲﾄﾞｳ</v>
          </cell>
          <cell r="C267" t="str">
            <v>（有）ウインドパワー北海道</v>
          </cell>
          <cell r="D267" t="str">
            <v>小笠原 定光</v>
          </cell>
          <cell r="E267" t="str">
            <v>取締役</v>
          </cell>
          <cell r="F267" t="str">
            <v>004-0843</v>
          </cell>
          <cell r="G267" t="str">
            <v>清田区清田３－１－１－１０</v>
          </cell>
          <cell r="H267" t="str">
            <v>882-5445</v>
          </cell>
          <cell r="I267" t="str">
            <v>881-2583</v>
          </cell>
        </row>
        <row r="268">
          <cell r="A268" t="str">
            <v>11501S</v>
          </cell>
          <cell r="B268" t="str">
            <v>ｴｲｽｽﾎﾟｰﾂ</v>
          </cell>
          <cell r="C268" t="str">
            <v>（有）エイススポーツ</v>
          </cell>
          <cell r="D268" t="str">
            <v>羽田 一男</v>
          </cell>
          <cell r="E268" t="str">
            <v>代表取締役</v>
          </cell>
          <cell r="F268" t="str">
            <v>006-0041</v>
          </cell>
          <cell r="G268" t="str">
            <v>手稲区金山１－４－３－１５</v>
          </cell>
          <cell r="H268" t="str">
            <v>695-7712</v>
          </cell>
          <cell r="I268" t="str">
            <v>695-7713</v>
          </cell>
        </row>
        <row r="269">
          <cell r="A269" t="str">
            <v>11502P</v>
          </cell>
          <cell r="B269" t="str">
            <v>ﾃﾞｼﾞｯｸ</v>
          </cell>
          <cell r="C269" t="str">
            <v>（株）デジック</v>
          </cell>
          <cell r="D269" t="str">
            <v>中村 力</v>
          </cell>
          <cell r="E269" t="str">
            <v>代表取締役</v>
          </cell>
          <cell r="F269" t="str">
            <v>060-0042</v>
          </cell>
          <cell r="G269" t="str">
            <v>中央区大通西５－１１</v>
          </cell>
          <cell r="H269" t="str">
            <v>210-8000</v>
          </cell>
          <cell r="I269" t="str">
            <v>210-8028</v>
          </cell>
        </row>
        <row r="270">
          <cell r="A270" t="str">
            <v>11503Z</v>
          </cell>
          <cell r="B270" t="str">
            <v>ｴｲﾜ</v>
          </cell>
          <cell r="C270" t="str">
            <v>英和（株）札幌営業所</v>
          </cell>
          <cell r="D270" t="str">
            <v>宮谷 敏</v>
          </cell>
          <cell r="E270" t="str">
            <v>営業所長</v>
          </cell>
          <cell r="F270" t="str">
            <v>060-0001</v>
          </cell>
          <cell r="G270" t="str">
            <v>中央区北１西１０－１－４ 北１条ｻﾝﾏｳﾝﾃﾝﾋﾞﾙ６F</v>
          </cell>
          <cell r="H270" t="str">
            <v>251-4361</v>
          </cell>
          <cell r="I270" t="str">
            <v>251-4446</v>
          </cell>
        </row>
        <row r="271">
          <cell r="A271" t="str">
            <v>11509W</v>
          </cell>
          <cell r="B271" t="str">
            <v>ｴﾊﾞﾗｾｲｻｸｼｮ</v>
          </cell>
          <cell r="C271" t="str">
            <v>（株）荏原製作所北海道支店</v>
          </cell>
          <cell r="D271" t="str">
            <v>敦賀 一草</v>
          </cell>
          <cell r="E271" t="str">
            <v>支店長</v>
          </cell>
          <cell r="F271" t="str">
            <v>060-0003</v>
          </cell>
          <cell r="G271" t="str">
            <v>中央区北３西４－１－１ 日本生命ビル７Ｆ</v>
          </cell>
          <cell r="H271" t="str">
            <v>233-2111</v>
          </cell>
          <cell r="I271" t="str">
            <v>231-0776</v>
          </cell>
        </row>
        <row r="272">
          <cell r="A272" t="str">
            <v>11510T</v>
          </cell>
          <cell r="B272" t="str">
            <v>ｴﾐﾔ</v>
          </cell>
          <cell r="C272" t="str">
            <v>（株）エミヤ</v>
          </cell>
          <cell r="D272" t="str">
            <v>三神 司</v>
          </cell>
          <cell r="E272" t="str">
            <v>代表取締役</v>
          </cell>
          <cell r="F272" t="str">
            <v>003-0030</v>
          </cell>
          <cell r="G272" t="str">
            <v>白石区流通センター７－８－１</v>
          </cell>
          <cell r="H272" t="str">
            <v>890-1431</v>
          </cell>
          <cell r="I272" t="str">
            <v>893-0723</v>
          </cell>
        </row>
        <row r="273">
          <cell r="A273" t="str">
            <v>11512N</v>
          </cell>
          <cell r="B273" t="str">
            <v>ｴｺｰｼｮｳｼﾞ</v>
          </cell>
          <cell r="C273" t="str">
            <v>（株）エコー商事</v>
          </cell>
          <cell r="D273" t="str">
            <v>櫻井 正幸</v>
          </cell>
          <cell r="E273" t="str">
            <v>代表取締役</v>
          </cell>
          <cell r="F273" t="str">
            <v>001-0038</v>
          </cell>
          <cell r="G273" t="str">
            <v>北区北３８西４－１－３</v>
          </cell>
          <cell r="H273" t="str">
            <v>736-7161</v>
          </cell>
          <cell r="I273" t="str">
            <v>758-9014</v>
          </cell>
        </row>
        <row r="274">
          <cell r="A274" t="str">
            <v>11513Y</v>
          </cell>
          <cell r="B274" t="str">
            <v>ｴﾉﾓﾄｼｮｳｼﾞ</v>
          </cell>
          <cell r="C274" t="str">
            <v>榎本商事（株）</v>
          </cell>
          <cell r="D274" t="str">
            <v>白井 圀義</v>
          </cell>
          <cell r="E274" t="str">
            <v>代表取締役</v>
          </cell>
          <cell r="F274" t="str">
            <v>060-0062</v>
          </cell>
          <cell r="G274" t="str">
            <v>中央区南２西１０－３－１</v>
          </cell>
          <cell r="H274" t="str">
            <v>241-2277</v>
          </cell>
          <cell r="I274" t="str">
            <v>241-2279</v>
          </cell>
        </row>
        <row r="275">
          <cell r="A275" t="str">
            <v>11514W</v>
          </cell>
          <cell r="B275" t="str">
            <v>ｴﾝﾄﾞｳｱｵｼｬｼﾝｺｳｷﾞｮｳｼｮ</v>
          </cell>
          <cell r="C275" t="str">
            <v>（有）遠藤青写真工業所</v>
          </cell>
          <cell r="D275" t="str">
            <v>遠藤 正</v>
          </cell>
          <cell r="E275" t="str">
            <v>代表取締役</v>
          </cell>
          <cell r="F275" t="str">
            <v>060-0031</v>
          </cell>
          <cell r="G275" t="str">
            <v>中央区北１東２－５－８</v>
          </cell>
          <cell r="H275" t="str">
            <v>221-1318</v>
          </cell>
          <cell r="I275" t="str">
            <v>221-1319</v>
          </cell>
        </row>
        <row r="276">
          <cell r="A276" t="str">
            <v>11515S</v>
          </cell>
          <cell r="B276" t="str">
            <v>ﾆｯﾁｭｳｼｮｳｼﾞ</v>
          </cell>
          <cell r="C276" t="str">
            <v>日鋳商事（株）札幌営業所</v>
          </cell>
          <cell r="D276" t="str">
            <v>武田 一男</v>
          </cell>
          <cell r="E276" t="str">
            <v>取締役札幌営業所所長</v>
          </cell>
          <cell r="F276" t="str">
            <v>003-0827</v>
          </cell>
          <cell r="G276" t="str">
            <v>白石区菊水元町７－２－５１</v>
          </cell>
          <cell r="H276" t="str">
            <v>872-4811</v>
          </cell>
          <cell r="I276" t="str">
            <v>875-1833</v>
          </cell>
        </row>
        <row r="277">
          <cell r="A277" t="str">
            <v>11516P</v>
          </cell>
          <cell r="B277" t="str">
            <v>ｴﾑｹﾅｶﾀｼｮｳｶｲ</v>
          </cell>
          <cell r="C277" t="str">
            <v>（株）エムケ中田商会</v>
          </cell>
          <cell r="D277" t="str">
            <v>中田 勝利</v>
          </cell>
          <cell r="E277" t="str">
            <v>代表取締役</v>
          </cell>
          <cell r="F277" t="str">
            <v>065-0012</v>
          </cell>
          <cell r="G277" t="str">
            <v>東区北１２東１－２－３</v>
          </cell>
          <cell r="H277" t="str">
            <v>741-3631</v>
          </cell>
          <cell r="I277" t="str">
            <v>741-7030</v>
          </cell>
        </row>
        <row r="278">
          <cell r="A278" t="str">
            <v>11517Z</v>
          </cell>
          <cell r="B278" t="str">
            <v>ﾎｯｶｲﾄﾞｳｲﾄﾐｯｸ</v>
          </cell>
          <cell r="C278" t="str">
            <v>（株）北海道イトミック</v>
          </cell>
          <cell r="D278" t="str">
            <v>久保 隆</v>
          </cell>
          <cell r="E278" t="str">
            <v>代表取締役</v>
          </cell>
          <cell r="F278" t="str">
            <v>063-0801</v>
          </cell>
          <cell r="G278" t="str">
            <v>西区二十四軒１－５－１－１０</v>
          </cell>
          <cell r="H278" t="str">
            <v>615-6681</v>
          </cell>
          <cell r="I278" t="str">
            <v>615-7004</v>
          </cell>
        </row>
        <row r="279">
          <cell r="A279" t="str">
            <v>11518X</v>
          </cell>
          <cell r="B279" t="str">
            <v>ｴｲｼｮｳ</v>
          </cell>
          <cell r="C279" t="str">
            <v>（株）栄商</v>
          </cell>
          <cell r="D279" t="str">
            <v>佐藤 伸大</v>
          </cell>
          <cell r="E279" t="str">
            <v>代表取締役</v>
          </cell>
          <cell r="F279" t="str">
            <v>007-0848</v>
          </cell>
          <cell r="G279" t="str">
            <v>東区北４８東１５－２－３６</v>
          </cell>
          <cell r="H279" t="str">
            <v>753-6363</v>
          </cell>
          <cell r="I279" t="str">
            <v>753-6362</v>
          </cell>
        </row>
        <row r="280">
          <cell r="A280" t="str">
            <v>11519V</v>
          </cell>
          <cell r="B280" t="str">
            <v>ｴｽ･ｴｽ･ﾃｰ</v>
          </cell>
          <cell r="C280" t="str">
            <v>（株）エス・エス・テー</v>
          </cell>
          <cell r="D280" t="str">
            <v>古谷 敏明</v>
          </cell>
          <cell r="E280" t="str">
            <v>代表取締役</v>
          </cell>
          <cell r="F280" t="str">
            <v>003-0022</v>
          </cell>
          <cell r="G280" t="str">
            <v>白石区南郷通１６南１－１</v>
          </cell>
          <cell r="H280" t="str">
            <v>865-0691</v>
          </cell>
          <cell r="I280" t="str">
            <v>864-3626</v>
          </cell>
        </row>
        <row r="281">
          <cell r="A281" t="str">
            <v>11520S</v>
          </cell>
          <cell r="B281" t="str">
            <v>ｴｲﾜｺｳｷﾞｮｳ</v>
          </cell>
          <cell r="C281" t="str">
            <v>英和工業（株）</v>
          </cell>
          <cell r="D281" t="str">
            <v>飯田 英年</v>
          </cell>
          <cell r="E281" t="str">
            <v>代表取締役</v>
          </cell>
          <cell r="F281" t="str">
            <v>006-0012</v>
          </cell>
          <cell r="G281" t="str">
            <v>手稲区富丘２－２－９－１４</v>
          </cell>
          <cell r="H281" t="str">
            <v>682-3715</v>
          </cell>
          <cell r="I281" t="str">
            <v>682-3849</v>
          </cell>
        </row>
        <row r="282">
          <cell r="A282" t="str">
            <v>11525R</v>
          </cell>
          <cell r="B282" t="str">
            <v>ｴｲｺｳﾂｳｼﾝｷ</v>
          </cell>
          <cell r="C282" t="str">
            <v>栄光通信機（株）</v>
          </cell>
          <cell r="D282" t="str">
            <v>山田 清司</v>
          </cell>
          <cell r="E282" t="str">
            <v>代表取締役</v>
          </cell>
          <cell r="F282" t="str">
            <v>063-0830</v>
          </cell>
          <cell r="G282" t="str">
            <v>西区発寒１０－２－５－４３</v>
          </cell>
          <cell r="H282" t="str">
            <v>669-2233</v>
          </cell>
          <cell r="I282" t="str">
            <v>669-2288</v>
          </cell>
        </row>
        <row r="283">
          <cell r="A283" t="str">
            <v>11527Y</v>
          </cell>
          <cell r="B283" t="str">
            <v>ｴｽｴｽﾕﾆｵﾝ</v>
          </cell>
          <cell r="C283" t="str">
            <v>エスエスユニオン（株）北海道営業本部</v>
          </cell>
          <cell r="D283" t="str">
            <v>中村 昇</v>
          </cell>
          <cell r="E283" t="str">
            <v>常務取締役</v>
          </cell>
          <cell r="F283" t="str">
            <v>060-0031</v>
          </cell>
          <cell r="G283" t="str">
            <v>中央区北１東８</v>
          </cell>
          <cell r="H283" t="str">
            <v>241-1741</v>
          </cell>
          <cell r="I283" t="str">
            <v>241-1747</v>
          </cell>
        </row>
        <row r="284">
          <cell r="A284" t="str">
            <v>11528W</v>
          </cell>
          <cell r="B284" t="str">
            <v>ｴﾙﾑﾃﾞｰﾀ</v>
          </cell>
          <cell r="C284" t="str">
            <v>（株）エルムデータ</v>
          </cell>
          <cell r="D284" t="str">
            <v>村上 由彦</v>
          </cell>
          <cell r="E284" t="str">
            <v>代表取締役</v>
          </cell>
          <cell r="F284" t="str">
            <v>004-0015</v>
          </cell>
          <cell r="G284" t="str">
            <v>厚別区下野幌テクノパーク１－２－１５</v>
          </cell>
          <cell r="H284" t="str">
            <v>898-7077</v>
          </cell>
          <cell r="I284" t="str">
            <v>898-7078</v>
          </cell>
        </row>
        <row r="285">
          <cell r="A285" t="str">
            <v>11530R</v>
          </cell>
          <cell r="B285" t="str">
            <v>ｴｲｺｳｼｬ</v>
          </cell>
          <cell r="C285" t="str">
            <v>（株）英広社</v>
          </cell>
          <cell r="D285" t="str">
            <v>冨田 英敏</v>
          </cell>
          <cell r="E285" t="str">
            <v>代表取締役</v>
          </cell>
          <cell r="F285" t="str">
            <v>060-0051</v>
          </cell>
          <cell r="G285" t="str">
            <v>中央区南１東３－１２－４－２ 英公社大通ビル３</v>
          </cell>
          <cell r="H285" t="str">
            <v>261-4350</v>
          </cell>
          <cell r="I285" t="str">
            <v>261-7872</v>
          </cell>
        </row>
        <row r="286">
          <cell r="A286" t="str">
            <v>11532Y</v>
          </cell>
          <cell r="B286" t="str">
            <v>ｴﾇ･ｴｽ･ｶﾝｷｮｳｶｶﾞｸ</v>
          </cell>
          <cell r="C286" t="str">
            <v>エヌ・エス・環境科学（株）</v>
          </cell>
          <cell r="D286" t="str">
            <v>池田 利夫</v>
          </cell>
          <cell r="E286" t="str">
            <v>代表取締役</v>
          </cell>
          <cell r="F286" t="str">
            <v>007-0848</v>
          </cell>
          <cell r="G286" t="str">
            <v>東区北４８東２－１－１</v>
          </cell>
          <cell r="H286" t="str">
            <v>753-1911</v>
          </cell>
          <cell r="I286" t="str">
            <v>752-3191</v>
          </cell>
        </row>
        <row r="287">
          <cell r="A287" t="str">
            <v>11535P</v>
          </cell>
          <cell r="B287" t="str">
            <v>ｴｽｱｰﾙｴﾙ</v>
          </cell>
          <cell r="C287" t="str">
            <v>（株）エスアールエル</v>
          </cell>
          <cell r="D287" t="str">
            <v>田澤 裕光</v>
          </cell>
          <cell r="E287" t="str">
            <v>代表取締役</v>
          </cell>
          <cell r="F287" t="str">
            <v>190-8567</v>
          </cell>
          <cell r="G287" t="str">
            <v>東京都立川市曙町２－４１－１９</v>
          </cell>
          <cell r="H287" t="str">
            <v>042-526-7270</v>
          </cell>
          <cell r="I287" t="str">
            <v>042-540-7650</v>
          </cell>
        </row>
        <row r="288">
          <cell r="A288" t="str">
            <v>11541Z</v>
          </cell>
          <cell r="B288" t="str">
            <v>ｴﾇﾃｨﾃｨﾌｧｼﾘﾃｨｰｽﾞ</v>
          </cell>
          <cell r="C288" t="str">
            <v>（株）エヌ・ティ・ティファシリティーズ北海道支店</v>
          </cell>
          <cell r="D288" t="str">
            <v>臼井 賢</v>
          </cell>
          <cell r="E288" t="str">
            <v>支店長</v>
          </cell>
          <cell r="F288" t="str">
            <v>060-0042</v>
          </cell>
          <cell r="G288" t="str">
            <v>中央区大通西７－３－１ エムズ大通ビル９Ｆ</v>
          </cell>
          <cell r="H288" t="str">
            <v>272-7900</v>
          </cell>
          <cell r="I288" t="str">
            <v>207-7139</v>
          </cell>
        </row>
        <row r="289">
          <cell r="A289" t="str">
            <v>11554R</v>
          </cell>
          <cell r="B289" t="str">
            <v>ｴｸｾﾚﾝﾄﾒﾃﾞｨｶﾙ</v>
          </cell>
          <cell r="C289" t="str">
            <v>（有）エクセレントメディカル</v>
          </cell>
          <cell r="D289" t="str">
            <v>桝井 悟</v>
          </cell>
          <cell r="E289" t="str">
            <v>代表取締役</v>
          </cell>
          <cell r="F289" t="str">
            <v>060-0062</v>
          </cell>
          <cell r="G289" t="str">
            <v>中央区南２西１０－１－４ 第２サントービル４</v>
          </cell>
          <cell r="H289" t="str">
            <v>222-4448</v>
          </cell>
          <cell r="I289" t="str">
            <v>222-4447</v>
          </cell>
        </row>
        <row r="290">
          <cell r="A290" t="str">
            <v>11557V</v>
          </cell>
          <cell r="B290" t="str">
            <v>ｴｯﾁﾋﾞｰｴｽﾎｯｶｲﾄﾞｳﾌﾞﾀｲｾｲｻｸ</v>
          </cell>
          <cell r="C290" t="str">
            <v>（株）エッチビーエス北海道舞台製作</v>
          </cell>
          <cell r="D290" t="str">
            <v>武田 勝雄</v>
          </cell>
          <cell r="E290" t="str">
            <v>代表取締役</v>
          </cell>
          <cell r="F290" t="str">
            <v>003-0022</v>
          </cell>
          <cell r="G290" t="str">
            <v>白石区南郷通１南４－１２</v>
          </cell>
          <cell r="H290" t="str">
            <v>862-7282</v>
          </cell>
          <cell r="I290" t="str">
            <v>863-3206</v>
          </cell>
        </row>
        <row r="291">
          <cell r="A291" t="str">
            <v>11560Z</v>
          </cell>
          <cell r="B291" t="str">
            <v>ｴﾝﾄﾞｳｻﾝｷﾞｮｳ</v>
          </cell>
          <cell r="C291" t="str">
            <v>遠藤産業（株）</v>
          </cell>
          <cell r="D291" t="str">
            <v>遠藤 隆</v>
          </cell>
          <cell r="E291" t="str">
            <v>代表取締役</v>
          </cell>
          <cell r="F291" t="str">
            <v>001-0037</v>
          </cell>
          <cell r="G291" t="str">
            <v>北区北３７西９－１－２６</v>
          </cell>
          <cell r="H291" t="str">
            <v>716-6448</v>
          </cell>
          <cell r="I291" t="str">
            <v>726-6295</v>
          </cell>
        </row>
        <row r="292">
          <cell r="A292" t="str">
            <v>11563S</v>
          </cell>
          <cell r="B292" t="str">
            <v>ｴｲｼｮｳﾃｯｺｳ</v>
          </cell>
          <cell r="C292" t="str">
            <v>（株）永昌鉄工</v>
          </cell>
          <cell r="D292" t="str">
            <v>佐藤 章</v>
          </cell>
          <cell r="E292" t="str">
            <v>代表取締役</v>
          </cell>
          <cell r="F292" t="str">
            <v>007-0884</v>
          </cell>
          <cell r="G292" t="str">
            <v>東区北丘珠４－４－６５９－１７０</v>
          </cell>
          <cell r="H292" t="str">
            <v>784-2161</v>
          </cell>
          <cell r="I292" t="str">
            <v>784-2183</v>
          </cell>
        </row>
        <row r="293">
          <cell r="A293" t="str">
            <v>11573R</v>
          </cell>
          <cell r="B293" t="str">
            <v>ｴｺｰｶﾞｯｷ</v>
          </cell>
          <cell r="C293" t="str">
            <v>（有）エコー楽器</v>
          </cell>
          <cell r="D293" t="str">
            <v>菊池 秀雄</v>
          </cell>
          <cell r="E293" t="str">
            <v>代表取締役</v>
          </cell>
          <cell r="F293" t="str">
            <v>063-0033</v>
          </cell>
          <cell r="G293" t="str">
            <v>西区西野３－５－６－１</v>
          </cell>
          <cell r="H293" t="str">
            <v>662-5115</v>
          </cell>
          <cell r="I293" t="str">
            <v>662-5142</v>
          </cell>
        </row>
        <row r="294">
          <cell r="A294" t="str">
            <v>11574N</v>
          </cell>
          <cell r="B294" t="str">
            <v>ｴﾇ･ﾃｨ･ﾃｨ･ﾘｰｽ</v>
          </cell>
          <cell r="C294" t="str">
            <v>エヌ・ティ・ティ・リース（株）北海道支店</v>
          </cell>
          <cell r="D294" t="str">
            <v>深井 宏一</v>
          </cell>
          <cell r="E294" t="str">
            <v>支店長</v>
          </cell>
          <cell r="F294" t="str">
            <v>060-0001</v>
          </cell>
          <cell r="G294" t="str">
            <v>中央区北１西１０－１－２１ ユーネットビル１０</v>
          </cell>
          <cell r="H294" t="str">
            <v>272-4800</v>
          </cell>
          <cell r="I294" t="str">
            <v>272-4100</v>
          </cell>
        </row>
        <row r="295">
          <cell r="A295" t="str">
            <v>11575X</v>
          </cell>
          <cell r="B295" t="str">
            <v>ｴｽｱﾝﾄﾞﾃﾞｲｶﾜｲ</v>
          </cell>
          <cell r="C295" t="str">
            <v>（有）エスアンドデイカワイ</v>
          </cell>
          <cell r="D295" t="str">
            <v>川井 茂夫</v>
          </cell>
          <cell r="E295" t="str">
            <v>代表取締役</v>
          </cell>
          <cell r="F295" t="str">
            <v>003-0013</v>
          </cell>
          <cell r="G295" t="str">
            <v>白石区中央３－５－５－２３</v>
          </cell>
          <cell r="H295" t="str">
            <v>846-8511</v>
          </cell>
          <cell r="I295" t="str">
            <v>846-8512</v>
          </cell>
        </row>
        <row r="296">
          <cell r="A296" t="str">
            <v>11576V</v>
          </cell>
          <cell r="B296" t="str">
            <v>ｴｳﾞｧｸﾞﾚｰﾝ</v>
          </cell>
          <cell r="C296" t="str">
            <v>（株）エヴァグレーン</v>
          </cell>
          <cell r="D296" t="str">
            <v>山崎 薫</v>
          </cell>
          <cell r="E296" t="str">
            <v>代表取締役</v>
          </cell>
          <cell r="F296" t="str">
            <v>060-0001</v>
          </cell>
          <cell r="G296" t="str">
            <v>中央区北１西３－３－３３ 幸ビル９Ｆ</v>
          </cell>
          <cell r="H296" t="str">
            <v>218-5555</v>
          </cell>
          <cell r="I296" t="str">
            <v>218-5566</v>
          </cell>
        </row>
        <row r="297">
          <cell r="A297" t="str">
            <v>11580X</v>
          </cell>
          <cell r="B297" t="str">
            <v>ｴﾇﾃｨﾃｨﾎｯｶｲﾄﾞｳﾃﾚﾏｰﾄ</v>
          </cell>
          <cell r="C297" t="str">
            <v>エヌ・ティ・ティ北海道テレマート（株）</v>
          </cell>
          <cell r="D297" t="str">
            <v>伴 秀実</v>
          </cell>
          <cell r="E297" t="str">
            <v>代表取締役</v>
          </cell>
          <cell r="F297" t="str">
            <v>064-0922</v>
          </cell>
          <cell r="G297" t="str">
            <v>中央区南２２西６－２－２２</v>
          </cell>
          <cell r="H297" t="str">
            <v>530-5200</v>
          </cell>
          <cell r="I297" t="str">
            <v>530-5600</v>
          </cell>
        </row>
        <row r="298">
          <cell r="A298" t="str">
            <v>11588N</v>
          </cell>
          <cell r="B298" t="str">
            <v>ｵﾘﾊﾞｰ</v>
          </cell>
          <cell r="C298" t="str">
            <v>（株）オリバー</v>
          </cell>
          <cell r="D298" t="str">
            <v>大川 博美</v>
          </cell>
          <cell r="E298" t="str">
            <v>取締役社長</v>
          </cell>
          <cell r="F298" t="str">
            <v>444-2137</v>
          </cell>
          <cell r="G298" t="str">
            <v>愛知県岡崎市薮田１－１－１２</v>
          </cell>
          <cell r="H298" t="str">
            <v>0564-27-2800</v>
          </cell>
          <cell r="I298" t="str">
            <v>0564-27-2860</v>
          </cell>
        </row>
        <row r="299">
          <cell r="A299" t="str">
            <v>11589Y</v>
          </cell>
          <cell r="B299" t="str">
            <v>ｴﾑ･ﾏﾂﾊﾞﾗ</v>
          </cell>
          <cell r="C299" t="str">
            <v>（株）エム・マツバラ</v>
          </cell>
          <cell r="D299" t="str">
            <v>松原 利昭</v>
          </cell>
          <cell r="E299" t="str">
            <v>代表取締役</v>
          </cell>
          <cell r="F299" t="str">
            <v>062-0054</v>
          </cell>
          <cell r="G299" t="str">
            <v>豊平区月寒東４－９－５－１１</v>
          </cell>
          <cell r="H299" t="str">
            <v>853-8011</v>
          </cell>
          <cell r="I299" t="str">
            <v>855-7468</v>
          </cell>
        </row>
        <row r="300">
          <cell r="A300" t="str">
            <v>11597P</v>
          </cell>
          <cell r="B300" t="str">
            <v>ｴｸｼｰﾄﾞ</v>
          </cell>
          <cell r="C300" t="str">
            <v>（株）エクシード</v>
          </cell>
          <cell r="D300" t="str">
            <v>渡瀬 和男</v>
          </cell>
          <cell r="E300" t="str">
            <v>代表取締役</v>
          </cell>
          <cell r="F300" t="str">
            <v>007-0867</v>
          </cell>
          <cell r="G300" t="str">
            <v>東区伏古７－５－４－１５</v>
          </cell>
          <cell r="H300" t="str">
            <v>783-8833</v>
          </cell>
          <cell r="I300" t="str">
            <v>784-9245</v>
          </cell>
        </row>
        <row r="301">
          <cell r="A301" t="str">
            <v>11598Z</v>
          </cell>
          <cell r="B301" t="str">
            <v>ｴﾙﾑﾃﾞﾝｷｼｮｳｶｲ</v>
          </cell>
          <cell r="C301" t="str">
            <v>（株）エルム電気商会</v>
          </cell>
          <cell r="D301" t="str">
            <v>高木 信輔</v>
          </cell>
          <cell r="E301" t="str">
            <v>代表取締役</v>
          </cell>
          <cell r="F301" t="str">
            <v>003-8562</v>
          </cell>
          <cell r="G301" t="str">
            <v>白石区中央３－３－９７</v>
          </cell>
          <cell r="H301" t="str">
            <v>821-1551</v>
          </cell>
          <cell r="I301" t="str">
            <v>821-6216</v>
          </cell>
        </row>
        <row r="302">
          <cell r="A302" t="str">
            <v>11599X</v>
          </cell>
          <cell r="B302" t="str">
            <v>ｴｽﾃｰﾋﾞｰ･ﾒﾃﾞｨｱｾﾝﾀｰ</v>
          </cell>
          <cell r="C302" t="str">
            <v>エステービー・メディアセンター（株）</v>
          </cell>
          <cell r="D302" t="str">
            <v>南條 暉将</v>
          </cell>
          <cell r="E302" t="str">
            <v>代表取締役社長</v>
          </cell>
          <cell r="F302" t="str">
            <v>060-0001</v>
          </cell>
          <cell r="G302" t="str">
            <v>中央区北１西８－１－１ ＳＴＶアネックス２Ｆ</v>
          </cell>
          <cell r="H302" t="str">
            <v>272-8375</v>
          </cell>
          <cell r="I302" t="str">
            <v>272-1060</v>
          </cell>
        </row>
        <row r="303">
          <cell r="A303" t="str">
            <v>11602Z</v>
          </cell>
          <cell r="B303" t="str">
            <v>ｴｽｲｰｼｰｴﾚﾍﾞｰﾀｰ</v>
          </cell>
          <cell r="C303" t="str">
            <v>エス・イー・シーエレベーター（株）</v>
          </cell>
          <cell r="D303" t="str">
            <v>鈴木 孝夫</v>
          </cell>
          <cell r="E303" t="str">
            <v>代表取締役</v>
          </cell>
          <cell r="F303" t="str">
            <v>110-0016</v>
          </cell>
          <cell r="G303" t="str">
            <v>東京都台東区台東３－１８－３</v>
          </cell>
          <cell r="H303" t="str">
            <v>03-3833-1171</v>
          </cell>
          <cell r="I303" t="str">
            <v>03-3833-4330</v>
          </cell>
        </row>
        <row r="304">
          <cell r="A304" t="str">
            <v>11606N</v>
          </cell>
          <cell r="B304" t="str">
            <v>ｴｷｽﾊﾟｰﾄｱﾚｰ</v>
          </cell>
          <cell r="C304" t="str">
            <v>（株）エキスパートアレー</v>
          </cell>
          <cell r="D304" t="str">
            <v>川越 美智子</v>
          </cell>
          <cell r="E304" t="str">
            <v>代表取締役</v>
          </cell>
          <cell r="F304" t="str">
            <v>060-0001</v>
          </cell>
          <cell r="G304" t="str">
            <v>中央区北１西３－３ 札幌三和ビル９階</v>
          </cell>
          <cell r="H304" t="str">
            <v>231-8012</v>
          </cell>
          <cell r="I304" t="str">
            <v>231-0345</v>
          </cell>
        </row>
        <row r="305">
          <cell r="A305" t="str">
            <v>11607Y</v>
          </cell>
          <cell r="B305" t="str">
            <v>ｴﾑ･ﾋﾞｰｻｰﾋﾞｽ</v>
          </cell>
          <cell r="C305" t="str">
            <v>（有）エム・ビーサービス</v>
          </cell>
          <cell r="D305" t="str">
            <v>西谷 洋利</v>
          </cell>
          <cell r="E305" t="str">
            <v>代表取締役</v>
          </cell>
          <cell r="F305" t="str">
            <v>005-0013</v>
          </cell>
          <cell r="G305" t="str">
            <v>南区真駒内緑町１－１－１６－３０６</v>
          </cell>
          <cell r="H305" t="str">
            <v>583-2858</v>
          </cell>
          <cell r="I305" t="str">
            <v>583-2876</v>
          </cell>
        </row>
        <row r="306">
          <cell r="A306" t="str">
            <v>11611N</v>
          </cell>
          <cell r="B306" t="str">
            <v>ｴﾇｹｰｴｽ</v>
          </cell>
          <cell r="C306" t="str">
            <v>（株）エヌケーエス東京営業所</v>
          </cell>
          <cell r="D306" t="str">
            <v>山本 隆</v>
          </cell>
          <cell r="E306" t="str">
            <v>営業所長</v>
          </cell>
          <cell r="F306" t="str">
            <v>144-0034</v>
          </cell>
          <cell r="G306" t="str">
            <v>区東京都大田区西糀谷１－２５－５</v>
          </cell>
          <cell r="H306" t="str">
            <v>03-5735-7500</v>
          </cell>
          <cell r="I306" t="str">
            <v>03-5735-7501</v>
          </cell>
        </row>
        <row r="307">
          <cell r="A307" t="str">
            <v>11613W</v>
          </cell>
          <cell r="B307" t="str">
            <v>ｴﾌ･ｴﾑﾂｳｼｮｳ</v>
          </cell>
          <cell r="C307" t="str">
            <v>（株）エフ・エム通商</v>
          </cell>
          <cell r="D307" t="str">
            <v>藤原 正志</v>
          </cell>
          <cell r="E307" t="str">
            <v>代表取締役</v>
          </cell>
          <cell r="F307" t="str">
            <v>063-0866</v>
          </cell>
          <cell r="G307" t="str">
            <v>西区八軒６東２－８－１０ オークビル３Ｆ</v>
          </cell>
          <cell r="H307" t="str">
            <v>612-0280</v>
          </cell>
          <cell r="I307" t="str">
            <v>643-5048</v>
          </cell>
        </row>
        <row r="308">
          <cell r="A308" t="str">
            <v>11614T</v>
          </cell>
          <cell r="B308" t="str">
            <v>ｴﾇｲｰｼｰﾃﾚﾈｯﾄﾜｰｸｽ</v>
          </cell>
          <cell r="C308" t="str">
            <v>ＮＥＣテレネットワークス（株）北海道支店</v>
          </cell>
          <cell r="D308" t="str">
            <v>関根 継男</v>
          </cell>
          <cell r="E308" t="str">
            <v>支店長</v>
          </cell>
          <cell r="F308" t="str">
            <v>060-0042</v>
          </cell>
          <cell r="G308" t="str">
            <v>中央区大通西４－１ 新大通ビル</v>
          </cell>
          <cell r="H308" t="str">
            <v>232-2334</v>
          </cell>
          <cell r="I308" t="str">
            <v>232-1130</v>
          </cell>
        </row>
        <row r="309">
          <cell r="A309" t="str">
            <v>11616Z</v>
          </cell>
          <cell r="B309" t="str">
            <v>ﾏﾂｼﾀﾌｧｼﾘﾃｨﾏﾈｼﾞﾒﾝﾄ</v>
          </cell>
          <cell r="C309" t="str">
            <v>松下ファシリティマネジメント（株）北海道営業所</v>
          </cell>
          <cell r="D309" t="str">
            <v>山村 耕一</v>
          </cell>
          <cell r="E309" t="str">
            <v>営業所所長</v>
          </cell>
          <cell r="F309" t="str">
            <v>060-0003</v>
          </cell>
          <cell r="G309" t="str">
            <v>中央区北３西１－１－１ パナソニックビル４Ｆ</v>
          </cell>
          <cell r="H309" t="str">
            <v>222-5083</v>
          </cell>
          <cell r="I309" t="str">
            <v>241-4262</v>
          </cell>
        </row>
        <row r="310">
          <cell r="A310" t="str">
            <v>11618V</v>
          </cell>
          <cell r="B310" t="str">
            <v>ｴｯｸｽﾄｼｹﾝｷｭｳｼｮ</v>
          </cell>
          <cell r="C310" t="str">
            <v>（株）エックス都市研究所</v>
          </cell>
          <cell r="D310" t="str">
            <v>青山 俊介</v>
          </cell>
          <cell r="E310" t="str">
            <v>代表取締役</v>
          </cell>
          <cell r="F310" t="str">
            <v>171-0033</v>
          </cell>
          <cell r="G310" t="str">
            <v>東京都豊島区高田２－１７－２２</v>
          </cell>
          <cell r="H310" t="str">
            <v>03-5956-7500</v>
          </cell>
          <cell r="I310" t="str">
            <v>03-5956-7520</v>
          </cell>
        </row>
        <row r="311">
          <cell r="A311" t="str">
            <v>11619S</v>
          </cell>
          <cell r="B311" t="str">
            <v>ｴﾙﾃﾞｨ</v>
          </cell>
          <cell r="C311" t="str">
            <v>（株）エルディ</v>
          </cell>
          <cell r="D311" t="str">
            <v>横山 清</v>
          </cell>
          <cell r="E311" t="str">
            <v>代表取締役</v>
          </cell>
          <cell r="F311" t="str">
            <v>062-0931</v>
          </cell>
          <cell r="G311" t="str">
            <v>豊平区平岸１－１－８－８</v>
          </cell>
          <cell r="H311" t="str">
            <v>812-8088</v>
          </cell>
          <cell r="I311" t="str">
            <v>812-8885</v>
          </cell>
        </row>
        <row r="312">
          <cell r="A312" t="str">
            <v>11622X</v>
          </cell>
          <cell r="B312" t="str">
            <v>ｴｽﾄｺｽﾓ</v>
          </cell>
          <cell r="C312" t="str">
            <v>（株）エストコスモ</v>
          </cell>
          <cell r="D312" t="str">
            <v>渡邊 速机</v>
          </cell>
          <cell r="E312" t="str">
            <v>代表取締役</v>
          </cell>
          <cell r="F312" t="str">
            <v>062-0901</v>
          </cell>
          <cell r="G312" t="str">
            <v>豊平区豊平１－１２－１－１２</v>
          </cell>
          <cell r="H312" t="str">
            <v>837-2121</v>
          </cell>
          <cell r="I312" t="str">
            <v>837-2252</v>
          </cell>
        </row>
        <row r="313">
          <cell r="A313" t="str">
            <v>11623V</v>
          </cell>
          <cell r="B313" t="str">
            <v>ｴﾌｴｽﾕﾆﾏﾈｼﾞﾒﾝﾄ</v>
          </cell>
          <cell r="C313" t="str">
            <v>（株）エフエスユニマネジメント</v>
          </cell>
          <cell r="D313" t="str">
            <v>渡邉 英樹</v>
          </cell>
          <cell r="E313" t="str">
            <v>代表取締役社長</v>
          </cell>
          <cell r="F313" t="str">
            <v>104-0045</v>
          </cell>
          <cell r="G313" t="str">
            <v>東京都中央区築地２－１５－１９</v>
          </cell>
          <cell r="H313" t="str">
            <v>03-3543-1121</v>
          </cell>
          <cell r="I313" t="str">
            <v>03-3549-1961</v>
          </cell>
        </row>
        <row r="314">
          <cell r="A314" t="str">
            <v>11624S</v>
          </cell>
          <cell r="B314" t="str">
            <v>ｿﾗﾝ</v>
          </cell>
          <cell r="C314" t="str">
            <v>ソラン（株）</v>
          </cell>
          <cell r="D314" t="str">
            <v>千年 正樹</v>
          </cell>
          <cell r="E314" t="str">
            <v>代表取締役</v>
          </cell>
          <cell r="F314" t="str">
            <v>108-8368</v>
          </cell>
          <cell r="G314" t="str">
            <v>東京都港区三田３－１１－２４</v>
          </cell>
          <cell r="H314" t="str">
            <v>03-5427-5555</v>
          </cell>
          <cell r="I314" t="str">
            <v>03-5427-5556</v>
          </cell>
        </row>
        <row r="315">
          <cell r="A315" t="str">
            <v>11625N</v>
          </cell>
          <cell r="B315" t="str">
            <v>ｴｽｴｽｲｰ</v>
          </cell>
          <cell r="C315" t="str">
            <v>（株）エスエスイー札幌事務所</v>
          </cell>
          <cell r="D315" t="str">
            <v>柿畑 勇治</v>
          </cell>
          <cell r="E315" t="str">
            <v>所長</v>
          </cell>
          <cell r="F315" t="str">
            <v>060-0807</v>
          </cell>
          <cell r="G315" t="str">
            <v>北区北７西５－７－１ 札幌北スカイビル１３Ｆ</v>
          </cell>
          <cell r="H315" t="str">
            <v>03-5449-2381</v>
          </cell>
          <cell r="I315" t="str">
            <v>03-5449-8143</v>
          </cell>
        </row>
        <row r="316">
          <cell r="A316" t="str">
            <v>11628T</v>
          </cell>
          <cell r="B316" t="str">
            <v>ｴﾇ･ｱｲ･ｻｰﾋﾞｽ</v>
          </cell>
          <cell r="C316" t="str">
            <v>エヌ・アイ・サービス（株）北海道支店</v>
          </cell>
          <cell r="D316" t="str">
            <v>篠原 茂晴</v>
          </cell>
          <cell r="E316" t="str">
            <v>支店長</v>
          </cell>
          <cell r="F316" t="str">
            <v>060-0061</v>
          </cell>
          <cell r="G316" t="str">
            <v>中央区南１西１－１３－１ マナー白鳥５０４号室</v>
          </cell>
          <cell r="H316" t="str">
            <v>242-1668</v>
          </cell>
          <cell r="I316" t="str">
            <v>242-1711</v>
          </cell>
        </row>
        <row r="317">
          <cell r="A317" t="str">
            <v>11629R</v>
          </cell>
          <cell r="B317" t="str">
            <v>ｴﾇﾃｨﾃｨｺﾑｳｪｱ</v>
          </cell>
          <cell r="C317" t="str">
            <v>エヌ・ティ・ティ・コムウェア（株）</v>
          </cell>
          <cell r="D317" t="str">
            <v>今井 郁次</v>
          </cell>
          <cell r="E317" t="str">
            <v>代表取締役社長</v>
          </cell>
          <cell r="F317" t="str">
            <v>108-8019</v>
          </cell>
          <cell r="G317" t="str">
            <v>東京都港区港南１－９－１</v>
          </cell>
          <cell r="H317" t="str">
            <v>03-5796-3140</v>
          </cell>
          <cell r="I317" t="str">
            <v>03-5783-1098</v>
          </cell>
        </row>
        <row r="318">
          <cell r="A318" t="str">
            <v>11630N</v>
          </cell>
          <cell r="B318" t="str">
            <v>ｴﾇ･ｺﾓﾄﾞ</v>
          </cell>
          <cell r="C318" t="str">
            <v>（有）エヌ・コモド</v>
          </cell>
          <cell r="D318" t="str">
            <v>中村 耕平</v>
          </cell>
          <cell r="E318" t="str">
            <v>代表取締役</v>
          </cell>
          <cell r="F318" t="str">
            <v>001-0013</v>
          </cell>
          <cell r="G318" t="str">
            <v>北区北１３西４－１－１</v>
          </cell>
          <cell r="H318" t="str">
            <v>738-5533</v>
          </cell>
          <cell r="I318" t="str">
            <v>738-5583</v>
          </cell>
        </row>
        <row r="319">
          <cell r="A319" t="str">
            <v>11631Y</v>
          </cell>
          <cell r="B319" t="str">
            <v>ｴﾝｾﾞﾙﾀｲﾖｳﾔｸﾋﾝﾊﾝﾊﾞｲ</v>
          </cell>
          <cell r="C319" t="str">
            <v>エンゼル大洋薬品販売（株）</v>
          </cell>
          <cell r="D319" t="str">
            <v>村橋 世章</v>
          </cell>
          <cell r="E319" t="str">
            <v>代表取締役</v>
          </cell>
          <cell r="F319" t="str">
            <v>062-0905</v>
          </cell>
          <cell r="G319" t="str">
            <v>豊平区豊平５－１０－１－３</v>
          </cell>
          <cell r="H319" t="str">
            <v>841-3334</v>
          </cell>
          <cell r="I319" t="str">
            <v>823-2228</v>
          </cell>
        </row>
        <row r="320">
          <cell r="A320" t="str">
            <v>11633T</v>
          </cell>
          <cell r="B320" t="str">
            <v>ｱｻﾋｾｷｭﾘﾃｨ</v>
          </cell>
          <cell r="C320" t="str">
            <v>（株）アサヒセキュリティ</v>
          </cell>
          <cell r="D320" t="str">
            <v>光井 良之</v>
          </cell>
          <cell r="E320" t="str">
            <v>代表取締役社長</v>
          </cell>
          <cell r="F320" t="str">
            <v>105-0022</v>
          </cell>
          <cell r="G320" t="str">
            <v>東京都港区海岸２－４－２</v>
          </cell>
          <cell r="H320" t="str">
            <v>03-5441-8383</v>
          </cell>
          <cell r="I320" t="str">
            <v>03-5441-5488</v>
          </cell>
        </row>
        <row r="321">
          <cell r="A321" t="str">
            <v>11636X</v>
          </cell>
          <cell r="B321" t="str">
            <v>ｴﾇ･ﾃｨ･ﾃｨ･ｵｰﾄﾘｰｽ</v>
          </cell>
          <cell r="C321" t="str">
            <v>エヌ・ティ・ティ・オートリース（株）北海道支店</v>
          </cell>
          <cell r="D321" t="str">
            <v>大山 金光</v>
          </cell>
          <cell r="E321" t="str">
            <v>北海道支店長</v>
          </cell>
          <cell r="F321" t="str">
            <v>060-0042</v>
          </cell>
          <cell r="G321" t="str">
            <v>中央区大通西７－３－１ エムズ大通８Ｆ</v>
          </cell>
          <cell r="H321" t="str">
            <v>241-1190</v>
          </cell>
          <cell r="I321" t="str">
            <v>241-1170</v>
          </cell>
        </row>
        <row r="322">
          <cell r="A322" t="str">
            <v>11637V</v>
          </cell>
          <cell r="B322" t="str">
            <v>ｴｸｾﾙﾊﾞｽ</v>
          </cell>
          <cell r="C322" t="str">
            <v>（株）エクセルバス</v>
          </cell>
          <cell r="D322" t="str">
            <v>長谷 朋之</v>
          </cell>
          <cell r="E322" t="str">
            <v>代表取締役</v>
          </cell>
          <cell r="F322" t="str">
            <v>004-0861</v>
          </cell>
          <cell r="G322" t="str">
            <v>清田区北野１－２－８－２</v>
          </cell>
          <cell r="H322" t="str">
            <v>377-1000</v>
          </cell>
          <cell r="I322" t="str">
            <v>377-1111</v>
          </cell>
        </row>
        <row r="323">
          <cell r="A323" t="str">
            <v>11638S</v>
          </cell>
          <cell r="B323" t="str">
            <v>ｴﾙﾌｫｰﾄ</v>
          </cell>
          <cell r="C323" t="str">
            <v>（株）エルフォート</v>
          </cell>
          <cell r="D323" t="str">
            <v>宮野 靖敏</v>
          </cell>
          <cell r="E323" t="str">
            <v>代表取締役</v>
          </cell>
          <cell r="F323" t="str">
            <v>060-0032</v>
          </cell>
          <cell r="G323" t="str">
            <v>中央区北２東１２－９８－１２ＲＳビル</v>
          </cell>
          <cell r="H323" t="str">
            <v>223-1330</v>
          </cell>
          <cell r="I323" t="str">
            <v>223-1331</v>
          </cell>
        </row>
        <row r="324">
          <cell r="A324" t="str">
            <v>11639P</v>
          </cell>
          <cell r="B324" t="str">
            <v>ｴﾋﾞｽｼｽﾃﾑ</v>
          </cell>
          <cell r="C324" t="str">
            <v>恵比寿システム（株）</v>
          </cell>
          <cell r="D324" t="str">
            <v>千葉 兼久</v>
          </cell>
          <cell r="E324" t="str">
            <v>代表取締役</v>
          </cell>
          <cell r="F324" t="str">
            <v>065-0027</v>
          </cell>
          <cell r="G324" t="str">
            <v>東区北２７東２０－４－１</v>
          </cell>
          <cell r="H324" t="str">
            <v>704-2337</v>
          </cell>
          <cell r="I324" t="str">
            <v>704-2338</v>
          </cell>
        </row>
        <row r="325">
          <cell r="A325" t="str">
            <v>11641X</v>
          </cell>
          <cell r="B325" t="str">
            <v>ｴﾌｻｽ･ｸﾘｴ</v>
          </cell>
          <cell r="C325" t="str">
            <v>エフサス・クリエ（株）</v>
          </cell>
          <cell r="D325" t="str">
            <v>大木 樞</v>
          </cell>
          <cell r="E325" t="str">
            <v>代表取締役</v>
          </cell>
          <cell r="F325" t="str">
            <v>140-0013</v>
          </cell>
          <cell r="G325" t="str">
            <v>東京都品川区南大井６－２２－７ 大森ベル</v>
          </cell>
          <cell r="H325" t="str">
            <v>03-5471-9400</v>
          </cell>
          <cell r="I325" t="str">
            <v>03-5471-9401</v>
          </cell>
        </row>
        <row r="326">
          <cell r="A326" t="str">
            <v>11642V</v>
          </cell>
          <cell r="B326" t="str">
            <v>ｴﾙﾓｼｬ</v>
          </cell>
          <cell r="C326" t="str">
            <v>（株）エルモ社北海道営業所</v>
          </cell>
          <cell r="D326" t="str">
            <v>高井 敏己</v>
          </cell>
          <cell r="E326" t="str">
            <v>所長</v>
          </cell>
          <cell r="F326" t="str">
            <v>060-0004</v>
          </cell>
          <cell r="G326" t="str">
            <v>中央区北４西１５－１－４０</v>
          </cell>
          <cell r="H326" t="str">
            <v>631-8636</v>
          </cell>
          <cell r="I326" t="str">
            <v>631-8640</v>
          </cell>
        </row>
        <row r="327">
          <cell r="A327" t="str">
            <v>11643S</v>
          </cell>
          <cell r="B327" t="str">
            <v>ｴｽ･ﾃｨｿｳｺﾞｳｹﾝｷｭｳｼｮ</v>
          </cell>
          <cell r="C327" t="str">
            <v>（株）エス・ティ総合研究所</v>
          </cell>
          <cell r="D327" t="str">
            <v>高村 愼介</v>
          </cell>
          <cell r="E327" t="str">
            <v>代表取締役</v>
          </cell>
          <cell r="F327" t="str">
            <v>060-0807</v>
          </cell>
          <cell r="G327" t="str">
            <v>北区北７西４－１－１ﾄｰｶﾝ札幌駅前ビル６１６号</v>
          </cell>
          <cell r="H327" t="str">
            <v>736-2048</v>
          </cell>
          <cell r="I327" t="str">
            <v>736-2051</v>
          </cell>
        </row>
        <row r="328">
          <cell r="A328" t="str">
            <v>11644P</v>
          </cell>
          <cell r="B328" t="str">
            <v>ｴｲﾁ･ｴﾙ･ｼｰ</v>
          </cell>
          <cell r="C328" t="str">
            <v>（株）エイチ・エル・シー</v>
          </cell>
          <cell r="D328" t="str">
            <v>氣境 徹</v>
          </cell>
          <cell r="E328" t="str">
            <v>代表取締役</v>
          </cell>
          <cell r="F328" t="str">
            <v>141-0031</v>
          </cell>
          <cell r="G328" t="str">
            <v>東京都品川区西五反田７－９－２五反田ＴＧ</v>
          </cell>
          <cell r="H328" t="str">
            <v>03-5759-6080</v>
          </cell>
          <cell r="I328" t="str">
            <v>03-5759-6087</v>
          </cell>
        </row>
        <row r="329">
          <cell r="A329" t="str">
            <v>11645Y</v>
          </cell>
          <cell r="B329" t="str">
            <v>ｴﾑ･ｴﾑ･ｼｨ</v>
          </cell>
          <cell r="C329" t="str">
            <v>（株）エム・エム・シィ札幌支店</v>
          </cell>
          <cell r="D329" t="str">
            <v>峯尾 和江</v>
          </cell>
          <cell r="E329" t="str">
            <v>取締役支店長</v>
          </cell>
          <cell r="F329" t="str">
            <v>001-0015</v>
          </cell>
          <cell r="G329" t="str">
            <v>北区北１５西４－７</v>
          </cell>
          <cell r="H329" t="str">
            <v>756-1333</v>
          </cell>
          <cell r="I329" t="str">
            <v>756-1333</v>
          </cell>
        </row>
        <row r="330">
          <cell r="A330" t="str">
            <v>11646W</v>
          </cell>
          <cell r="B330" t="str">
            <v>ｴﾇｲｰｼｰﾈｸｻｿﾘｭｰｼｮﾝｽﾞ</v>
          </cell>
          <cell r="C330" t="str">
            <v>ＮＥＣネクサソリューションズ（株）北海道支店</v>
          </cell>
          <cell r="D330" t="str">
            <v>木野村 保</v>
          </cell>
          <cell r="E330" t="str">
            <v>北海道支店長</v>
          </cell>
          <cell r="F330" t="str">
            <v>060-0042</v>
          </cell>
          <cell r="G330" t="str">
            <v>中央区大通西４－１新大通ビル９Ｆ</v>
          </cell>
          <cell r="H330" t="str">
            <v>223-3061</v>
          </cell>
          <cell r="I330" t="str">
            <v>221-0251</v>
          </cell>
        </row>
        <row r="331">
          <cell r="A331" t="str">
            <v>11648R</v>
          </cell>
          <cell r="B331" t="str">
            <v>ｴﾝｶﾞﾝﾊﾞｽ</v>
          </cell>
          <cell r="C331" t="str">
            <v>沿岸バス（株）観光貸切札幌営業部</v>
          </cell>
          <cell r="D331" t="str">
            <v>大場 勝喜</v>
          </cell>
          <cell r="E331" t="str">
            <v>取締役営業部長</v>
          </cell>
          <cell r="F331" t="str">
            <v>061-1274</v>
          </cell>
          <cell r="G331" t="str">
            <v>区北広島市大曲工業団地１－９－４</v>
          </cell>
          <cell r="H331" t="str">
            <v>377-2222</v>
          </cell>
          <cell r="I331" t="str">
            <v>376-3830</v>
          </cell>
        </row>
        <row r="332">
          <cell r="A332" t="str">
            <v>11651W</v>
          </cell>
          <cell r="B332" t="str">
            <v>ｴｽ･ﾃﾞｨｰﾋｶﾘｺｳｹﾞｲ</v>
          </cell>
          <cell r="C332" t="str">
            <v>（株）エス・ディーひかり工芸</v>
          </cell>
          <cell r="D332" t="str">
            <v>小川 康雄</v>
          </cell>
          <cell r="E332" t="str">
            <v>代表取締役</v>
          </cell>
          <cell r="F332" t="str">
            <v>065-0043</v>
          </cell>
          <cell r="G332" t="str">
            <v>東区苗穂町１４－１－６</v>
          </cell>
          <cell r="H332" t="str">
            <v>702-1114</v>
          </cell>
          <cell r="I332" t="str">
            <v>702-1117</v>
          </cell>
        </row>
        <row r="333">
          <cell r="A333" t="str">
            <v>11652T</v>
          </cell>
          <cell r="B333" t="str">
            <v>ｴﾇ･ﾃｨ･ﾃｨ･ﾄﾞｺﾓﾎｯｶｲﾄﾞｳ</v>
          </cell>
          <cell r="C333" t="str">
            <v>（株）エヌ・ティ・ティ・ドコモ北海道法人営業部</v>
          </cell>
          <cell r="D333" t="str">
            <v>及能 調</v>
          </cell>
          <cell r="E333" t="str">
            <v>取締役法人営業部長</v>
          </cell>
          <cell r="F333" t="str">
            <v>060-0002</v>
          </cell>
          <cell r="G333" t="str">
            <v>中央区北２西１－１ マルイト札幌ビル７Ｆ</v>
          </cell>
          <cell r="H333" t="str">
            <v>232-3445</v>
          </cell>
          <cell r="I333" t="str">
            <v>242-1120</v>
          </cell>
        </row>
        <row r="334">
          <cell r="A334" t="str">
            <v>11654N</v>
          </cell>
          <cell r="B334" t="str">
            <v>ｴﾇ･ﾃｨ･ﾃｨ･ﾃﾞｰﾀ･ｶｽﾀﾏｻｰﾋﾞｽ</v>
          </cell>
          <cell r="C334" t="str">
            <v>エヌ・ティ・ティ・データ・カスタマサービス（株）北海道支社</v>
          </cell>
          <cell r="D334" t="str">
            <v>岡 武</v>
          </cell>
          <cell r="E334" t="str">
            <v>支社長</v>
          </cell>
          <cell r="F334" t="str">
            <v>060-0042</v>
          </cell>
          <cell r="G334" t="str">
            <v>中央区大通西７－３－２ ＮＴＴｺﾑｳｪｱ札幌ﾋﾞﾙ７Ｆ</v>
          </cell>
          <cell r="H334" t="str">
            <v>271-6302</v>
          </cell>
          <cell r="I334" t="str">
            <v>271-6303</v>
          </cell>
        </row>
        <row r="335">
          <cell r="A335" t="str">
            <v>11655X</v>
          </cell>
          <cell r="B335" t="str">
            <v>ｴﾝﾊﾟｲｱｰ</v>
          </cell>
          <cell r="C335" t="str">
            <v>（株）エンパイアー</v>
          </cell>
          <cell r="D335" t="str">
            <v>山下 準平</v>
          </cell>
          <cell r="E335" t="str">
            <v>代表取締役</v>
          </cell>
          <cell r="F335" t="str">
            <v>001-0023</v>
          </cell>
          <cell r="G335" t="str">
            <v>北区北２３西５－２－３７</v>
          </cell>
          <cell r="H335" t="str">
            <v>726-0161</v>
          </cell>
          <cell r="I335" t="str">
            <v>758-4027</v>
          </cell>
        </row>
        <row r="336">
          <cell r="A336" t="str">
            <v>11658P</v>
          </cell>
          <cell r="B336" t="str">
            <v>ｴｽ･ｹｲｼｽﾃﾑ</v>
          </cell>
          <cell r="C336" t="str">
            <v>（有）エス・ケイシステム</v>
          </cell>
          <cell r="D336" t="str">
            <v>川股 博</v>
          </cell>
          <cell r="E336" t="str">
            <v>代表取締役</v>
          </cell>
          <cell r="F336" t="str">
            <v>002-8064</v>
          </cell>
          <cell r="G336" t="str">
            <v>北区拓北４－１－４－２１</v>
          </cell>
          <cell r="H336" t="str">
            <v>772-1142</v>
          </cell>
          <cell r="I336" t="str">
            <v>772-1146</v>
          </cell>
        </row>
        <row r="337">
          <cell r="A337" t="str">
            <v>11659Z</v>
          </cell>
          <cell r="B337" t="str">
            <v>ﾆｯｼｮｳｲﾜｲﾏﾃﾘｱﾙ</v>
          </cell>
          <cell r="C337" t="str">
            <v>日商岩井マテリアル（株）</v>
          </cell>
          <cell r="D337" t="str">
            <v>平田 哲</v>
          </cell>
          <cell r="E337" t="str">
            <v>代表取締役</v>
          </cell>
          <cell r="F337" t="str">
            <v>003-0023</v>
          </cell>
          <cell r="G337" t="str">
            <v>白石区南郷通３北４－６</v>
          </cell>
          <cell r="H337" t="str">
            <v>861-4333</v>
          </cell>
          <cell r="I337" t="str">
            <v>861-5023</v>
          </cell>
        </row>
        <row r="338">
          <cell r="A338" t="str">
            <v>11661V</v>
          </cell>
          <cell r="B338" t="str">
            <v>ｴｷﾑｺﾝｻﾙﾀﾝﾄ</v>
          </cell>
          <cell r="C338" t="str">
            <v>（有）役務コンサルタント</v>
          </cell>
          <cell r="D338" t="str">
            <v>小澤 陽子</v>
          </cell>
          <cell r="E338" t="str">
            <v>取締役</v>
          </cell>
          <cell r="F338" t="str">
            <v>063-0053</v>
          </cell>
          <cell r="G338" t="str">
            <v>西区宮の沢３－５－３－１１</v>
          </cell>
          <cell r="H338" t="str">
            <v>663-9471</v>
          </cell>
          <cell r="I338" t="str">
            <v>663-3700</v>
          </cell>
        </row>
        <row r="339">
          <cell r="A339" t="str">
            <v>11662S</v>
          </cell>
          <cell r="B339" t="str">
            <v>ｴｸｻﾈｯﾄ</v>
          </cell>
          <cell r="C339" t="str">
            <v>（株）エクサネット</v>
          </cell>
          <cell r="D339" t="str">
            <v>木下 秀美</v>
          </cell>
          <cell r="E339" t="str">
            <v>代表取締役</v>
          </cell>
          <cell r="F339" t="str">
            <v>060-0061</v>
          </cell>
          <cell r="G339" t="str">
            <v>中央区南１西７－２１－１ サントービル２</v>
          </cell>
          <cell r="H339" t="str">
            <v>281-9890</v>
          </cell>
          <cell r="I339" t="str">
            <v>281-9892</v>
          </cell>
        </row>
        <row r="340">
          <cell r="A340" t="str">
            <v>11663P</v>
          </cell>
          <cell r="B340" t="str">
            <v>ｴﾇ･ﾃｨ･ﾃｨ･ｺﾐｭﾆｹｰｼｮﾝｽﾞ</v>
          </cell>
          <cell r="C340" t="str">
            <v>ｴﾇ・ﾃｨ・ﾃｨ・ｺﾐｭﾆｹｰｼｮﾝｽﾞ（株）</v>
          </cell>
          <cell r="D340" t="str">
            <v>鈴木 正誠</v>
          </cell>
          <cell r="E340" t="str">
            <v>代表取締役社長</v>
          </cell>
          <cell r="F340" t="str">
            <v>100-8019</v>
          </cell>
          <cell r="G340" t="str">
            <v>東京都千代田区内幸町１－１－６</v>
          </cell>
          <cell r="H340" t="str">
            <v>03-6701-9315</v>
          </cell>
          <cell r="I340" t="str">
            <v>03-5219-0058</v>
          </cell>
        </row>
        <row r="341">
          <cell r="A341" t="str">
            <v>11664Z</v>
          </cell>
          <cell r="B341" t="str">
            <v>ｴﾇ･ｱｲｻﾝｷﾞｮｳ</v>
          </cell>
          <cell r="C341" t="str">
            <v>エヌ・アイ産業（株）</v>
          </cell>
          <cell r="D341" t="str">
            <v>穴山 正信</v>
          </cell>
          <cell r="E341" t="str">
            <v>代表取締役</v>
          </cell>
          <cell r="F341" t="str">
            <v>003-0030</v>
          </cell>
          <cell r="G341" t="str">
            <v>白石区流通センター５－６－４３</v>
          </cell>
          <cell r="H341" t="str">
            <v>863-3666</v>
          </cell>
          <cell r="I341" t="str">
            <v>863-0202</v>
          </cell>
        </row>
        <row r="342">
          <cell r="A342" t="str">
            <v>11665W</v>
          </cell>
          <cell r="B342" t="str">
            <v>ｴｰﾑｻｰﾋﾞｽ</v>
          </cell>
          <cell r="C342" t="str">
            <v>エームサービス（株）</v>
          </cell>
          <cell r="D342" t="str">
            <v>石田 久人</v>
          </cell>
          <cell r="E342" t="str">
            <v>代表取締役社長</v>
          </cell>
          <cell r="F342" t="str">
            <v>105-0003</v>
          </cell>
          <cell r="G342" t="str">
            <v>東京都港区西新橋１－１－１５</v>
          </cell>
          <cell r="H342" t="str">
            <v>03-3502-3721</v>
          </cell>
          <cell r="I342" t="str">
            <v>03-3502-6580</v>
          </cell>
        </row>
        <row r="343">
          <cell r="A343" t="str">
            <v>11667R</v>
          </cell>
          <cell r="B343" t="str">
            <v>ｴﾑ･ｴﾑ･ﾋﾟｰ</v>
          </cell>
          <cell r="C343" t="str">
            <v>（株）エム・エム・ピー</v>
          </cell>
          <cell r="D343" t="str">
            <v>小林 義明</v>
          </cell>
          <cell r="E343" t="str">
            <v>代表取締役</v>
          </cell>
          <cell r="F343" t="str">
            <v>003-0012</v>
          </cell>
          <cell r="G343" t="str">
            <v>白石区中央２－３－４－１０</v>
          </cell>
          <cell r="H343" t="str">
            <v>818-1110</v>
          </cell>
          <cell r="I343" t="str">
            <v>818-1118</v>
          </cell>
        </row>
        <row r="344">
          <cell r="A344" t="str">
            <v>11668N</v>
          </cell>
          <cell r="B344" t="str">
            <v>ｴｰﾜﾝｸﾞﾙｰﾌﾟ</v>
          </cell>
          <cell r="C344" t="str">
            <v>（株）エーワングループ</v>
          </cell>
          <cell r="D344" t="str">
            <v>村上 裕次</v>
          </cell>
          <cell r="E344" t="str">
            <v>代表取締役</v>
          </cell>
          <cell r="F344" t="str">
            <v>003-0826</v>
          </cell>
          <cell r="G344" t="str">
            <v>白石区菊水元町６－３－１－１７</v>
          </cell>
          <cell r="H344" t="str">
            <v>876-5568</v>
          </cell>
          <cell r="I344" t="str">
            <v>876-7688</v>
          </cell>
        </row>
        <row r="345">
          <cell r="A345" t="str">
            <v>11671T</v>
          </cell>
          <cell r="B345" t="str">
            <v>ｴﾑｵｰﾌﾟﾗﾝ</v>
          </cell>
          <cell r="C345" t="str">
            <v>（有）エムオープラン</v>
          </cell>
          <cell r="D345" t="str">
            <v>田村 靖弘</v>
          </cell>
          <cell r="E345" t="str">
            <v>代表取締役</v>
          </cell>
          <cell r="F345" t="str">
            <v>064-0821</v>
          </cell>
          <cell r="G345" t="str">
            <v>中央区北１西２０－１－２７ ﾃﾞﾍﾞｯｸｽ１２０－４Ｆ</v>
          </cell>
          <cell r="H345" t="str">
            <v>614-4646</v>
          </cell>
          <cell r="I345" t="str">
            <v>614-4648</v>
          </cell>
        </row>
        <row r="346">
          <cell r="A346" t="str">
            <v>11674Y</v>
          </cell>
          <cell r="B346" t="str">
            <v>ｴｲﾁ･ｴﾑ･ﾋﾟｰ</v>
          </cell>
          <cell r="C346" t="str">
            <v>（株）エイチ・エム・ピー</v>
          </cell>
          <cell r="D346" t="str">
            <v>西谷 和雄</v>
          </cell>
          <cell r="E346" t="str">
            <v>代表取締役</v>
          </cell>
          <cell r="F346" t="str">
            <v>003-0021</v>
          </cell>
          <cell r="G346" t="str">
            <v>白石区栄通１１－５－８</v>
          </cell>
          <cell r="H346" t="str">
            <v>858-4515</v>
          </cell>
          <cell r="I346" t="str">
            <v>852-5792</v>
          </cell>
        </row>
        <row r="347">
          <cell r="A347" t="str">
            <v>11675V</v>
          </cell>
          <cell r="B347" t="str">
            <v>ｴｽﾊﾟｽ･ﾏﾅｰｱｶﾃﾞﾐｰ</v>
          </cell>
          <cell r="C347" t="str">
            <v>（有）エスパス・マナーアカデミー</v>
          </cell>
          <cell r="D347" t="str">
            <v>伊藤 露子</v>
          </cell>
          <cell r="E347" t="str">
            <v>代表取締役</v>
          </cell>
          <cell r="F347" t="str">
            <v>060-0005</v>
          </cell>
          <cell r="G347" t="str">
            <v>中央区北５西６－２</v>
          </cell>
          <cell r="H347" t="str">
            <v>280-8500</v>
          </cell>
          <cell r="I347" t="str">
            <v>280-8555</v>
          </cell>
        </row>
        <row r="348">
          <cell r="A348" t="str">
            <v>11676S</v>
          </cell>
          <cell r="B348" t="str">
            <v>ｴﾇ･ﾃｨ･ﾃｨ･ｺﾑｳｪｱﾎｯｶｲﾄﾞｳ</v>
          </cell>
          <cell r="C348" t="str">
            <v>エヌ・ティ・ティ・コムウェア北海道（株）</v>
          </cell>
          <cell r="D348" t="str">
            <v>藤原 國利</v>
          </cell>
          <cell r="E348" t="str">
            <v>代表取締役社長</v>
          </cell>
          <cell r="F348" t="str">
            <v>060-0042</v>
          </cell>
          <cell r="G348" t="str">
            <v>中央区大通西７－３</v>
          </cell>
          <cell r="H348" t="str">
            <v>281-6250</v>
          </cell>
          <cell r="I348" t="str">
            <v>281-7904</v>
          </cell>
        </row>
        <row r="349">
          <cell r="A349" t="str">
            <v>11677P</v>
          </cell>
          <cell r="B349" t="str">
            <v>ｴﾐｯｸ</v>
          </cell>
          <cell r="C349" t="str">
            <v>（株）エミック</v>
          </cell>
          <cell r="D349" t="str">
            <v>工津 輝雄</v>
          </cell>
          <cell r="E349" t="str">
            <v>代表取締役</v>
          </cell>
          <cell r="F349" t="str">
            <v>064-0807</v>
          </cell>
          <cell r="G349" t="str">
            <v>中央区南７西８－１－１８</v>
          </cell>
          <cell r="H349" t="str">
            <v>521-7199</v>
          </cell>
          <cell r="I349" t="str">
            <v>521-7212</v>
          </cell>
        </row>
        <row r="350">
          <cell r="A350" t="str">
            <v>11678Z</v>
          </cell>
          <cell r="B350" t="str">
            <v>ｴｱｿｰｸ</v>
          </cell>
          <cell r="C350" t="str">
            <v>（有）エアソーク</v>
          </cell>
          <cell r="D350" t="str">
            <v>荒谷 惠子</v>
          </cell>
          <cell r="E350" t="str">
            <v>代表取締役</v>
          </cell>
          <cell r="F350" t="str">
            <v>064-0820</v>
          </cell>
          <cell r="G350" t="str">
            <v>中央区大通西２４－１－１－６０２</v>
          </cell>
          <cell r="H350" t="str">
            <v>631-2686</v>
          </cell>
          <cell r="I350" t="str">
            <v>631-2689</v>
          </cell>
        </row>
        <row r="351">
          <cell r="A351" t="str">
            <v>11679X</v>
          </cell>
          <cell r="B351" t="str">
            <v>ｴｲﾁｳﾞｨｰｼｰｾﾝﾘｬｸｹﾝｷｭｳｼﾞｮ</v>
          </cell>
          <cell r="C351" t="str">
            <v>（株）ＨＶＣ戦略研究所</v>
          </cell>
          <cell r="D351" t="str">
            <v>松田 一敬</v>
          </cell>
          <cell r="E351" t="str">
            <v>代表取締役</v>
          </cell>
          <cell r="F351" t="str">
            <v>060-0809</v>
          </cell>
          <cell r="G351" t="str">
            <v>北区北９西２－４－１</v>
          </cell>
          <cell r="H351" t="str">
            <v>738-7585</v>
          </cell>
          <cell r="I351" t="str">
            <v>738-7387</v>
          </cell>
        </row>
        <row r="352">
          <cell r="A352" t="str">
            <v>11680V</v>
          </cell>
          <cell r="B352" t="str">
            <v>ｴｰｽﾗﾝﾄﾞﾘｰ</v>
          </cell>
          <cell r="C352" t="str">
            <v>（株）エースランドリー</v>
          </cell>
          <cell r="D352" t="str">
            <v>菊地 紀雄</v>
          </cell>
          <cell r="E352" t="str">
            <v>代表取締役</v>
          </cell>
          <cell r="F352" t="str">
            <v>061-3244</v>
          </cell>
          <cell r="G352" t="str">
            <v>石狩市新港南１－１９－５２</v>
          </cell>
          <cell r="H352" t="str">
            <v>0133-64-2040</v>
          </cell>
          <cell r="I352" t="str">
            <v>0133-64-2041</v>
          </cell>
        </row>
        <row r="353">
          <cell r="A353" t="str">
            <v>11681S</v>
          </cell>
          <cell r="B353" t="str">
            <v>ｴｲﾁｹｲｱｲｱｸｼｽ</v>
          </cell>
          <cell r="C353" t="str">
            <v>（株）ＨＫＩアクシス</v>
          </cell>
          <cell r="D353" t="str">
            <v>森糸 猛</v>
          </cell>
          <cell r="E353" t="str">
            <v>代表取締役社長</v>
          </cell>
          <cell r="F353" t="str">
            <v>060-0063</v>
          </cell>
          <cell r="G353" t="str">
            <v>中央区南３西１－１－１</v>
          </cell>
          <cell r="H353" t="str">
            <v>223-3515</v>
          </cell>
          <cell r="I353" t="str">
            <v>223-3522</v>
          </cell>
        </row>
        <row r="354">
          <cell r="A354" t="str">
            <v>11682P</v>
          </cell>
          <cell r="B354" t="str">
            <v>ｴﾇｴﾑｼｽﾃﾑ･ﾒﾝﾃﾅﾝｽ</v>
          </cell>
          <cell r="C354" t="str">
            <v>ＮＭシステム・メンテナンス</v>
          </cell>
          <cell r="D354" t="str">
            <v>宮前 健治</v>
          </cell>
          <cell r="E354" t="str">
            <v>代表</v>
          </cell>
          <cell r="F354" t="str">
            <v>063-0035</v>
          </cell>
          <cell r="G354" t="str">
            <v>西区西野５－６－１０－５</v>
          </cell>
          <cell r="H354" t="str">
            <v>665-5003</v>
          </cell>
          <cell r="I354" t="str">
            <v>665-5003</v>
          </cell>
        </row>
        <row r="355">
          <cell r="A355" t="str">
            <v>11684X</v>
          </cell>
          <cell r="B355" t="str">
            <v>ｴﾑﾃｨｰﾌﾟﾗﾝﾆﾝｸﾞ</v>
          </cell>
          <cell r="C355" t="str">
            <v>（有）エムティープランニング</v>
          </cell>
          <cell r="D355" t="str">
            <v>高田 正吉</v>
          </cell>
          <cell r="E355" t="str">
            <v>取締役</v>
          </cell>
          <cell r="F355" t="str">
            <v>065-0026</v>
          </cell>
          <cell r="G355" t="str">
            <v>東区北２６東５－２－２５</v>
          </cell>
          <cell r="H355" t="str">
            <v>750-5720</v>
          </cell>
          <cell r="I355" t="str">
            <v>750-5721</v>
          </cell>
        </row>
        <row r="356">
          <cell r="A356" t="str">
            <v>11685T</v>
          </cell>
          <cell r="B356" t="str">
            <v>ｴｺ･ｸﾘｴｲﾃｨﾌﾞｻｰﾋﾞｽ</v>
          </cell>
          <cell r="C356" t="str">
            <v>エコ・クリエイティブサービス（株）</v>
          </cell>
          <cell r="D356" t="str">
            <v>三浦 和康</v>
          </cell>
          <cell r="E356" t="str">
            <v>代表取締役</v>
          </cell>
          <cell r="F356" t="str">
            <v>060-0007</v>
          </cell>
          <cell r="G356" t="str">
            <v>中央区北７西１３－９－１塚本７号館６Ｆ</v>
          </cell>
          <cell r="H356" t="str">
            <v>261-6612</v>
          </cell>
          <cell r="I356" t="str">
            <v>261-6613</v>
          </cell>
        </row>
        <row r="357">
          <cell r="A357" t="str">
            <v>11686R</v>
          </cell>
          <cell r="B357" t="str">
            <v>ｴﾊﾞﾗﾚｲﾈﾂｼｽﾃﾑ</v>
          </cell>
          <cell r="C357" t="str">
            <v>荏原冷熱システム（株）北海道営業所</v>
          </cell>
          <cell r="D357" t="str">
            <v>桜井 泰</v>
          </cell>
          <cell r="E357" t="str">
            <v>所長</v>
          </cell>
          <cell r="F357" t="str">
            <v>003-0027</v>
          </cell>
          <cell r="G357" t="str">
            <v>白石区本通１９北１－２５</v>
          </cell>
          <cell r="H357" t="str">
            <v>864-6963</v>
          </cell>
          <cell r="I357" t="str">
            <v>864-7177</v>
          </cell>
        </row>
        <row r="358">
          <cell r="A358" t="str">
            <v>11687N</v>
          </cell>
          <cell r="B358" t="str">
            <v>ｴﾙﾜｰｸ</v>
          </cell>
          <cell r="C358" t="str">
            <v>（株）エル・ワーク</v>
          </cell>
          <cell r="D358" t="str">
            <v>梶谷 祐子</v>
          </cell>
          <cell r="E358" t="str">
            <v>代表取締役</v>
          </cell>
          <cell r="F358" t="str">
            <v>064-0820</v>
          </cell>
          <cell r="G358" t="str">
            <v>中央区大通西２０－３－３０－７０７</v>
          </cell>
          <cell r="H358" t="str">
            <v>632-5632</v>
          </cell>
          <cell r="I358" t="str">
            <v>632-5631</v>
          </cell>
        </row>
        <row r="359">
          <cell r="A359" t="str">
            <v>11688Y</v>
          </cell>
          <cell r="B359" t="str">
            <v>ｴｰｴﾑｱｲ</v>
          </cell>
          <cell r="C359" t="str">
            <v>（株）ＡＭＩ</v>
          </cell>
          <cell r="D359" t="str">
            <v>石森 鋼男</v>
          </cell>
          <cell r="E359" t="str">
            <v>代表取締役</v>
          </cell>
          <cell r="F359" t="str">
            <v>004-0021</v>
          </cell>
          <cell r="G359" t="str">
            <v>厚別区青葉町１３－１０－８ ｼﾝｱﾂｼﾝﾏﾝｼｮﾝ１階</v>
          </cell>
          <cell r="H359" t="str">
            <v>895-7234</v>
          </cell>
          <cell r="I359" t="str">
            <v>802-4061</v>
          </cell>
        </row>
        <row r="360">
          <cell r="A360" t="str">
            <v>11689W</v>
          </cell>
          <cell r="B360" t="str">
            <v>ｴｽ･ｹｰｶﾝﾊﾟﾆｰ</v>
          </cell>
          <cell r="C360" t="str">
            <v>（株）エス・ケーカンパニー</v>
          </cell>
          <cell r="D360" t="str">
            <v>駒谷 早春</v>
          </cell>
          <cell r="E360" t="str">
            <v>代表取締役</v>
          </cell>
          <cell r="F360" t="str">
            <v>003-0807</v>
          </cell>
          <cell r="G360" t="str">
            <v>白石区菊水７－２－７－１札幌流通倉庫ビル</v>
          </cell>
          <cell r="H360" t="str">
            <v>811-1281</v>
          </cell>
          <cell r="I360" t="str">
            <v>811-8900</v>
          </cell>
        </row>
        <row r="361">
          <cell r="A361" t="str">
            <v>11690T</v>
          </cell>
          <cell r="B361" t="str">
            <v>ｴﾑｲｰｼｰｴﾝｼﾞﾆｱﾘﾝｸﾞｻｰﾋﾞｽ</v>
          </cell>
          <cell r="C361" t="str">
            <v>ｴﾑｲｰｼｰｴﾝｼﾞﾆｱﾘﾝｸﾞｻｰﾋﾞｽ（株）</v>
          </cell>
          <cell r="D361" t="str">
            <v>橋本 安之</v>
          </cell>
          <cell r="E361" t="str">
            <v>代表取締役</v>
          </cell>
          <cell r="F361" t="str">
            <v>730-8641</v>
          </cell>
          <cell r="G361" t="str">
            <v>広島市中区江波沖町５－１</v>
          </cell>
          <cell r="H361" t="str">
            <v>082-292-3251</v>
          </cell>
          <cell r="I361" t="str">
            <v>082-295-0123</v>
          </cell>
        </row>
        <row r="362">
          <cell r="A362" t="str">
            <v>11691R</v>
          </cell>
          <cell r="B362" t="str">
            <v>ｴｲﾌﾟﾗｽ･ｻｰﾋﾞｽ</v>
          </cell>
          <cell r="C362" t="str">
            <v>エイプラス・サービス（株）</v>
          </cell>
          <cell r="D362" t="str">
            <v>荒木 龍太郎</v>
          </cell>
          <cell r="E362" t="str">
            <v>代表取締役</v>
          </cell>
          <cell r="F362" t="str">
            <v>060-0011</v>
          </cell>
          <cell r="G362" t="str">
            <v>中央区北１１西１９－３６</v>
          </cell>
          <cell r="H362" t="str">
            <v>631-1171</v>
          </cell>
          <cell r="I362" t="str">
            <v>644-1204</v>
          </cell>
        </row>
        <row r="363">
          <cell r="A363" t="str">
            <v>11692N</v>
          </cell>
          <cell r="B363" t="str">
            <v>ｴｲｼﾝｶｲﾊﾂｺｳｷﾞｮｳ</v>
          </cell>
          <cell r="C363" t="str">
            <v>栄伸開発工業（株）札幌営業所</v>
          </cell>
          <cell r="D363" t="str">
            <v>茅根 米久</v>
          </cell>
          <cell r="E363" t="str">
            <v>取締役所長</v>
          </cell>
          <cell r="F363" t="str">
            <v>001-0906</v>
          </cell>
          <cell r="G363" t="str">
            <v>北区新琴似６－５－１－２</v>
          </cell>
          <cell r="H363" t="str">
            <v>751-1358</v>
          </cell>
          <cell r="I363" t="str">
            <v>763-3358</v>
          </cell>
        </row>
        <row r="364">
          <cell r="A364" t="str">
            <v>11693Y</v>
          </cell>
          <cell r="B364" t="str">
            <v>ｴｺﾊｳｽ</v>
          </cell>
          <cell r="C364" t="str">
            <v>（有）エコハウス</v>
          </cell>
          <cell r="D364" t="str">
            <v>松本 隆</v>
          </cell>
          <cell r="E364" t="str">
            <v>代表取締役</v>
          </cell>
          <cell r="F364" t="str">
            <v>067-0023</v>
          </cell>
          <cell r="G364" t="str">
            <v>江別市東光町２７－２１</v>
          </cell>
          <cell r="H364" t="str">
            <v>385-5666</v>
          </cell>
          <cell r="I364" t="str">
            <v>385-5669</v>
          </cell>
        </row>
        <row r="365">
          <cell r="A365" t="str">
            <v>11694W</v>
          </cell>
          <cell r="B365" t="str">
            <v>ｴﾋﾞｼｮｳ</v>
          </cell>
          <cell r="C365" t="str">
            <v>（株）蛯商</v>
          </cell>
          <cell r="D365" t="str">
            <v>藤本 英人</v>
          </cell>
          <cell r="E365" t="str">
            <v>代表取締役</v>
          </cell>
          <cell r="F365" t="str">
            <v>040-0045</v>
          </cell>
          <cell r="G365" t="str">
            <v>函館市住吉町８－１６</v>
          </cell>
          <cell r="H365" t="str">
            <v>0138-26-2888</v>
          </cell>
          <cell r="I365" t="str">
            <v>0138-23-1676</v>
          </cell>
        </row>
        <row r="366">
          <cell r="A366" t="str">
            <v>11695S</v>
          </cell>
          <cell r="B366" t="str">
            <v>ｴﾑ･ｲ･ｹｱｼｽﾃﾑ</v>
          </cell>
          <cell r="C366" t="str">
            <v>エム・イ・ケアシステム（株）</v>
          </cell>
          <cell r="D366" t="str">
            <v>杉本 忠夫</v>
          </cell>
          <cell r="E366" t="str">
            <v>代表取締役</v>
          </cell>
          <cell r="F366" t="str">
            <v>060-0005</v>
          </cell>
          <cell r="G366" t="str">
            <v>中央区北５西１６－２－２０</v>
          </cell>
          <cell r="H366" t="str">
            <v>643-8558</v>
          </cell>
          <cell r="I366" t="str">
            <v>643-8992</v>
          </cell>
        </row>
        <row r="367">
          <cell r="A367" t="str">
            <v>11696P</v>
          </cell>
          <cell r="B367" t="str">
            <v>ｴｽｹｲﾄﾚｰﾃﾞｨﾝｸﾞ</v>
          </cell>
          <cell r="C367" t="str">
            <v>（株）エスケイトレーディング</v>
          </cell>
          <cell r="D367" t="str">
            <v>島本 利紀</v>
          </cell>
          <cell r="E367" t="str">
            <v>代表取締役</v>
          </cell>
          <cell r="F367" t="str">
            <v>344-0007</v>
          </cell>
          <cell r="G367" t="str">
            <v>埼玉県春日部市大字小渕４８６－１</v>
          </cell>
          <cell r="H367" t="str">
            <v>048-754-2796</v>
          </cell>
          <cell r="I367" t="str">
            <v>048-754-2810</v>
          </cell>
        </row>
        <row r="368">
          <cell r="A368" t="str">
            <v>11697Z</v>
          </cell>
          <cell r="B368" t="str">
            <v>ｴﾇﾃｨﾃｨｶｰﾄﾞｿﾘｭｰｼｮﾝ</v>
          </cell>
          <cell r="C368" t="str">
            <v>（株）ｴﾇ・ﾃｨ・ﾃｨ・ｶｰﾄﾞｿﾘｭｰｼｮﾝ</v>
          </cell>
          <cell r="D368" t="str">
            <v>里木 勇</v>
          </cell>
          <cell r="E368" t="str">
            <v>代表取締役社長</v>
          </cell>
          <cell r="F368" t="str">
            <v>107-0062</v>
          </cell>
          <cell r="G368" t="str">
            <v>東京都港区南青山１－１２－３１</v>
          </cell>
          <cell r="H368" t="str">
            <v>03-6406-4811</v>
          </cell>
          <cell r="I368" t="str">
            <v>03-6406-4787</v>
          </cell>
        </row>
        <row r="369">
          <cell r="A369" t="str">
            <v>12002P</v>
          </cell>
          <cell r="B369" t="str">
            <v>ｵｸｲｼｮｳｼﾞ</v>
          </cell>
          <cell r="C369" t="str">
            <v>奥井商事（株）</v>
          </cell>
          <cell r="D369" t="str">
            <v>宮本 幸治</v>
          </cell>
          <cell r="E369" t="str">
            <v>代表取締役</v>
          </cell>
          <cell r="F369" t="str">
            <v>064-0919</v>
          </cell>
          <cell r="G369" t="str">
            <v>中央区南１９西９－１－１４</v>
          </cell>
          <cell r="H369" t="str">
            <v>561-6325</v>
          </cell>
          <cell r="I369" t="str">
            <v>531-9653</v>
          </cell>
        </row>
        <row r="370">
          <cell r="A370" t="str">
            <v>12003Z</v>
          </cell>
          <cell r="B370" t="str">
            <v>ｵｵﾂｷｼｮｸｻﾞｲ</v>
          </cell>
          <cell r="C370" t="str">
            <v>大槻食材（株）</v>
          </cell>
          <cell r="D370" t="str">
            <v>吉田 正造</v>
          </cell>
          <cell r="E370" t="str">
            <v>代表取締役社長</v>
          </cell>
          <cell r="F370" t="str">
            <v>060-0009</v>
          </cell>
          <cell r="G370" t="str">
            <v>中央区北９西２１</v>
          </cell>
          <cell r="H370" t="str">
            <v>641-5131</v>
          </cell>
          <cell r="I370" t="str">
            <v>611-6231</v>
          </cell>
        </row>
        <row r="371">
          <cell r="A371" t="str">
            <v>12004X</v>
          </cell>
          <cell r="B371" t="str">
            <v>ｵｵｳﾗ</v>
          </cell>
          <cell r="C371" t="str">
            <v>（株）オオウラ</v>
          </cell>
          <cell r="D371" t="str">
            <v>大浦 泰廣</v>
          </cell>
          <cell r="E371" t="str">
            <v>代表取締役</v>
          </cell>
          <cell r="F371" t="str">
            <v>007-0864</v>
          </cell>
          <cell r="G371" t="str">
            <v>東区伏古４－２－４－６</v>
          </cell>
          <cell r="H371" t="str">
            <v>783-8411</v>
          </cell>
          <cell r="I371" t="str">
            <v>783-8422</v>
          </cell>
        </row>
        <row r="372">
          <cell r="A372" t="str">
            <v>12005T</v>
          </cell>
          <cell r="B372" t="str">
            <v>ｵﾆｷｾｲｻｸｼｮ</v>
          </cell>
          <cell r="C372" t="str">
            <v>（株）鬼木製作所</v>
          </cell>
          <cell r="D372" t="str">
            <v>鬼木 武夫</v>
          </cell>
          <cell r="E372" t="str">
            <v>代表取締役</v>
          </cell>
          <cell r="F372" t="str">
            <v>007-0803</v>
          </cell>
          <cell r="G372" t="str">
            <v>東区東苗穂３－３－１－２２</v>
          </cell>
          <cell r="H372" t="str">
            <v>783-0471</v>
          </cell>
          <cell r="I372" t="str">
            <v>781-1915</v>
          </cell>
        </row>
        <row r="373">
          <cell r="A373" t="str">
            <v>12007N</v>
          </cell>
          <cell r="B373" t="str">
            <v>ｵｳｼﾞ</v>
          </cell>
          <cell r="C373" t="str">
            <v>（株）王子</v>
          </cell>
          <cell r="D373" t="str">
            <v>石田 克巳</v>
          </cell>
          <cell r="E373" t="str">
            <v>代表取締役</v>
          </cell>
          <cell r="F373" t="str">
            <v>062-0922</v>
          </cell>
          <cell r="G373" t="str">
            <v>豊平区中の島２－３－５－２５</v>
          </cell>
          <cell r="H373" t="str">
            <v>821-7981</v>
          </cell>
          <cell r="I373" t="str">
            <v>821-7988</v>
          </cell>
        </row>
        <row r="374">
          <cell r="A374" t="str">
            <v>12008Y</v>
          </cell>
          <cell r="B374" t="str">
            <v>ｵｵｻｶﾔ</v>
          </cell>
          <cell r="C374" t="str">
            <v>（株）大阪屋</v>
          </cell>
          <cell r="D374" t="str">
            <v>森田 正二</v>
          </cell>
          <cell r="E374" t="str">
            <v>代表取締役</v>
          </cell>
          <cell r="F374" t="str">
            <v>060-0001</v>
          </cell>
          <cell r="G374" t="str">
            <v>中央区北１西３－３－８</v>
          </cell>
          <cell r="H374" t="str">
            <v>221-0181</v>
          </cell>
          <cell r="I374" t="str">
            <v>221-0215</v>
          </cell>
        </row>
        <row r="375">
          <cell r="A375" t="str">
            <v>12009W</v>
          </cell>
          <cell r="B375" t="str">
            <v>ｵｶﾞﾜﾊｸｲ</v>
          </cell>
          <cell r="C375" t="str">
            <v>（株）小川白衣</v>
          </cell>
          <cell r="D375" t="str">
            <v>櫻井 恒夫</v>
          </cell>
          <cell r="E375" t="str">
            <v>代表取締役</v>
          </cell>
          <cell r="F375" t="str">
            <v>003-0025</v>
          </cell>
          <cell r="G375" t="str">
            <v>白石区本郷通２北２－９</v>
          </cell>
          <cell r="H375" t="str">
            <v>846-0891</v>
          </cell>
          <cell r="I375" t="str">
            <v>860-2128</v>
          </cell>
        </row>
        <row r="376">
          <cell r="A376" t="str">
            <v>12010T</v>
          </cell>
          <cell r="B376" t="str">
            <v>ｵｵﾐﾔﾎｰﾛｰﾎｯｶｲﾄﾞｳｾｲｻｸｼｮ</v>
          </cell>
          <cell r="C376" t="str">
            <v>（株）大宮ホーロー北海道製作所</v>
          </cell>
          <cell r="D376" t="str">
            <v>甚内 敏博</v>
          </cell>
          <cell r="E376" t="str">
            <v>代表取締役</v>
          </cell>
          <cell r="F376" t="str">
            <v>062-0052</v>
          </cell>
          <cell r="G376" t="str">
            <v>豊平区月寒東２－３－９－１２</v>
          </cell>
          <cell r="H376" t="str">
            <v>851-2186</v>
          </cell>
          <cell r="I376" t="str">
            <v>851-2009</v>
          </cell>
        </row>
        <row r="377">
          <cell r="A377" t="str">
            <v>12013Y</v>
          </cell>
          <cell r="B377" t="str">
            <v>ｵｵﾂｶｼｮｳｶｲ</v>
          </cell>
          <cell r="C377" t="str">
            <v>（株）大塚商会札幌支店</v>
          </cell>
          <cell r="D377" t="str">
            <v>嶋津 義則</v>
          </cell>
          <cell r="E377" t="str">
            <v>支店長</v>
          </cell>
          <cell r="F377" t="str">
            <v>060-0001</v>
          </cell>
          <cell r="G377" t="str">
            <v>中央区北１西３－２ 井門札幌ビル</v>
          </cell>
          <cell r="H377" t="str">
            <v>281-5741</v>
          </cell>
          <cell r="I377" t="str">
            <v>281-5831</v>
          </cell>
        </row>
        <row r="378">
          <cell r="A378" t="str">
            <v>12016P</v>
          </cell>
          <cell r="B378" t="str">
            <v>ｵｷﾃﾞﾝｷｺｳｷﾞｮｳ</v>
          </cell>
          <cell r="C378" t="str">
            <v>沖電気工業（株）北海道支社</v>
          </cell>
          <cell r="D378" t="str">
            <v>大日方 進</v>
          </cell>
          <cell r="E378" t="str">
            <v>支社長</v>
          </cell>
          <cell r="F378" t="str">
            <v>060-0003</v>
          </cell>
          <cell r="G378" t="str">
            <v>中央区北３西３－１－４４</v>
          </cell>
          <cell r="H378" t="str">
            <v>231-9446</v>
          </cell>
          <cell r="I378" t="str">
            <v>231-9898</v>
          </cell>
        </row>
        <row r="379">
          <cell r="A379" t="str">
            <v>12021P</v>
          </cell>
          <cell r="B379" t="str">
            <v>ｵｳｼﾞﾓｸｻﾞｲﾘｮｯｶ</v>
          </cell>
          <cell r="C379" t="str">
            <v>王子木材緑化（株）北海道支店</v>
          </cell>
          <cell r="D379" t="str">
            <v>山口 信幸</v>
          </cell>
          <cell r="E379" t="str">
            <v>常務取締役支店長</v>
          </cell>
          <cell r="F379" t="str">
            <v>004-0862</v>
          </cell>
          <cell r="G379" t="str">
            <v>清田区北野２－２－２０－３</v>
          </cell>
          <cell r="H379" t="str">
            <v>881-5600</v>
          </cell>
          <cell r="I379" t="str">
            <v>881-7131</v>
          </cell>
        </row>
        <row r="380">
          <cell r="A380" t="str">
            <v>12022Z</v>
          </cell>
          <cell r="B380" t="str">
            <v>ｵｶｻﾞｷﾃﾞﾝｷｺｳｷﾞｮｳｼｮ</v>
          </cell>
          <cell r="C380" t="str">
            <v>（株）岡崎電気工業所</v>
          </cell>
          <cell r="D380" t="str">
            <v>岡崎 清</v>
          </cell>
          <cell r="E380" t="str">
            <v>代表取締役</v>
          </cell>
          <cell r="F380" t="str">
            <v>001-0011</v>
          </cell>
          <cell r="G380" t="str">
            <v>北区北１１西２－１</v>
          </cell>
          <cell r="H380" t="str">
            <v>726-4330</v>
          </cell>
          <cell r="I380" t="str">
            <v>726-7173</v>
          </cell>
        </row>
        <row r="381">
          <cell r="A381" t="str">
            <v>12024V</v>
          </cell>
          <cell r="B381" t="str">
            <v>ｵｰﾔﾗｯｸｽ</v>
          </cell>
          <cell r="C381" t="str">
            <v>（株）オーヤラックス札幌支店</v>
          </cell>
          <cell r="D381" t="str">
            <v>出雲 治</v>
          </cell>
          <cell r="E381" t="str">
            <v>支店長</v>
          </cell>
          <cell r="F381" t="str">
            <v>060-0051</v>
          </cell>
          <cell r="G381" t="str">
            <v>中央区南１東２－８－１ サンシティビル２</v>
          </cell>
          <cell r="H381" t="str">
            <v>271-1585</v>
          </cell>
          <cell r="I381" t="str">
            <v>271-1580</v>
          </cell>
        </row>
        <row r="382">
          <cell r="A382" t="str">
            <v>12025R</v>
          </cell>
          <cell r="B382" t="str">
            <v>ｵｶﾀﾞｶｺｳｾﾝ</v>
          </cell>
          <cell r="C382" t="str">
            <v>（株）岡田花香仙</v>
          </cell>
          <cell r="D382" t="str">
            <v>岡田 純一</v>
          </cell>
          <cell r="E382" t="str">
            <v>代表取締役</v>
          </cell>
          <cell r="F382" t="str">
            <v>060-0062</v>
          </cell>
          <cell r="G382" t="str">
            <v>中央区南２西２－２４</v>
          </cell>
          <cell r="H382" t="str">
            <v>221-1009</v>
          </cell>
          <cell r="I382" t="str">
            <v>241-7007</v>
          </cell>
        </row>
        <row r="383">
          <cell r="A383" t="str">
            <v>12026N</v>
          </cell>
          <cell r="B383" t="str">
            <v>ｵﾊﾞﾗｼｮｳﾃﾝ</v>
          </cell>
          <cell r="C383" t="str">
            <v>（株）小原商店</v>
          </cell>
          <cell r="D383" t="str">
            <v>小原 正宏</v>
          </cell>
          <cell r="E383" t="str">
            <v>代表取締役</v>
          </cell>
          <cell r="F383" t="str">
            <v>060-0062</v>
          </cell>
          <cell r="G383" t="str">
            <v>中央区南２西４－１１ 小原ビル</v>
          </cell>
          <cell r="H383" t="str">
            <v>241-5441</v>
          </cell>
          <cell r="I383" t="str">
            <v>241-5444</v>
          </cell>
        </row>
        <row r="384">
          <cell r="A384" t="str">
            <v>12027Y</v>
          </cell>
          <cell r="B384" t="str">
            <v>ｵｶﾓﾄｺｳｷﾞｮｳ</v>
          </cell>
          <cell r="C384" t="str">
            <v>岡本興業（株）</v>
          </cell>
          <cell r="D384" t="str">
            <v>岡本 繁美</v>
          </cell>
          <cell r="E384" t="str">
            <v>代表取締役</v>
          </cell>
          <cell r="F384" t="str">
            <v>005-8585</v>
          </cell>
          <cell r="G384" t="str">
            <v>南区真駒内本町１－１－１</v>
          </cell>
          <cell r="H384" t="str">
            <v>841-1435</v>
          </cell>
          <cell r="I384" t="str">
            <v>822-6594</v>
          </cell>
        </row>
        <row r="385">
          <cell r="A385" t="str">
            <v>12030R</v>
          </cell>
          <cell r="B385" t="str">
            <v>ｵｸﾞﾏｼｮｳﾃﾝ</v>
          </cell>
          <cell r="C385" t="str">
            <v>（株）小熊商店</v>
          </cell>
          <cell r="D385" t="str">
            <v>小熊 良昭</v>
          </cell>
          <cell r="E385" t="str">
            <v>代表取締役</v>
          </cell>
          <cell r="F385" t="str">
            <v>060-0005</v>
          </cell>
          <cell r="G385" t="str">
            <v>中央区北５西９－１０－１</v>
          </cell>
          <cell r="H385" t="str">
            <v>221-0878</v>
          </cell>
          <cell r="I385" t="str">
            <v>241-3425</v>
          </cell>
        </row>
        <row r="386">
          <cell r="A386" t="str">
            <v>12031N</v>
          </cell>
          <cell r="B386" t="str">
            <v>ｵﾘｯｸｽｵｰﾄﾘｰｽ</v>
          </cell>
          <cell r="C386" t="str">
            <v>オリックス・オート・リース（株）</v>
          </cell>
          <cell r="D386" t="str">
            <v>磯貝 輝夫</v>
          </cell>
          <cell r="E386" t="str">
            <v>代表取締役</v>
          </cell>
          <cell r="F386" t="str">
            <v>141-8601</v>
          </cell>
          <cell r="G386" t="str">
            <v>東京都品川区大崎１－６－１</v>
          </cell>
          <cell r="H386" t="str">
            <v>03-5419-5600</v>
          </cell>
          <cell r="I386" t="str">
            <v>03-5419-5903</v>
          </cell>
        </row>
        <row r="387">
          <cell r="A387" t="str">
            <v>12032Y</v>
          </cell>
          <cell r="B387" t="str">
            <v>ﾊｲﾌﾞﾘｯﾄﾞ･ｻｰﾋﾞｽ</v>
          </cell>
          <cell r="C387" t="str">
            <v>ハイブリッド・サービス（株）札幌営業所</v>
          </cell>
          <cell r="D387" t="str">
            <v>滝本 幸雄</v>
          </cell>
          <cell r="E387" t="str">
            <v>所長</v>
          </cell>
          <cell r="F387" t="str">
            <v>003-0809</v>
          </cell>
          <cell r="G387" t="str">
            <v>白石区菊水９－２－１－１０</v>
          </cell>
          <cell r="H387" t="str">
            <v>817-0025</v>
          </cell>
          <cell r="I387" t="str">
            <v>817-0027</v>
          </cell>
        </row>
        <row r="388">
          <cell r="A388" t="str">
            <v>12037X</v>
          </cell>
          <cell r="B388" t="str">
            <v>ｵｵｺｼｼｮｳｶｲ</v>
          </cell>
          <cell r="C388" t="str">
            <v>（有）大越商会</v>
          </cell>
          <cell r="D388" t="str">
            <v>大越 威志</v>
          </cell>
          <cell r="E388" t="str">
            <v>代表取締役</v>
          </cell>
          <cell r="F388" t="str">
            <v>063-0037</v>
          </cell>
          <cell r="G388" t="str">
            <v>西区西野７－２－４－８</v>
          </cell>
          <cell r="H388" t="str">
            <v>661-0054</v>
          </cell>
          <cell r="I388" t="str">
            <v>661-1145</v>
          </cell>
        </row>
        <row r="389">
          <cell r="A389" t="str">
            <v>12038V</v>
          </cell>
          <cell r="B389" t="str">
            <v>ｵｶﾓﾄｲﾝｻﾂ</v>
          </cell>
          <cell r="C389" t="str">
            <v>岡本印刷（株）</v>
          </cell>
          <cell r="D389" t="str">
            <v>高島 法吉</v>
          </cell>
          <cell r="E389" t="str">
            <v>代表取締役</v>
          </cell>
          <cell r="F389" t="str">
            <v>001-0932</v>
          </cell>
          <cell r="G389" t="str">
            <v>北区新川西２－１－３－２１</v>
          </cell>
          <cell r="H389" t="str">
            <v>766-2551</v>
          </cell>
          <cell r="I389" t="str">
            <v>766-2575</v>
          </cell>
        </row>
        <row r="390">
          <cell r="A390" t="str">
            <v>12039S</v>
          </cell>
          <cell r="B390" t="str">
            <v>ﾌｧﾙｹﾝﾎｯｶｲﾄﾞｳ</v>
          </cell>
          <cell r="C390" t="str">
            <v>（株）ファルケン北海道</v>
          </cell>
          <cell r="D390" t="str">
            <v>佐橋 雅弘</v>
          </cell>
          <cell r="E390" t="str">
            <v>代表取締役</v>
          </cell>
          <cell r="F390" t="str">
            <v>003-0803</v>
          </cell>
          <cell r="G390" t="str">
            <v>白石区菊水３－４－３－３４</v>
          </cell>
          <cell r="H390" t="str">
            <v>824-3034</v>
          </cell>
          <cell r="I390" t="str">
            <v>820-2050</v>
          </cell>
        </row>
        <row r="391">
          <cell r="A391" t="str">
            <v>12044S</v>
          </cell>
          <cell r="B391" t="str">
            <v>ｵｻｾﾝｺｳｼｬ</v>
          </cell>
          <cell r="C391" t="str">
            <v>オサ宣工社</v>
          </cell>
          <cell r="D391" t="str">
            <v>菅原 紀</v>
          </cell>
          <cell r="E391" t="str">
            <v>代表</v>
          </cell>
          <cell r="F391" t="str">
            <v>063-0038</v>
          </cell>
          <cell r="G391" t="str">
            <v>西区西野８－２－１４－１５</v>
          </cell>
          <cell r="H391" t="str">
            <v>666-5336</v>
          </cell>
          <cell r="I391" t="str">
            <v>666-5410</v>
          </cell>
        </row>
        <row r="392">
          <cell r="A392" t="str">
            <v>12053T</v>
          </cell>
          <cell r="B392" t="str">
            <v>ｵﾘｺﾑ</v>
          </cell>
          <cell r="C392" t="str">
            <v>（株）オリコム札幌支社</v>
          </cell>
          <cell r="D392" t="str">
            <v>須藤 芳弘</v>
          </cell>
          <cell r="E392" t="str">
            <v>支社長</v>
          </cell>
          <cell r="F392" t="str">
            <v>060-0002</v>
          </cell>
          <cell r="G392" t="str">
            <v>中央区北２西３－１ 越山ビル内</v>
          </cell>
          <cell r="H392" t="str">
            <v>221-5686</v>
          </cell>
          <cell r="I392" t="str">
            <v>221-5796</v>
          </cell>
        </row>
        <row r="393">
          <cell r="A393" t="str">
            <v>12054R</v>
          </cell>
          <cell r="B393" t="str">
            <v>ｵｳｺﾞﾝﾄﾞｳ</v>
          </cell>
          <cell r="C393" t="str">
            <v>（株）黄金堂</v>
          </cell>
          <cell r="D393" t="str">
            <v>荒木 英治</v>
          </cell>
          <cell r="E393" t="str">
            <v>代表取締役</v>
          </cell>
          <cell r="F393" t="str">
            <v>060-0010</v>
          </cell>
          <cell r="G393" t="str">
            <v>中央区北１０西２１－１－２０</v>
          </cell>
          <cell r="H393" t="str">
            <v>631-7411</v>
          </cell>
          <cell r="I393" t="str">
            <v>631-7414</v>
          </cell>
        </row>
        <row r="394">
          <cell r="A394" t="str">
            <v>12055Z</v>
          </cell>
          <cell r="B394" t="str">
            <v>ｵｷﾀｶﾅﾓﾉﾃﾝ</v>
          </cell>
          <cell r="C394" t="str">
            <v>（株）沖田金物店</v>
          </cell>
          <cell r="D394" t="str">
            <v>沖田 公道</v>
          </cell>
          <cell r="E394" t="str">
            <v>代表取締役</v>
          </cell>
          <cell r="F394" t="str">
            <v>065-0008</v>
          </cell>
          <cell r="G394" t="str">
            <v>東区北８東１１－１－２４</v>
          </cell>
          <cell r="H394" t="str">
            <v>741-7434</v>
          </cell>
          <cell r="I394" t="str">
            <v>742-3445</v>
          </cell>
        </row>
        <row r="395">
          <cell r="A395" t="str">
            <v>12058S</v>
          </cell>
          <cell r="B395" t="str">
            <v>ｵﾀﾙｾｲﾊﾟﾝ</v>
          </cell>
          <cell r="C395" t="str">
            <v>小樽製パン（株）札幌工場</v>
          </cell>
          <cell r="D395" t="str">
            <v>富樫 正城</v>
          </cell>
          <cell r="E395" t="str">
            <v>代表取締役</v>
          </cell>
          <cell r="F395" t="str">
            <v>007-0810</v>
          </cell>
          <cell r="G395" t="str">
            <v>東区東苗穂１０－２－１９－２０</v>
          </cell>
          <cell r="H395" t="str">
            <v>791-2114</v>
          </cell>
          <cell r="I395" t="str">
            <v>791-0618</v>
          </cell>
        </row>
        <row r="396">
          <cell r="A396" t="str">
            <v>12060Z</v>
          </cell>
          <cell r="B396" t="str">
            <v>ｵｸﾑﾗｾｲｶﾃﾝ</v>
          </cell>
          <cell r="C396" t="str">
            <v>（株）おくむら生花店</v>
          </cell>
          <cell r="D396" t="str">
            <v>田嶋 正實</v>
          </cell>
          <cell r="E396" t="str">
            <v>代表取締役</v>
          </cell>
          <cell r="F396" t="str">
            <v>060-0062</v>
          </cell>
          <cell r="G396" t="str">
            <v>中央区南２西２－６</v>
          </cell>
          <cell r="H396" t="str">
            <v>241-2255</v>
          </cell>
          <cell r="I396" t="str">
            <v>232-0087</v>
          </cell>
        </row>
        <row r="397">
          <cell r="A397" t="str">
            <v>12063S</v>
          </cell>
          <cell r="B397" t="str">
            <v>ｵｵｻｶｷｺｳ</v>
          </cell>
          <cell r="C397" t="str">
            <v>大阪機工（株）札幌営業所</v>
          </cell>
          <cell r="D397" t="str">
            <v>炭竈 宣勇</v>
          </cell>
          <cell r="E397" t="str">
            <v>所長</v>
          </cell>
          <cell r="F397" t="str">
            <v>003-0012</v>
          </cell>
          <cell r="G397" t="str">
            <v>白石区中央２－７－１－５０</v>
          </cell>
          <cell r="H397" t="str">
            <v>866-6055</v>
          </cell>
          <cell r="I397" t="str">
            <v>866-8008</v>
          </cell>
        </row>
        <row r="398">
          <cell r="A398" t="str">
            <v>12065Y</v>
          </cell>
          <cell r="B398" t="str">
            <v>ｵﾊﾞﾗｼｮﾃﾝ</v>
          </cell>
          <cell r="C398" t="str">
            <v>おばら書店</v>
          </cell>
          <cell r="D398" t="str">
            <v>小原 勝美</v>
          </cell>
          <cell r="E398" t="str">
            <v/>
          </cell>
          <cell r="F398" t="str">
            <v>005-0841</v>
          </cell>
          <cell r="G398" t="str">
            <v>南区石山１－３－１－３３</v>
          </cell>
          <cell r="H398" t="str">
            <v>591-8757</v>
          </cell>
          <cell r="I398" t="str">
            <v>591-7368</v>
          </cell>
        </row>
        <row r="399">
          <cell r="A399" t="str">
            <v>12066W</v>
          </cell>
          <cell r="B399" t="str">
            <v>ｵｸﾑﾗ</v>
          </cell>
          <cell r="C399" t="str">
            <v>（株）オクムラ</v>
          </cell>
          <cell r="D399" t="str">
            <v>鷲谷 賢</v>
          </cell>
          <cell r="E399" t="str">
            <v>代表取締役</v>
          </cell>
          <cell r="F399" t="str">
            <v>003-0023</v>
          </cell>
          <cell r="G399" t="str">
            <v>白石区南郷通４北２－２６</v>
          </cell>
          <cell r="H399" t="str">
            <v>861-8166</v>
          </cell>
          <cell r="I399" t="str">
            <v>861-0146</v>
          </cell>
        </row>
        <row r="400">
          <cell r="A400" t="str">
            <v>12069N</v>
          </cell>
          <cell r="B400" t="str">
            <v>ｵｸﾔﾏｶﾞﾗｽﾃﾝ</v>
          </cell>
          <cell r="C400" t="str">
            <v>おくやま硝子店</v>
          </cell>
          <cell r="D400" t="str">
            <v>奥山 泰男</v>
          </cell>
          <cell r="E400" t="str">
            <v>代表</v>
          </cell>
          <cell r="F400" t="str">
            <v>063-0012</v>
          </cell>
          <cell r="G400" t="str">
            <v>西区福井３－１３－２２</v>
          </cell>
          <cell r="H400" t="str">
            <v>662-0815</v>
          </cell>
          <cell r="I400" t="str">
            <v>662-0815</v>
          </cell>
        </row>
        <row r="401">
          <cell r="A401" t="str">
            <v>12072J</v>
          </cell>
          <cell r="B401" t="str">
            <v>ｵｵﾊｼｶｶﾞｸ</v>
          </cell>
          <cell r="C401" t="str">
            <v>（株）大橋化学</v>
          </cell>
          <cell r="D401" t="str">
            <v>大橋 昭平</v>
          </cell>
          <cell r="E401" t="str">
            <v>代表取締役</v>
          </cell>
          <cell r="F401" t="str">
            <v>005-0004</v>
          </cell>
          <cell r="G401" t="str">
            <v>南区澄川４－２－８－３０</v>
          </cell>
          <cell r="H401" t="str">
            <v>821-4001</v>
          </cell>
          <cell r="I401" t="str">
            <v>821-4001</v>
          </cell>
        </row>
        <row r="402">
          <cell r="A402" t="str">
            <v>12083P</v>
          </cell>
          <cell r="B402" t="str">
            <v>ｵｵｺｼｼｮｳｼﾞ</v>
          </cell>
          <cell r="C402" t="str">
            <v>（株）大越商事</v>
          </cell>
          <cell r="D402" t="str">
            <v>大越 一市</v>
          </cell>
          <cell r="E402" t="str">
            <v>代表取締役</v>
          </cell>
          <cell r="F402" t="str">
            <v>007-0880</v>
          </cell>
          <cell r="G402" t="str">
            <v>東区丘珠町６５１</v>
          </cell>
          <cell r="H402" t="str">
            <v>781-7464</v>
          </cell>
          <cell r="I402" t="str">
            <v>781-9580</v>
          </cell>
        </row>
        <row r="403">
          <cell r="A403" t="str">
            <v>12086T</v>
          </cell>
          <cell r="B403" t="str">
            <v>ｵｰｴｰｻﾌﾟﾗｲ</v>
          </cell>
          <cell r="C403" t="str">
            <v>オーエーサプライ（株）</v>
          </cell>
          <cell r="D403" t="str">
            <v>布目 雄治</v>
          </cell>
          <cell r="E403" t="str">
            <v>代表取締役</v>
          </cell>
          <cell r="F403" t="str">
            <v>060-0906</v>
          </cell>
          <cell r="G403" t="str">
            <v>東区北６東２－２－５</v>
          </cell>
          <cell r="H403" t="str">
            <v>733-3331</v>
          </cell>
          <cell r="I403" t="str">
            <v>743-4488</v>
          </cell>
        </row>
        <row r="404">
          <cell r="A404" t="str">
            <v>12087R</v>
          </cell>
          <cell r="B404" t="str">
            <v>ｵｰﾄﾗﾝﾄﾞｻｯﾎﾟﾛ</v>
          </cell>
          <cell r="C404" t="str">
            <v>（株）オートランド札幌</v>
          </cell>
          <cell r="D404" t="str">
            <v>山崎 隆士</v>
          </cell>
          <cell r="E404" t="str">
            <v>代表取締役</v>
          </cell>
          <cell r="F404" t="str">
            <v>004-0053</v>
          </cell>
          <cell r="G404" t="str">
            <v>厚別区厚別中央３－１－１－４３</v>
          </cell>
          <cell r="H404" t="str">
            <v>892-3323</v>
          </cell>
          <cell r="I404" t="str">
            <v>892-3349</v>
          </cell>
        </row>
        <row r="405">
          <cell r="A405" t="str">
            <v>12103X</v>
          </cell>
          <cell r="B405" t="str">
            <v>ｵｵﾆｼｼｮｳﾃﾝ</v>
          </cell>
          <cell r="C405" t="str">
            <v>大西商店</v>
          </cell>
          <cell r="D405" t="str">
            <v>大西 武雄</v>
          </cell>
          <cell r="E405" t="str">
            <v>代表</v>
          </cell>
          <cell r="F405" t="str">
            <v>065-0012</v>
          </cell>
          <cell r="G405" t="str">
            <v>東区北１２東７</v>
          </cell>
          <cell r="H405" t="str">
            <v>753-5257</v>
          </cell>
          <cell r="I405" t="str">
            <v>753-5257</v>
          </cell>
        </row>
        <row r="406">
          <cell r="A406" t="str">
            <v>12109T</v>
          </cell>
          <cell r="B406" t="str">
            <v>ﾀﾞｲﾏﾂｵｵﾀｷ</v>
          </cell>
          <cell r="C406" t="str">
            <v>（有）ダイマツおおたき</v>
          </cell>
          <cell r="D406" t="str">
            <v>速水 深雪</v>
          </cell>
          <cell r="E406" t="str">
            <v>代表取締役</v>
          </cell>
          <cell r="F406" t="str">
            <v>060-0061</v>
          </cell>
          <cell r="G406" t="str">
            <v>中央区南１西１６－１</v>
          </cell>
          <cell r="H406" t="str">
            <v>621-9232</v>
          </cell>
          <cell r="I406" t="str">
            <v>621-9573</v>
          </cell>
        </row>
        <row r="407">
          <cell r="A407" t="str">
            <v>12113W</v>
          </cell>
          <cell r="B407" t="str">
            <v>ｵｵﾂｷｼｮｳｶｲ</v>
          </cell>
          <cell r="C407" t="str">
            <v>（株）大槻商会</v>
          </cell>
          <cell r="D407" t="str">
            <v>大槻 光則</v>
          </cell>
          <cell r="E407" t="str">
            <v>代表取締役</v>
          </cell>
          <cell r="F407" t="str">
            <v>004-0862</v>
          </cell>
          <cell r="G407" t="str">
            <v>清田区北野２－３－１２－２０</v>
          </cell>
          <cell r="H407" t="str">
            <v>882-2166</v>
          </cell>
          <cell r="I407" t="str">
            <v>882-2168</v>
          </cell>
        </row>
        <row r="408">
          <cell r="A408" t="str">
            <v>12114T</v>
          </cell>
          <cell r="B408" t="str">
            <v>ｵｼｷﾘｼｮｸﾋﾝ</v>
          </cell>
          <cell r="C408" t="str">
            <v>オシキリ食品（株）</v>
          </cell>
          <cell r="D408" t="str">
            <v>押切 貢</v>
          </cell>
          <cell r="E408" t="str">
            <v>代表取締役社長</v>
          </cell>
          <cell r="F408" t="str">
            <v>067-0051</v>
          </cell>
          <cell r="G408" t="str">
            <v>江別市工栄町５－７</v>
          </cell>
          <cell r="H408" t="str">
            <v>385-4451</v>
          </cell>
          <cell r="I408" t="str">
            <v>385-4461</v>
          </cell>
        </row>
        <row r="409">
          <cell r="A409" t="str">
            <v>12117X</v>
          </cell>
          <cell r="B409" t="str">
            <v>ｵﾑﾆｼｮｳｶｲ</v>
          </cell>
          <cell r="C409" t="str">
            <v>（株）オムニ商会</v>
          </cell>
          <cell r="D409" t="str">
            <v>佐藤 芳光</v>
          </cell>
          <cell r="E409" t="str">
            <v>代表取締役社長</v>
          </cell>
          <cell r="F409" t="str">
            <v>069-0823</v>
          </cell>
          <cell r="G409" t="str">
            <v>江別市緑ヶ丘３８－１４</v>
          </cell>
          <cell r="H409" t="str">
            <v>385-5811</v>
          </cell>
          <cell r="I409" t="str">
            <v>385-1158</v>
          </cell>
        </row>
        <row r="410">
          <cell r="A410" t="str">
            <v>12119S</v>
          </cell>
          <cell r="B410" t="str">
            <v>ｵｰﾋﾞｯｸ</v>
          </cell>
          <cell r="C410" t="str">
            <v>（株）オービック</v>
          </cell>
          <cell r="D410" t="str">
            <v>岡本 登</v>
          </cell>
          <cell r="E410" t="str">
            <v>代表取締役</v>
          </cell>
          <cell r="F410" t="str">
            <v>060-0042</v>
          </cell>
          <cell r="G410" t="str">
            <v>中央区大通西１５－３－５ ﾆｭｰﾗｲﾌ大通弐番館</v>
          </cell>
          <cell r="H410" t="str">
            <v>613-9540</v>
          </cell>
          <cell r="I410" t="str">
            <v>613-9885</v>
          </cell>
        </row>
        <row r="411">
          <cell r="A411" t="str">
            <v>12120P</v>
          </cell>
          <cell r="B411" t="str">
            <v>ｵｰ･ｼﾞｰ</v>
          </cell>
          <cell r="C411" t="str">
            <v>オー・ジー（株）札幌支店</v>
          </cell>
          <cell r="D411" t="str">
            <v>須田 丈夫</v>
          </cell>
          <cell r="E411" t="str">
            <v>支店長</v>
          </cell>
          <cell r="F411" t="str">
            <v>062-0021</v>
          </cell>
          <cell r="G411" t="str">
            <v>豊平区月寒西１－１１－２－６</v>
          </cell>
          <cell r="H411" t="str">
            <v>852-0261</v>
          </cell>
          <cell r="I411" t="str">
            <v>853-7668</v>
          </cell>
        </row>
        <row r="412">
          <cell r="A412" t="str">
            <v>12129R</v>
          </cell>
          <cell r="B412" t="str">
            <v>ｵｷﾃﾞﾝｷｶｽﾀﾏｱﾄﾞﾃｯｸ</v>
          </cell>
          <cell r="C412" t="str">
            <v>（株）沖電気カスタマアドテック サポートサービス本部 北海道支社</v>
          </cell>
          <cell r="D412" t="str">
            <v>須藤 俊樹</v>
          </cell>
          <cell r="E412" t="str">
            <v>支社長</v>
          </cell>
          <cell r="F412" t="str">
            <v>060-0031</v>
          </cell>
          <cell r="G412" t="str">
            <v>中央区北１東８－２－１８ 北１条ＯＫ１ビル</v>
          </cell>
          <cell r="H412" t="str">
            <v>231-9183</v>
          </cell>
          <cell r="I412" t="str">
            <v>271-2957</v>
          </cell>
        </row>
        <row r="413">
          <cell r="A413" t="str">
            <v>12137V</v>
          </cell>
          <cell r="B413" t="str">
            <v>ｵﾉﾃﾞﾝｾﾂﾎｱﾝｼﾞﾑｼｮ</v>
          </cell>
          <cell r="C413" t="str">
            <v>小野電設保安事務所</v>
          </cell>
          <cell r="D413" t="str">
            <v>小野 詔義</v>
          </cell>
          <cell r="E413" t="str">
            <v>代表</v>
          </cell>
          <cell r="F413" t="str">
            <v>005-0843</v>
          </cell>
          <cell r="G413" t="str">
            <v>南区石山３－８－１１－６</v>
          </cell>
          <cell r="H413" t="str">
            <v>591-2395</v>
          </cell>
          <cell r="I413" t="str">
            <v>591-2883</v>
          </cell>
        </row>
        <row r="414">
          <cell r="A414" t="str">
            <v>12138S</v>
          </cell>
          <cell r="B414" t="str">
            <v>ｵｰﾃﾞﾘｯｸ</v>
          </cell>
          <cell r="C414" t="str">
            <v>オーデリック（株）札幌営業所</v>
          </cell>
          <cell r="D414" t="str">
            <v>三浦 正文</v>
          </cell>
          <cell r="E414" t="str">
            <v>所長</v>
          </cell>
          <cell r="F414" t="str">
            <v>062-0041</v>
          </cell>
          <cell r="G414" t="str">
            <v>豊平区福住１－２－８－８</v>
          </cell>
          <cell r="H414" t="str">
            <v>855-6225</v>
          </cell>
          <cell r="I414" t="str">
            <v>855-6285</v>
          </cell>
        </row>
        <row r="415">
          <cell r="A415" t="str">
            <v>12139P</v>
          </cell>
          <cell r="B415" t="str">
            <v>ｵｷﾀｺﾝｸﾘｰﾄ</v>
          </cell>
          <cell r="C415" t="str">
            <v>沖田コンクリート（株）札幌出張所</v>
          </cell>
          <cell r="D415" t="str">
            <v>野口 和紀</v>
          </cell>
          <cell r="E415" t="str">
            <v>出張所長</v>
          </cell>
          <cell r="F415" t="str">
            <v>060-0003</v>
          </cell>
          <cell r="G415" t="str">
            <v>中央区北３西１２－２－４ 栗林商会ビル</v>
          </cell>
          <cell r="H415" t="str">
            <v>221-8555</v>
          </cell>
          <cell r="I415" t="str">
            <v>221-8555</v>
          </cell>
        </row>
        <row r="416">
          <cell r="A416" t="str">
            <v>12140Z</v>
          </cell>
          <cell r="B416" t="str">
            <v>ｵｵｶﾂﾃﾞﾝｷｶﾝﾘｼﾞﾑｼｮ</v>
          </cell>
          <cell r="C416" t="str">
            <v>太勝電気管理事務所</v>
          </cell>
          <cell r="D416" t="str">
            <v>太田 勝馬</v>
          </cell>
          <cell r="E416" t="str">
            <v>代表</v>
          </cell>
          <cell r="F416" t="str">
            <v>002-8067</v>
          </cell>
          <cell r="G416" t="str">
            <v>北区拓北７－３－６－６</v>
          </cell>
          <cell r="H416" t="str">
            <v>771-8648</v>
          </cell>
          <cell r="I416" t="str">
            <v>771-8678</v>
          </cell>
        </row>
        <row r="417">
          <cell r="A417" t="str">
            <v>12142V</v>
          </cell>
          <cell r="B417" t="str">
            <v>ｵﾂｸﾞﾛｼﾞﾑｼｮ</v>
          </cell>
          <cell r="C417" t="str">
            <v>乙黒事務所</v>
          </cell>
          <cell r="D417" t="str">
            <v>乙黒 千秋</v>
          </cell>
          <cell r="E417" t="str">
            <v>代表者</v>
          </cell>
          <cell r="F417" t="str">
            <v>006-0012</v>
          </cell>
          <cell r="G417" t="str">
            <v>手稲区富丘２－６－４－３３</v>
          </cell>
          <cell r="H417" t="str">
            <v>683-8843</v>
          </cell>
          <cell r="I417" t="str">
            <v>683-8843</v>
          </cell>
        </row>
        <row r="418">
          <cell r="A418" t="str">
            <v>12145Y</v>
          </cell>
          <cell r="B418" t="str">
            <v>ｵｵﾊﾗﾃｯｺｳｼｮ</v>
          </cell>
          <cell r="C418" t="str">
            <v>（株）大原鉄工所</v>
          </cell>
          <cell r="D418" t="str">
            <v>大原 興人</v>
          </cell>
          <cell r="E418" t="str">
            <v>代表取締役社長</v>
          </cell>
          <cell r="F418" t="str">
            <v>940-8605</v>
          </cell>
          <cell r="G418" t="str">
            <v>新潟県長岡市城岡２－８－１</v>
          </cell>
          <cell r="H418" t="str">
            <v>0258-24-2350</v>
          </cell>
          <cell r="I418" t="str">
            <v>0258-24-8201</v>
          </cell>
        </row>
        <row r="419">
          <cell r="A419" t="str">
            <v>12148R</v>
          </cell>
          <cell r="B419" t="str">
            <v>ｵｲﾙｼｮｯﾌﾟﾉｻｶ</v>
          </cell>
          <cell r="C419" t="str">
            <v>（有）オイルショップノサカ</v>
          </cell>
          <cell r="D419" t="str">
            <v>野坂 康博</v>
          </cell>
          <cell r="E419" t="str">
            <v>代表取締役</v>
          </cell>
          <cell r="F419" t="str">
            <v>060-0041</v>
          </cell>
          <cell r="G419" t="str">
            <v>中央区大通東１２－２２</v>
          </cell>
          <cell r="H419" t="str">
            <v>241-1367</v>
          </cell>
          <cell r="I419" t="str">
            <v>218-1367</v>
          </cell>
        </row>
        <row r="420">
          <cell r="A420" t="str">
            <v>12149N</v>
          </cell>
          <cell r="B420" t="str">
            <v>ｵﾝﾜｰﾄﾞｶｼﾔﾏ</v>
          </cell>
          <cell r="C420" t="str">
            <v>（株）オンワード樫山札幌支店</v>
          </cell>
          <cell r="D420" t="str">
            <v>鈴木 貴久</v>
          </cell>
          <cell r="E420" t="str">
            <v>執行役員札幌支店長</v>
          </cell>
          <cell r="F420" t="str">
            <v>060-0001</v>
          </cell>
          <cell r="G420" t="str">
            <v>中央区北１西１６－１</v>
          </cell>
          <cell r="H420" t="str">
            <v>644-4440</v>
          </cell>
          <cell r="I420" t="str">
            <v>644-7613</v>
          </cell>
        </row>
        <row r="421">
          <cell r="A421" t="str">
            <v>12150Y</v>
          </cell>
          <cell r="B421" t="str">
            <v>ｵﾀﾙｶｲﾖｳｽｲｻﾝ</v>
          </cell>
          <cell r="C421" t="str">
            <v>（株）小樽海洋水産</v>
          </cell>
          <cell r="D421" t="str">
            <v>松田 朋久</v>
          </cell>
          <cell r="E421" t="str">
            <v>代表取締役</v>
          </cell>
          <cell r="F421" t="str">
            <v>047-0032</v>
          </cell>
          <cell r="G421" t="str">
            <v>小樽市稲穂５－３－１０</v>
          </cell>
          <cell r="H421" t="str">
            <v>0134-33-6323</v>
          </cell>
          <cell r="I421" t="str">
            <v>0134-33-6357</v>
          </cell>
        </row>
        <row r="422">
          <cell r="A422" t="str">
            <v>12160X</v>
          </cell>
          <cell r="B422" t="str">
            <v>ｴｽｱｰﾙｴﾙﾎｯｶｲﾄﾞｳ</v>
          </cell>
          <cell r="C422" t="str">
            <v>（株）エスアールエル北海道</v>
          </cell>
          <cell r="D422" t="str">
            <v>片柳 實</v>
          </cell>
          <cell r="E422" t="str">
            <v>代表取締役</v>
          </cell>
          <cell r="F422" t="str">
            <v>064-0919</v>
          </cell>
          <cell r="G422" t="str">
            <v>中央区南１９西１３－２－２５</v>
          </cell>
          <cell r="H422" t="str">
            <v>511-3332</v>
          </cell>
          <cell r="I422" t="str">
            <v>511-4089</v>
          </cell>
        </row>
        <row r="423">
          <cell r="A423" t="str">
            <v>12161V</v>
          </cell>
          <cell r="B423" t="str">
            <v>ｵﾘｴﾝﾄ･ﾛｼﾞ</v>
          </cell>
          <cell r="C423" t="str">
            <v>（株）オリエント・ロジ北海道事業部</v>
          </cell>
          <cell r="D423" t="str">
            <v>武田 和彦</v>
          </cell>
          <cell r="E423" t="str">
            <v>北海道事業部長</v>
          </cell>
          <cell r="F423" t="str">
            <v>003-0030</v>
          </cell>
          <cell r="G423" t="str">
            <v>白石区流通センター４－４－１</v>
          </cell>
          <cell r="H423" t="str">
            <v>862-1441</v>
          </cell>
          <cell r="I423" t="str">
            <v>862-1449</v>
          </cell>
        </row>
        <row r="424">
          <cell r="A424" t="str">
            <v>12163P</v>
          </cell>
          <cell r="B424" t="str">
            <v>ｵｽﾞ</v>
          </cell>
          <cell r="C424" t="str">
            <v>（株）オズ</v>
          </cell>
          <cell r="D424" t="str">
            <v>菊池 正紀</v>
          </cell>
          <cell r="E424" t="str">
            <v>代表取締役</v>
          </cell>
          <cell r="F424" t="str">
            <v>064-0801</v>
          </cell>
          <cell r="G424" t="str">
            <v>中央区南１西２３－１－３３北勝ビル</v>
          </cell>
          <cell r="H424" t="str">
            <v>615-8400</v>
          </cell>
          <cell r="I424" t="str">
            <v>640-2000</v>
          </cell>
        </row>
        <row r="425">
          <cell r="A425" t="str">
            <v>12166T</v>
          </cell>
          <cell r="B425" t="str">
            <v>ｵﾌｨｽﾉﾙﾃ</v>
          </cell>
          <cell r="C425" t="str">
            <v>（有）オフィスノルテ</v>
          </cell>
          <cell r="D425" t="str">
            <v>大平 欣卓</v>
          </cell>
          <cell r="E425" t="str">
            <v>代表取締役</v>
          </cell>
          <cell r="F425" t="str">
            <v>005-0006</v>
          </cell>
          <cell r="G425" t="str">
            <v>南区澄川６－６－２－５</v>
          </cell>
          <cell r="H425" t="str">
            <v>811-9958</v>
          </cell>
          <cell r="I425" t="str">
            <v>811-9959</v>
          </cell>
        </row>
        <row r="426">
          <cell r="A426" t="str">
            <v>12167R</v>
          </cell>
          <cell r="B426" t="str">
            <v>ｵｰﾍﾞｯｸ</v>
          </cell>
          <cell r="C426" t="str">
            <v>（株）オーベック</v>
          </cell>
          <cell r="D426" t="str">
            <v>大庭 和敬</v>
          </cell>
          <cell r="E426" t="str">
            <v>代表取締役</v>
          </cell>
          <cell r="F426" t="str">
            <v>064-0807</v>
          </cell>
          <cell r="G426" t="str">
            <v>中央区南７西１５－２－２４</v>
          </cell>
          <cell r="H426" t="str">
            <v>532-7776</v>
          </cell>
          <cell r="I426" t="str">
            <v>562-1277</v>
          </cell>
        </row>
        <row r="427">
          <cell r="A427" t="str">
            <v>12170W</v>
          </cell>
          <cell r="B427" t="str">
            <v>ｵｵｸﾗｻﾝｷﾞｮｳ</v>
          </cell>
          <cell r="C427" t="str">
            <v>（株）大倉産業</v>
          </cell>
          <cell r="D427" t="str">
            <v>齋藤 章彦</v>
          </cell>
          <cell r="E427" t="str">
            <v>代表取締役</v>
          </cell>
          <cell r="F427" t="str">
            <v>065-0017</v>
          </cell>
          <cell r="G427" t="str">
            <v>東区北１７東２０－３－１６</v>
          </cell>
          <cell r="H427" t="str">
            <v>786-3333</v>
          </cell>
          <cell r="I427" t="str">
            <v>786-7666</v>
          </cell>
        </row>
        <row r="428">
          <cell r="A428" t="str">
            <v>12172R</v>
          </cell>
          <cell r="B428" t="str">
            <v>ｵｵﾄﾐｼｬｼﾝｼｮｳｼﾞ</v>
          </cell>
          <cell r="C428" t="str">
            <v>（有）大富写真商事</v>
          </cell>
          <cell r="D428" t="str">
            <v>武田 正弘</v>
          </cell>
          <cell r="E428" t="str">
            <v>代表取締役</v>
          </cell>
          <cell r="F428" t="str">
            <v>065-0043</v>
          </cell>
          <cell r="G428" t="str">
            <v>東区苗穂町９－４－３</v>
          </cell>
          <cell r="H428" t="str">
            <v>712-6911</v>
          </cell>
          <cell r="I428" t="str">
            <v>712-6988</v>
          </cell>
        </row>
        <row r="429">
          <cell r="A429" t="str">
            <v>12173N</v>
          </cell>
          <cell r="B429" t="str">
            <v>ｵｰﾃﾞｨｵﾏｲﾝﾄﾞ</v>
          </cell>
          <cell r="C429" t="str">
            <v>（有）オーディオマインド</v>
          </cell>
          <cell r="D429" t="str">
            <v>蔵 憲治</v>
          </cell>
          <cell r="E429" t="str">
            <v>代表取締役</v>
          </cell>
          <cell r="F429" t="str">
            <v>064-0822</v>
          </cell>
          <cell r="G429" t="str">
            <v>中央区北２西２５－１－２</v>
          </cell>
          <cell r="H429" t="str">
            <v>611-1791</v>
          </cell>
          <cell r="I429" t="str">
            <v>611-1799</v>
          </cell>
        </row>
        <row r="430">
          <cell r="A430" t="str">
            <v>12174Y</v>
          </cell>
          <cell r="B430" t="str">
            <v>ｵｷｿﾌﾄｳｪｱ</v>
          </cell>
          <cell r="C430" t="str">
            <v>沖ソフトウェア（株）北海道支社</v>
          </cell>
          <cell r="D430" t="str">
            <v>生沼 清</v>
          </cell>
          <cell r="E430" t="str">
            <v>支社長</v>
          </cell>
          <cell r="F430" t="str">
            <v>060-0001</v>
          </cell>
          <cell r="G430" t="str">
            <v>中央区北１西７－３ 北一条第一生命ビル</v>
          </cell>
          <cell r="H430" t="str">
            <v>261-1171</v>
          </cell>
          <cell r="I430" t="str">
            <v>261-2140</v>
          </cell>
        </row>
        <row r="431">
          <cell r="A431" t="str">
            <v>12176S</v>
          </cell>
          <cell r="B431" t="str">
            <v>ｵｰﾃｯｸ</v>
          </cell>
          <cell r="C431" t="str">
            <v>（株）オーテック</v>
          </cell>
          <cell r="D431" t="str">
            <v>菊地 章公</v>
          </cell>
          <cell r="E431" t="str">
            <v>代表取締役社長</v>
          </cell>
          <cell r="F431" t="str">
            <v>060-0001</v>
          </cell>
          <cell r="G431" t="str">
            <v>中央区北１西１４－１－１０</v>
          </cell>
          <cell r="H431" t="str">
            <v>214-5307</v>
          </cell>
          <cell r="I431" t="str">
            <v>214-5309</v>
          </cell>
        </row>
        <row r="432">
          <cell r="A432" t="str">
            <v>12178Z</v>
          </cell>
          <cell r="B432" t="str">
            <v>ｵﾌｨｽﾌﾞﾚｲﾝ</v>
          </cell>
          <cell r="C432" t="str">
            <v>（有）オフィスブレイン</v>
          </cell>
          <cell r="D432" t="str">
            <v>野田 郁太郎</v>
          </cell>
          <cell r="E432" t="str">
            <v>代表取締役</v>
          </cell>
          <cell r="F432" t="str">
            <v>064-0924</v>
          </cell>
          <cell r="G432" t="str">
            <v>中央区南２４西１４－１－４１－１０７</v>
          </cell>
          <cell r="H432" t="str">
            <v>532-1119</v>
          </cell>
          <cell r="I432" t="str">
            <v>532-1139</v>
          </cell>
        </row>
        <row r="433">
          <cell r="A433" t="str">
            <v>12179X</v>
          </cell>
          <cell r="B433" t="str">
            <v>ｵｻﾞｷｼｮｳｼﾞ</v>
          </cell>
          <cell r="C433" t="str">
            <v>尾崎商事（株）札幌営業所</v>
          </cell>
          <cell r="D433" t="str">
            <v>尾崎 眞一郎</v>
          </cell>
          <cell r="E433" t="str">
            <v>代表取締役</v>
          </cell>
          <cell r="F433" t="str">
            <v>060-0005</v>
          </cell>
          <cell r="G433" t="str">
            <v>中央区北５西１９－２４－６</v>
          </cell>
          <cell r="H433" t="str">
            <v>644-4581</v>
          </cell>
          <cell r="I433" t="str">
            <v>644-4642</v>
          </cell>
        </row>
        <row r="434">
          <cell r="A434" t="str">
            <v>12180V</v>
          </cell>
          <cell r="B434" t="str">
            <v>ｵｵｻｷﾃﾞﾝｷｶﾝﾘｼﾞﾑｼｮ</v>
          </cell>
          <cell r="C434" t="str">
            <v>大崎電気管理事務所</v>
          </cell>
          <cell r="D434" t="str">
            <v>大崎 一</v>
          </cell>
          <cell r="E434" t="str">
            <v>代表者</v>
          </cell>
          <cell r="F434" t="str">
            <v>065-0015</v>
          </cell>
          <cell r="G434" t="str">
            <v>東区北１５東９－１－２１</v>
          </cell>
          <cell r="H434" t="str">
            <v>743-6821</v>
          </cell>
          <cell r="I434" t="str">
            <v>743-6821</v>
          </cell>
        </row>
        <row r="435">
          <cell r="A435" t="str">
            <v>12181S</v>
          </cell>
          <cell r="B435" t="str">
            <v>ﾎｯｶｲﾄﾞｳｵﾘﾝﾋﾟｱ</v>
          </cell>
          <cell r="C435" t="str">
            <v>北海道オリンピア（株）</v>
          </cell>
          <cell r="D435" t="str">
            <v>宮本 和久</v>
          </cell>
          <cell r="E435" t="str">
            <v>代表取締役</v>
          </cell>
          <cell r="F435" t="str">
            <v>007-0880</v>
          </cell>
          <cell r="G435" t="str">
            <v>東区丘珠町５１６－７</v>
          </cell>
          <cell r="H435" t="str">
            <v>786-9292</v>
          </cell>
          <cell r="I435" t="str">
            <v>786-9300</v>
          </cell>
        </row>
        <row r="436">
          <cell r="A436" t="str">
            <v>12182P</v>
          </cell>
          <cell r="B436" t="str">
            <v>ｵﾘｼﾞﾅﾙﾎｯﾀ</v>
          </cell>
          <cell r="C436" t="str">
            <v>（株）オリジナルＨＯＴＴａ</v>
          </cell>
          <cell r="D436" t="str">
            <v>堀田 正敏</v>
          </cell>
          <cell r="E436" t="str">
            <v>代表取締役</v>
          </cell>
          <cell r="F436" t="str">
            <v>060-0906</v>
          </cell>
          <cell r="G436" t="str">
            <v>東区北６東５－１－４</v>
          </cell>
          <cell r="H436" t="str">
            <v>722-8141</v>
          </cell>
          <cell r="I436" t="str">
            <v>722-4921</v>
          </cell>
        </row>
        <row r="437">
          <cell r="A437" t="str">
            <v>12183Z</v>
          </cell>
          <cell r="B437" t="str">
            <v>ｵﾘｯｸｽ･ﾚﾝﾃｯｸ</v>
          </cell>
          <cell r="C437" t="str">
            <v>オリックス・レンテック（株）</v>
          </cell>
          <cell r="D437" t="str">
            <v>馬着 民雄</v>
          </cell>
          <cell r="E437" t="str">
            <v>代表取締役社長</v>
          </cell>
          <cell r="F437" t="str">
            <v>141-8681</v>
          </cell>
          <cell r="G437" t="str">
            <v>東京都品川区北品川５－７－２１</v>
          </cell>
          <cell r="H437" t="str">
            <v>03-3473-7561</v>
          </cell>
          <cell r="I437" t="str">
            <v>03-3473-7549</v>
          </cell>
        </row>
        <row r="438">
          <cell r="A438" t="str">
            <v>12184X</v>
          </cell>
          <cell r="B438" t="str">
            <v>ｵﾌｨｽｱｸﾃｨﾌﾞ</v>
          </cell>
          <cell r="C438" t="str">
            <v>（株）オフィスアクティブ</v>
          </cell>
          <cell r="D438" t="str">
            <v>赤山 登志幸</v>
          </cell>
          <cell r="E438" t="str">
            <v>代表取締役</v>
          </cell>
          <cell r="F438" t="str">
            <v>006-0860</v>
          </cell>
          <cell r="G438" t="str">
            <v>手稲区手稲山口８７－２</v>
          </cell>
          <cell r="H438" t="str">
            <v>688-0210</v>
          </cell>
          <cell r="I438" t="str">
            <v>688-0211</v>
          </cell>
        </row>
        <row r="439">
          <cell r="A439" t="str">
            <v>12186R</v>
          </cell>
          <cell r="B439" t="str">
            <v>ｵﾙﾋﾞｯﾄﾌﾟﾗﾝ</v>
          </cell>
          <cell r="C439" t="str">
            <v>（株）オルビットプラン北海道支店</v>
          </cell>
          <cell r="D439" t="str">
            <v>宮本 仁一</v>
          </cell>
          <cell r="E439" t="str">
            <v>北海道支店長</v>
          </cell>
          <cell r="F439" t="str">
            <v>064-0952</v>
          </cell>
          <cell r="G439" t="str">
            <v>中央区宮の森２－１－１－１８</v>
          </cell>
          <cell r="H439" t="str">
            <v>621-6870</v>
          </cell>
          <cell r="I439" t="str">
            <v>622-3355</v>
          </cell>
        </row>
        <row r="440">
          <cell r="A440" t="str">
            <v>12188Y</v>
          </cell>
          <cell r="B440" t="str">
            <v>ｵｸﾀﾞｿｶﾍﾞ</v>
          </cell>
          <cell r="C440" t="str">
            <v>（株）オクダソカベ北海道営業所</v>
          </cell>
          <cell r="D440" t="str">
            <v>奥田 勝</v>
          </cell>
          <cell r="E440" t="str">
            <v>取締役所長</v>
          </cell>
          <cell r="F440" t="str">
            <v>060-0002</v>
          </cell>
          <cell r="G440" t="str">
            <v>中央区北２西１３－１－１ Ｋ２ビル８Ｆ</v>
          </cell>
          <cell r="H440" t="str">
            <v>271-7175</v>
          </cell>
          <cell r="I440" t="str">
            <v>271-7195</v>
          </cell>
        </row>
        <row r="441">
          <cell r="A441" t="str">
            <v>12189W</v>
          </cell>
          <cell r="B441" t="str">
            <v>ｵｰﾃﾞﾝ</v>
          </cell>
          <cell r="C441" t="str">
            <v>（株）オーデン</v>
          </cell>
          <cell r="D441" t="str">
            <v>遠藤 清武</v>
          </cell>
          <cell r="E441" t="str">
            <v>代表取締役</v>
          </cell>
          <cell r="F441" t="str">
            <v>135-0016</v>
          </cell>
          <cell r="G441" t="str">
            <v>東京都江東区東陽３－２３－２６</v>
          </cell>
          <cell r="H441" t="str">
            <v>03-3646-1245</v>
          </cell>
          <cell r="I441" t="str">
            <v>03-3699-1566</v>
          </cell>
        </row>
        <row r="442">
          <cell r="A442" t="str">
            <v>12190T</v>
          </cell>
          <cell r="B442" t="str">
            <v>ｵｸﾑﾗﾌﾄﾝﾃﾝ</v>
          </cell>
          <cell r="C442" t="str">
            <v>（株）奥村ふとん店</v>
          </cell>
          <cell r="D442" t="str">
            <v>奥村 勇</v>
          </cell>
          <cell r="E442" t="str">
            <v>代表取締役</v>
          </cell>
          <cell r="F442" t="str">
            <v>003-0826</v>
          </cell>
          <cell r="G442" t="str">
            <v>白石区菊水元町６－２－２－５</v>
          </cell>
          <cell r="H442" t="str">
            <v>873-7025</v>
          </cell>
          <cell r="I442" t="str">
            <v>873-7026</v>
          </cell>
        </row>
        <row r="443">
          <cell r="A443" t="str">
            <v>12191R</v>
          </cell>
          <cell r="B443" t="str">
            <v>ｵｵﾓﾘｼｭｳｺｳﾊﾅｾｲｻｸｼﾂ</v>
          </cell>
          <cell r="C443" t="str">
            <v>（有）大森秋紅花制作室</v>
          </cell>
          <cell r="D443" t="str">
            <v>大森 千穂子</v>
          </cell>
          <cell r="E443" t="str">
            <v>代表取締役</v>
          </cell>
          <cell r="F443" t="str">
            <v>062-0034</v>
          </cell>
          <cell r="G443" t="str">
            <v>豊平区西岡４－１－１１－２８</v>
          </cell>
          <cell r="H443" t="str">
            <v>613-8108</v>
          </cell>
          <cell r="I443" t="str">
            <v>614-3015</v>
          </cell>
        </row>
        <row r="444">
          <cell r="A444" t="str">
            <v>12192N</v>
          </cell>
          <cell r="B444" t="str">
            <v>ｵｲﾙﾀｰﾐﾅﾙ</v>
          </cell>
          <cell r="C444" t="str">
            <v>（株）オイルターミナル</v>
          </cell>
          <cell r="D444" t="str">
            <v>岸田 道雄</v>
          </cell>
          <cell r="E444" t="str">
            <v>代表取締役社長</v>
          </cell>
          <cell r="F444" t="str">
            <v>066-0022</v>
          </cell>
          <cell r="G444" t="str">
            <v>千歳市豊里２－１０－３</v>
          </cell>
          <cell r="H444" t="str">
            <v>0123-24-8000</v>
          </cell>
          <cell r="I444" t="str">
            <v>0123-22-3380</v>
          </cell>
        </row>
        <row r="445">
          <cell r="A445" t="str">
            <v>12193Y</v>
          </cell>
          <cell r="B445" t="str">
            <v>ｵｻﾞｷｾｲｻｸｼｮ</v>
          </cell>
          <cell r="C445" t="str">
            <v>（有）尾崎製作所</v>
          </cell>
          <cell r="D445" t="str">
            <v>尾崎 利一</v>
          </cell>
          <cell r="E445" t="str">
            <v>代表取締役</v>
          </cell>
          <cell r="F445" t="str">
            <v>007-0803</v>
          </cell>
          <cell r="G445" t="str">
            <v>東区東苗穂３－３－１－１１</v>
          </cell>
          <cell r="H445" t="str">
            <v>783-0088</v>
          </cell>
          <cell r="I445" t="str">
            <v>783-0344</v>
          </cell>
        </row>
        <row r="446">
          <cell r="A446" t="str">
            <v>12194W</v>
          </cell>
          <cell r="B446" t="str">
            <v>ｵﾈｽﾄ･ﾌﾚﾝﾄﾞ</v>
          </cell>
          <cell r="C446" t="str">
            <v>（株）オネスト・フレンド</v>
          </cell>
          <cell r="D446" t="str">
            <v>布施 英哉</v>
          </cell>
          <cell r="E446" t="str">
            <v>代表取締役</v>
          </cell>
          <cell r="F446" t="str">
            <v>067-0059</v>
          </cell>
          <cell r="G446" t="str">
            <v>江別市萌えぎ野西１７－３</v>
          </cell>
          <cell r="H446" t="str">
            <v>389-7277</v>
          </cell>
          <cell r="I446" t="str">
            <v>389-7248</v>
          </cell>
        </row>
        <row r="447">
          <cell r="A447" t="str">
            <v>12195S</v>
          </cell>
          <cell r="B447" t="str">
            <v>ｵｲｴｻﾝｷﾞｮｳ</v>
          </cell>
          <cell r="C447" t="str">
            <v>尾家産業（株）札幌営業所</v>
          </cell>
          <cell r="D447" t="str">
            <v>鈴木 裕次郎</v>
          </cell>
          <cell r="E447" t="str">
            <v>所長</v>
          </cell>
          <cell r="F447" t="str">
            <v>001-0924</v>
          </cell>
          <cell r="G447" t="str">
            <v>北区新川４－２０－１－２</v>
          </cell>
          <cell r="H447" t="str">
            <v>763-6081</v>
          </cell>
          <cell r="I447" t="str">
            <v>763-6101</v>
          </cell>
        </row>
        <row r="448">
          <cell r="A448" t="str">
            <v>12196P</v>
          </cell>
          <cell r="B448" t="str">
            <v>ｵﾘﾃｯｸﾎｯｶｲﾄﾞｳ</v>
          </cell>
          <cell r="C448" t="str">
            <v>（株）オリテック北海道</v>
          </cell>
          <cell r="D448" t="str">
            <v>山下 宏</v>
          </cell>
          <cell r="E448" t="str">
            <v>代表取締役</v>
          </cell>
          <cell r="F448" t="str">
            <v>062-0903</v>
          </cell>
          <cell r="G448" t="str">
            <v>豊平区豊平３－１２－１－２０ サンフジワビル</v>
          </cell>
          <cell r="H448" t="str">
            <v>842-0222</v>
          </cell>
          <cell r="I448" t="str">
            <v>842-4675</v>
          </cell>
        </row>
        <row r="449">
          <cell r="A449" t="str">
            <v>12199V</v>
          </cell>
          <cell r="B449" t="str">
            <v>ｵﾘｴﾝﾀﾙｺﾝｻﾙﾀﾝﾂ</v>
          </cell>
          <cell r="C449" t="str">
            <v>（株）オリエンタルコンサルタンツ東京事業本部</v>
          </cell>
          <cell r="D449" t="str">
            <v>松本 修一</v>
          </cell>
          <cell r="E449" t="str">
            <v>執行役員東京事業本部長</v>
          </cell>
          <cell r="F449" t="str">
            <v>150-0002</v>
          </cell>
          <cell r="G449" t="str">
            <v>区東京都渋谷区渋谷１－１６－１４</v>
          </cell>
          <cell r="H449" t="str">
            <v>03-3409-7552</v>
          </cell>
          <cell r="I449" t="str">
            <v>03-3409-7578</v>
          </cell>
        </row>
        <row r="450">
          <cell r="A450" t="str">
            <v>12200P</v>
          </cell>
          <cell r="B450" t="str">
            <v>ｵﾌｨｽﾜﾝ</v>
          </cell>
          <cell r="C450" t="str">
            <v>オフィス・ワン</v>
          </cell>
          <cell r="D450" t="str">
            <v>丸山 和博</v>
          </cell>
          <cell r="E450" t="str">
            <v>代表</v>
          </cell>
          <cell r="F450" t="str">
            <v>069-0824</v>
          </cell>
          <cell r="G450" t="str">
            <v>江別市東野幌本町７－１ｼﾃｨﾊｳｽＤ－７０２</v>
          </cell>
          <cell r="H450" t="str">
            <v>381-0508</v>
          </cell>
          <cell r="I450" t="str">
            <v>381-0508</v>
          </cell>
        </row>
        <row r="451">
          <cell r="A451" t="str">
            <v>12201Z</v>
          </cell>
          <cell r="B451" t="str">
            <v>ｵﾘﾝﾊﾟｽﾘｰｽ</v>
          </cell>
          <cell r="C451" t="str">
            <v>オリンパスリース（株）</v>
          </cell>
          <cell r="D451" t="str">
            <v>長沢 実</v>
          </cell>
          <cell r="E451" t="str">
            <v>代表取締役社長</v>
          </cell>
          <cell r="F451" t="str">
            <v>160-0023</v>
          </cell>
          <cell r="G451" t="str">
            <v>東京都新宿区西新宿１－２２－２</v>
          </cell>
          <cell r="H451" t="str">
            <v>03-3340-2170</v>
          </cell>
          <cell r="I451" t="str">
            <v>03-3340-2194</v>
          </cell>
        </row>
        <row r="452">
          <cell r="A452" t="str">
            <v>12203V</v>
          </cell>
          <cell r="B452" t="str">
            <v>ｵｳﾜｼﾞﾂｷﾞｮｳ</v>
          </cell>
          <cell r="C452" t="str">
            <v>（株）旺和実業</v>
          </cell>
          <cell r="D452" t="str">
            <v>鶴岡 功裕</v>
          </cell>
          <cell r="E452" t="str">
            <v>代表取締役</v>
          </cell>
          <cell r="F452" t="str">
            <v>003-0024</v>
          </cell>
          <cell r="G452" t="str">
            <v>白石区本郷通２南４－２９</v>
          </cell>
          <cell r="H452" t="str">
            <v>863-2722</v>
          </cell>
          <cell r="I452" t="str">
            <v>863-2722</v>
          </cell>
        </row>
        <row r="453">
          <cell r="A453" t="str">
            <v>12204S</v>
          </cell>
          <cell r="B453" t="str">
            <v>ｵｰﾌﾟﾝﾙｰﾌﾟ</v>
          </cell>
          <cell r="C453" t="str">
            <v>（株）オープンループ</v>
          </cell>
          <cell r="D453" t="str">
            <v>駒井 滋</v>
          </cell>
          <cell r="E453" t="str">
            <v>代表取締役</v>
          </cell>
          <cell r="F453" t="str">
            <v>060-0001</v>
          </cell>
          <cell r="G453" t="str">
            <v>中央区北１西３－２ 井門札幌ビル９階</v>
          </cell>
          <cell r="H453" t="str">
            <v>219-7630</v>
          </cell>
          <cell r="I453" t="str">
            <v>219-7631</v>
          </cell>
        </row>
        <row r="454">
          <cell r="A454" t="str">
            <v>12205N</v>
          </cell>
          <cell r="B454" t="str">
            <v>ｵｶﾞﾜ</v>
          </cell>
          <cell r="C454" t="str">
            <v>（株）小川</v>
          </cell>
          <cell r="D454" t="str">
            <v>小川 祐司</v>
          </cell>
          <cell r="E454" t="str">
            <v>代表取締役</v>
          </cell>
          <cell r="F454" t="str">
            <v>060-0002</v>
          </cell>
          <cell r="G454" t="str">
            <v>中央区北２西１３－１－１ Ｋ２ビル</v>
          </cell>
          <cell r="H454" t="str">
            <v>241-0111</v>
          </cell>
          <cell r="I454" t="str">
            <v>271-6359</v>
          </cell>
        </row>
        <row r="455">
          <cell r="A455" t="str">
            <v>12501R</v>
          </cell>
          <cell r="B455" t="str">
            <v>ｶﾅﾓﾘｲﾝｻﾂｼｮ</v>
          </cell>
          <cell r="C455" t="str">
            <v>（有）金森印刷所</v>
          </cell>
          <cell r="D455" t="str">
            <v>金森 英敏</v>
          </cell>
          <cell r="E455" t="str">
            <v>代表取締役</v>
          </cell>
          <cell r="F455" t="str">
            <v>002-8022</v>
          </cell>
          <cell r="G455" t="str">
            <v>北区篠路２－５－１－１８</v>
          </cell>
          <cell r="H455" t="str">
            <v>771-4911</v>
          </cell>
          <cell r="I455" t="str">
            <v>771-4955</v>
          </cell>
        </row>
        <row r="456">
          <cell r="A456" t="str">
            <v>12503Y</v>
          </cell>
          <cell r="B456" t="str">
            <v>ｶﾜﾍﾞｾｷﾕ</v>
          </cell>
          <cell r="C456" t="str">
            <v>河辺石油（株）札幌支店</v>
          </cell>
          <cell r="D456" t="str">
            <v>川山 和重</v>
          </cell>
          <cell r="E456" t="str">
            <v>支店長</v>
          </cell>
          <cell r="F456" t="str">
            <v>065-0025</v>
          </cell>
          <cell r="G456" t="str">
            <v>東区北２５東１－３－１１</v>
          </cell>
          <cell r="H456" t="str">
            <v>721-0246</v>
          </cell>
          <cell r="I456" t="str">
            <v>721-0247</v>
          </cell>
        </row>
        <row r="457">
          <cell r="A457" t="str">
            <v>12504W</v>
          </cell>
          <cell r="B457" t="str">
            <v>ｶﾒﾗﾉｶﾈﾐﾁｷﾀｻﾝｼﾞｮｳ</v>
          </cell>
          <cell r="C457" t="str">
            <v>（株）カメラのカネミチ北三条</v>
          </cell>
          <cell r="D457" t="str">
            <v>吉野 勝</v>
          </cell>
          <cell r="E457" t="str">
            <v>代表取締役</v>
          </cell>
          <cell r="F457" t="str">
            <v>060-0003</v>
          </cell>
          <cell r="G457" t="str">
            <v>中央区北３西２ ＮＳ北専北三条ビル１Ｆ</v>
          </cell>
          <cell r="H457" t="str">
            <v>221-4354</v>
          </cell>
          <cell r="I457" t="str">
            <v>221-0879</v>
          </cell>
        </row>
        <row r="458">
          <cell r="A458" t="str">
            <v>12505S</v>
          </cell>
          <cell r="B458" t="str">
            <v>ｶﾜﾀｼｮｳｶｲ</v>
          </cell>
          <cell r="C458" t="str">
            <v>（株）川田商会</v>
          </cell>
          <cell r="D458" t="str">
            <v>川田 弘</v>
          </cell>
          <cell r="E458" t="str">
            <v>代表取締役</v>
          </cell>
          <cell r="F458" t="str">
            <v>060-0061</v>
          </cell>
          <cell r="G458" t="str">
            <v>中央区南１西１８</v>
          </cell>
          <cell r="H458" t="str">
            <v>641-2424</v>
          </cell>
          <cell r="I458" t="str">
            <v>641-2940</v>
          </cell>
        </row>
        <row r="459">
          <cell r="A459" t="str">
            <v>12507Z</v>
          </cell>
          <cell r="B459" t="str">
            <v>ｴﾈｺﾑ</v>
          </cell>
          <cell r="C459" t="str">
            <v>（株）エネコム</v>
          </cell>
          <cell r="D459" t="str">
            <v>渡部 敏久</v>
          </cell>
          <cell r="E459" t="str">
            <v>代表取締役社長</v>
          </cell>
          <cell r="F459" t="str">
            <v>064-0915</v>
          </cell>
          <cell r="G459" t="str">
            <v>中央区南１５西９－１－２</v>
          </cell>
          <cell r="H459" t="str">
            <v>511-5996</v>
          </cell>
          <cell r="I459" t="str">
            <v>511-5714</v>
          </cell>
        </row>
        <row r="460">
          <cell r="A460" t="str">
            <v>12508X</v>
          </cell>
          <cell r="B460" t="str">
            <v>ｶﾅｻﾞﾜｼﾞｭｳｷ</v>
          </cell>
          <cell r="C460" t="str">
            <v>金澤重機（株）</v>
          </cell>
          <cell r="D460" t="str">
            <v>金澤 徹</v>
          </cell>
          <cell r="E460" t="str">
            <v>取締役社長</v>
          </cell>
          <cell r="F460" t="str">
            <v>003-0809</v>
          </cell>
          <cell r="G460" t="str">
            <v>白石区菊水９－３－４－２４</v>
          </cell>
          <cell r="H460" t="str">
            <v>811-4261</v>
          </cell>
          <cell r="I460" t="str">
            <v>811-4265</v>
          </cell>
        </row>
        <row r="461">
          <cell r="A461" t="str">
            <v>12510S</v>
          </cell>
          <cell r="B461" t="str">
            <v>ｶﾝｷｮｳﾌﾟﾛｼﾞｪｸﾄ</v>
          </cell>
          <cell r="C461" t="str">
            <v>（株）環境プロジェクト</v>
          </cell>
          <cell r="D461" t="str">
            <v>岡田 宏治</v>
          </cell>
          <cell r="E461" t="str">
            <v>代表取締役</v>
          </cell>
          <cell r="F461" t="str">
            <v>004-0061</v>
          </cell>
          <cell r="G461" t="str">
            <v>厚別区厚別西１－１－８－１０</v>
          </cell>
          <cell r="H461" t="str">
            <v>895-6210</v>
          </cell>
          <cell r="I461" t="str">
            <v>895-6245</v>
          </cell>
        </row>
        <row r="462">
          <cell r="A462" t="str">
            <v>12512Z</v>
          </cell>
          <cell r="B462" t="str">
            <v>ｶｼﾜｼｮｳﾃﾝ</v>
          </cell>
          <cell r="C462" t="str">
            <v>（有）柏商店</v>
          </cell>
          <cell r="D462" t="str">
            <v>菅野 博文</v>
          </cell>
          <cell r="E462" t="str">
            <v>代表取締役</v>
          </cell>
          <cell r="F462" t="str">
            <v>001-0020</v>
          </cell>
          <cell r="G462" t="str">
            <v>北区北２０西７－２０</v>
          </cell>
          <cell r="H462" t="str">
            <v>716-4389</v>
          </cell>
          <cell r="I462" t="str">
            <v>716-4389</v>
          </cell>
        </row>
        <row r="463">
          <cell r="A463" t="str">
            <v>12513X</v>
          </cell>
          <cell r="B463" t="str">
            <v>ｶﾞｸｼｭｳｹﾝｷｭｳｼｬ</v>
          </cell>
          <cell r="C463" t="str">
            <v>（株）学習研究社札幌エリアマーケット室</v>
          </cell>
          <cell r="D463" t="str">
            <v>宮島 真樹</v>
          </cell>
          <cell r="E463" t="str">
            <v>室長</v>
          </cell>
          <cell r="F463" t="str">
            <v>007-0842</v>
          </cell>
          <cell r="G463" t="str">
            <v>東区北４２東６－２－１</v>
          </cell>
          <cell r="H463" t="str">
            <v>712-9220</v>
          </cell>
          <cell r="I463" t="str">
            <v>712-9225</v>
          </cell>
        </row>
        <row r="464">
          <cell r="A464" t="str">
            <v>12516N</v>
          </cell>
          <cell r="B464" t="str">
            <v>ｶﾜｲｶﾞｯｷｾｲｻｸｼｮ</v>
          </cell>
          <cell r="C464" t="str">
            <v>（株）河合楽器製作所札幌公教販店</v>
          </cell>
          <cell r="D464" t="str">
            <v>嶋田 哲之</v>
          </cell>
          <cell r="E464" t="str">
            <v>店長</v>
          </cell>
          <cell r="F464" t="str">
            <v>060-0052</v>
          </cell>
          <cell r="G464" t="str">
            <v>中央区南２東２－１６</v>
          </cell>
          <cell r="H464" t="str">
            <v>231-8661</v>
          </cell>
          <cell r="I464" t="str">
            <v>221-4936</v>
          </cell>
        </row>
        <row r="465">
          <cell r="A465" t="str">
            <v>12517Y</v>
          </cell>
          <cell r="B465" t="str">
            <v>ｶｼﾞﾏﾄﾞｳﾛ</v>
          </cell>
          <cell r="C465" t="str">
            <v>鹿島道路（株）北海道支店</v>
          </cell>
          <cell r="D465" t="str">
            <v>鈴木 智</v>
          </cell>
          <cell r="E465" t="str">
            <v>支店長</v>
          </cell>
          <cell r="F465" t="str">
            <v>060-0002</v>
          </cell>
          <cell r="G465" t="str">
            <v>中央区北２西１－１ マルイト札幌ビル４</v>
          </cell>
          <cell r="H465" t="str">
            <v>241-4476</v>
          </cell>
          <cell r="I465" t="str">
            <v>251-4323</v>
          </cell>
        </row>
        <row r="466">
          <cell r="A466" t="str">
            <v>12518W</v>
          </cell>
          <cell r="B466" t="str">
            <v>ｶﾝｴｲｼﾞﾂｷﾞｮｳ</v>
          </cell>
          <cell r="C466" t="str">
            <v>カンエイ実業（株）</v>
          </cell>
          <cell r="D466" t="str">
            <v>坂下 修</v>
          </cell>
          <cell r="E466" t="str">
            <v>代表取締役</v>
          </cell>
          <cell r="F466" t="str">
            <v>064-0807</v>
          </cell>
          <cell r="G466" t="str">
            <v>中央区南７西５－２８９－５４</v>
          </cell>
          <cell r="H466" t="str">
            <v>511-7878</v>
          </cell>
          <cell r="I466" t="str">
            <v>521-7053</v>
          </cell>
        </row>
        <row r="467">
          <cell r="A467" t="str">
            <v>12519T</v>
          </cell>
          <cell r="B467" t="str">
            <v>ｶﾂｷｾｷﾕ</v>
          </cell>
          <cell r="C467" t="str">
            <v>勝木石油（株）</v>
          </cell>
          <cell r="D467" t="str">
            <v>勝木 紀昭</v>
          </cell>
          <cell r="E467" t="str">
            <v>代表取締役</v>
          </cell>
          <cell r="F467" t="str">
            <v>001-0010</v>
          </cell>
          <cell r="G467" t="str">
            <v>北区北１０西３－１６</v>
          </cell>
          <cell r="H467" t="str">
            <v>700-3355</v>
          </cell>
          <cell r="I467" t="str">
            <v>700-3351</v>
          </cell>
        </row>
        <row r="468">
          <cell r="A468" t="str">
            <v>12520R</v>
          </cell>
          <cell r="B468" t="str">
            <v>ｶｸｲｷｮｳﾜｻﾝｷﾞｮｳ</v>
          </cell>
          <cell r="C468" t="str">
            <v>カクイ協和産業（株）</v>
          </cell>
          <cell r="D468" t="str">
            <v>川原 賢一</v>
          </cell>
          <cell r="E468" t="str">
            <v>代表取締役</v>
          </cell>
          <cell r="F468" t="str">
            <v>003-0029</v>
          </cell>
          <cell r="G468" t="str">
            <v>白石区平和通２北６－２８</v>
          </cell>
          <cell r="H468" t="str">
            <v>861-6101</v>
          </cell>
          <cell r="I468" t="str">
            <v>865-3347</v>
          </cell>
        </row>
        <row r="469">
          <cell r="A469" t="str">
            <v>12521N</v>
          </cell>
          <cell r="B469" t="str">
            <v>ｶﾝﾊﾟﾝﾃｸﾉ</v>
          </cell>
          <cell r="C469" t="str">
            <v>関販テクノ（株）</v>
          </cell>
          <cell r="D469" t="str">
            <v>大川 シヨ子</v>
          </cell>
          <cell r="E469" t="str">
            <v>代表取締役</v>
          </cell>
          <cell r="F469" t="str">
            <v>065-8501</v>
          </cell>
          <cell r="G469" t="str">
            <v>東区北１７東２－２－７</v>
          </cell>
          <cell r="H469" t="str">
            <v>741-0001</v>
          </cell>
          <cell r="I469" t="str">
            <v>741-0949</v>
          </cell>
        </row>
        <row r="470">
          <cell r="A470" t="str">
            <v>12522Y</v>
          </cell>
          <cell r="B470" t="str">
            <v>ｶﾝﾀﾞﾂｳｼﾝｷ</v>
          </cell>
          <cell r="C470" t="str">
            <v>神田通信機（株）札幌支店</v>
          </cell>
          <cell r="D470" t="str">
            <v>中山 益栄</v>
          </cell>
          <cell r="E470" t="str">
            <v>支店長</v>
          </cell>
          <cell r="F470" t="str">
            <v>060-0062</v>
          </cell>
          <cell r="G470" t="str">
            <v>中央区南２西１１－３２８－３</v>
          </cell>
          <cell r="H470" t="str">
            <v>221-0375</v>
          </cell>
          <cell r="I470" t="str">
            <v>221-1622</v>
          </cell>
        </row>
        <row r="471">
          <cell r="A471" t="str">
            <v>12525P</v>
          </cell>
          <cell r="B471" t="str">
            <v>ｷﾀｶﾞｽｹﾝｾﾂﾎｰﾑｻｰﾋﾞｽ</v>
          </cell>
          <cell r="C471" t="str">
            <v>（株）北ガス建設ホームサービス</v>
          </cell>
          <cell r="D471" t="str">
            <v>志摩 秀人</v>
          </cell>
          <cell r="E471" t="str">
            <v>代表取締役</v>
          </cell>
          <cell r="F471" t="str">
            <v>062-0008</v>
          </cell>
          <cell r="G471" t="str">
            <v>豊平区美園８－５－４－５</v>
          </cell>
          <cell r="H471" t="str">
            <v>832-2121</v>
          </cell>
          <cell r="I471" t="str">
            <v>832-7800</v>
          </cell>
        </row>
        <row r="472">
          <cell r="A472" t="str">
            <v>12526Z</v>
          </cell>
          <cell r="B472" t="str">
            <v>ｶｲﾊﾂｺｳｹﾝ</v>
          </cell>
          <cell r="C472" t="str">
            <v>開発工建（株）</v>
          </cell>
          <cell r="D472" t="str">
            <v>奈良 和康</v>
          </cell>
          <cell r="E472" t="str">
            <v>代表取締役</v>
          </cell>
          <cell r="F472" t="str">
            <v>069-0381</v>
          </cell>
          <cell r="G472" t="str">
            <v>岩見沢市幌向北１－２－５８０</v>
          </cell>
          <cell r="H472" t="str">
            <v>0126-26-2211</v>
          </cell>
          <cell r="I472" t="str">
            <v>0126-26-1397</v>
          </cell>
        </row>
        <row r="473">
          <cell r="A473" t="str">
            <v>12527X</v>
          </cell>
          <cell r="B473" t="str">
            <v>ｶﾜﾊﾗ</v>
          </cell>
          <cell r="C473" t="str">
            <v>（株）カワハラ</v>
          </cell>
          <cell r="D473" t="str">
            <v>川原 徳一</v>
          </cell>
          <cell r="E473" t="str">
            <v>代表取締役</v>
          </cell>
          <cell r="F473" t="str">
            <v>060-0033</v>
          </cell>
          <cell r="G473" t="str">
            <v>中央区北３東６－３４０</v>
          </cell>
          <cell r="H473" t="str">
            <v>261-8131</v>
          </cell>
          <cell r="I473" t="str">
            <v>221-5720</v>
          </cell>
        </row>
        <row r="474">
          <cell r="A474" t="str">
            <v>12529S</v>
          </cell>
          <cell r="B474" t="str">
            <v>ｱﾙｽﾄﾑ</v>
          </cell>
          <cell r="C474" t="str">
            <v>アルストム（株）</v>
          </cell>
          <cell r="D474" t="str">
            <v>デービット・シコラ</v>
          </cell>
          <cell r="E474" t="str">
            <v>代表取締役</v>
          </cell>
          <cell r="F474" t="str">
            <v>650-0046</v>
          </cell>
          <cell r="G474" t="str">
            <v>神戸市中央区港島中町２－３－４</v>
          </cell>
          <cell r="H474" t="str">
            <v>078-303-5734</v>
          </cell>
          <cell r="I474" t="str">
            <v>078-303-5708</v>
          </cell>
        </row>
        <row r="475">
          <cell r="A475" t="str">
            <v>12537W</v>
          </cell>
          <cell r="B475" t="str">
            <v>ｶﾝｷｮｳｶﾝﾘｾﾝﾀｰ</v>
          </cell>
          <cell r="C475" t="str">
            <v>（株）環境管理センター北海道支店</v>
          </cell>
          <cell r="D475" t="str">
            <v>小林 信碩</v>
          </cell>
          <cell r="E475" t="str">
            <v>支店長</v>
          </cell>
          <cell r="F475" t="str">
            <v>060-0032</v>
          </cell>
          <cell r="G475" t="str">
            <v>中央区北２東２－１－３ ミカミビル３Ｆ</v>
          </cell>
          <cell r="H475" t="str">
            <v>222-9215</v>
          </cell>
          <cell r="I475" t="str">
            <v>222-9217</v>
          </cell>
        </row>
        <row r="476">
          <cell r="A476" t="str">
            <v>12538T</v>
          </cell>
          <cell r="B476" t="str">
            <v>ｶﾈﾅｶﾀﾅｶｼｮｳﾃﾝ</v>
          </cell>
          <cell r="C476" t="str">
            <v>（株）兼中田中商店</v>
          </cell>
          <cell r="D476" t="str">
            <v>田中 勢蔵</v>
          </cell>
          <cell r="E476" t="str">
            <v>代表取締役</v>
          </cell>
          <cell r="F476" t="str">
            <v>001-0024</v>
          </cell>
          <cell r="G476" t="str">
            <v>北区北２４西４－２－７</v>
          </cell>
          <cell r="H476" t="str">
            <v>716-8209</v>
          </cell>
          <cell r="I476" t="str">
            <v>736-5155</v>
          </cell>
        </row>
        <row r="477">
          <cell r="A477" t="str">
            <v>12541Y</v>
          </cell>
          <cell r="B477" t="str">
            <v>ｶﾒﾗﾉﾌｼﾞ</v>
          </cell>
          <cell r="C477" t="str">
            <v>（株）カメラの富士</v>
          </cell>
          <cell r="D477" t="str">
            <v>五十嵐 久良</v>
          </cell>
          <cell r="E477" t="str">
            <v>代表取締役社長</v>
          </cell>
          <cell r="F477" t="str">
            <v>060-0042</v>
          </cell>
          <cell r="G477" t="str">
            <v>中央区大通西１－１３－２地先地下街</v>
          </cell>
          <cell r="H477" t="str">
            <v>231-2444</v>
          </cell>
          <cell r="I477" t="str">
            <v>231-2444</v>
          </cell>
        </row>
        <row r="478">
          <cell r="A478" t="str">
            <v>12542W</v>
          </cell>
          <cell r="B478" t="str">
            <v>ｶﾜｾﾃﾞﾝｺｳ</v>
          </cell>
          <cell r="C478" t="str">
            <v>（株）河瀬電工</v>
          </cell>
          <cell r="D478" t="str">
            <v>河瀬 博</v>
          </cell>
          <cell r="E478" t="str">
            <v>代表取締役</v>
          </cell>
          <cell r="F478" t="str">
            <v>061-1274</v>
          </cell>
          <cell r="G478" t="str">
            <v>北広島市大曲工業団地２－５－２</v>
          </cell>
          <cell r="H478" t="str">
            <v>377-3341</v>
          </cell>
          <cell r="I478" t="str">
            <v>377-3349</v>
          </cell>
        </row>
        <row r="479">
          <cell r="A479" t="str">
            <v>12543T</v>
          </cell>
          <cell r="B479" t="str">
            <v>ｶｾｲﾋﾝｼｮｳｼﾞ</v>
          </cell>
          <cell r="C479" t="str">
            <v>化成品商事（株）札幌営業所</v>
          </cell>
          <cell r="D479" t="str">
            <v>星野 裕義</v>
          </cell>
          <cell r="E479" t="str">
            <v>所長</v>
          </cell>
          <cell r="F479" t="str">
            <v>060-0051</v>
          </cell>
          <cell r="G479" t="str">
            <v>中央区南１東２－２－５ ＯＦＦＩＣＥ1・2ﾋﾞﾙ8Ｆ</v>
          </cell>
          <cell r="H479" t="str">
            <v>221-2578</v>
          </cell>
          <cell r="I479" t="str">
            <v>251-5516</v>
          </cell>
        </row>
        <row r="480">
          <cell r="A480" t="str">
            <v>12544R</v>
          </cell>
          <cell r="B480" t="str">
            <v>ｶﾜﾑﾗﾔｸﾋﾝ</v>
          </cell>
          <cell r="C480" t="str">
            <v>河村薬品（株）</v>
          </cell>
          <cell r="D480" t="str">
            <v>須田 至</v>
          </cell>
          <cell r="E480" t="str">
            <v>代表取締役</v>
          </cell>
          <cell r="F480" t="str">
            <v>047-0027</v>
          </cell>
          <cell r="G480" t="str">
            <v>小樽市堺町４－１１</v>
          </cell>
          <cell r="H480" t="str">
            <v>0134-23-2188</v>
          </cell>
          <cell r="I480" t="str">
            <v>0134-23-2190</v>
          </cell>
        </row>
        <row r="481">
          <cell r="A481" t="str">
            <v>12546X</v>
          </cell>
          <cell r="B481" t="str">
            <v>ｶﾜｼﾞｭｳﾚｲﾈﾂｺｳｷﾞｮｳ</v>
          </cell>
          <cell r="C481" t="str">
            <v>川重冷熱工業（株）札幌支店</v>
          </cell>
          <cell r="D481" t="str">
            <v>長瀬 鉄雄</v>
          </cell>
          <cell r="E481" t="str">
            <v>支店長</v>
          </cell>
          <cell r="F481" t="str">
            <v>060-0808</v>
          </cell>
          <cell r="G481" t="str">
            <v>北区北８西６－２</v>
          </cell>
          <cell r="H481" t="str">
            <v>726-8723</v>
          </cell>
          <cell r="I481" t="str">
            <v>726-9258</v>
          </cell>
        </row>
        <row r="482">
          <cell r="A482" t="str">
            <v>12547V</v>
          </cell>
          <cell r="B482" t="str">
            <v>ｶﾓｶﾞﾜｹｲﾒｲﾃﾞﾝｷ</v>
          </cell>
          <cell r="C482" t="str">
            <v>加茂川啓明電機（株）札幌支店</v>
          </cell>
          <cell r="D482" t="str">
            <v>廿日岩 重春</v>
          </cell>
          <cell r="E482" t="str">
            <v>常務執行役員支店長</v>
          </cell>
          <cell r="F482" t="str">
            <v>003-0003</v>
          </cell>
          <cell r="G482" t="str">
            <v>白石区東札幌３－３－４－２０</v>
          </cell>
          <cell r="H482" t="str">
            <v>831-3121</v>
          </cell>
          <cell r="I482" t="str">
            <v>814-2107</v>
          </cell>
        </row>
        <row r="483">
          <cell r="A483" t="str">
            <v>12549P</v>
          </cell>
          <cell r="B483" t="str">
            <v>ｶﾜﾀﾞｼｮｳｶｲ</v>
          </cell>
          <cell r="C483" t="str">
            <v>（株）川田商会</v>
          </cell>
          <cell r="D483" t="str">
            <v>川田 憲秀</v>
          </cell>
          <cell r="E483" t="str">
            <v>代表取締役</v>
          </cell>
          <cell r="F483" t="str">
            <v>059-0921</v>
          </cell>
          <cell r="G483" t="str">
            <v>白老郡白老町字石山１５</v>
          </cell>
          <cell r="H483" t="str">
            <v>0144-83-6611</v>
          </cell>
          <cell r="I483" t="str">
            <v>0144-83-6641</v>
          </cell>
        </row>
        <row r="484">
          <cell r="A484" t="str">
            <v>12551X</v>
          </cell>
          <cell r="B484" t="str">
            <v>ｶｻﾞﾏｲﾝﾎﾞｳ</v>
          </cell>
          <cell r="C484" t="str">
            <v>（株）風間印房</v>
          </cell>
          <cell r="D484" t="str">
            <v>風間 行男</v>
          </cell>
          <cell r="E484" t="str">
            <v>代表取締役</v>
          </cell>
          <cell r="F484" t="str">
            <v>060-0052</v>
          </cell>
          <cell r="G484" t="str">
            <v>中央区南２東６－５</v>
          </cell>
          <cell r="H484" t="str">
            <v>261-0651</v>
          </cell>
          <cell r="I484" t="str">
            <v>222-3843</v>
          </cell>
        </row>
        <row r="485">
          <cell r="A485" t="str">
            <v>12554P</v>
          </cell>
          <cell r="B485" t="str">
            <v>ｶﾞﾝﾌﾞﾛ</v>
          </cell>
          <cell r="C485" t="str">
            <v>ガンブロ（株）札幌支店</v>
          </cell>
          <cell r="D485" t="str">
            <v>加藤 昭</v>
          </cell>
          <cell r="E485" t="str">
            <v>札幌支店長</v>
          </cell>
          <cell r="F485" t="str">
            <v>060-0051</v>
          </cell>
          <cell r="G485" t="str">
            <v>中央区南１東１－３パークイースト札幌６階</v>
          </cell>
          <cell r="H485" t="str">
            <v>241-3738</v>
          </cell>
          <cell r="I485" t="str">
            <v>241-0545</v>
          </cell>
        </row>
        <row r="486">
          <cell r="A486" t="str">
            <v>12560Y</v>
          </cell>
          <cell r="B486" t="str">
            <v>ｶﾜﾓﾄﾊｸｲ</v>
          </cell>
          <cell r="C486" t="str">
            <v>カワモト白衣（株）札幌営業所</v>
          </cell>
          <cell r="D486" t="str">
            <v>伊東 健一</v>
          </cell>
          <cell r="E486" t="str">
            <v>代表取締役</v>
          </cell>
          <cell r="F486" t="str">
            <v>060-0005</v>
          </cell>
          <cell r="G486" t="str">
            <v>中央区北５西１８</v>
          </cell>
          <cell r="H486" t="str">
            <v>644-1757</v>
          </cell>
          <cell r="I486" t="str">
            <v>644-1763</v>
          </cell>
        </row>
        <row r="487">
          <cell r="A487" t="str">
            <v>12562T</v>
          </cell>
          <cell r="B487" t="str">
            <v>ｶﾈﾋｺ</v>
          </cell>
          <cell r="C487" t="str">
            <v>（株）かね彦</v>
          </cell>
          <cell r="D487" t="str">
            <v>中島 君子</v>
          </cell>
          <cell r="E487" t="str">
            <v>代表取締役</v>
          </cell>
          <cell r="F487" t="str">
            <v>003-0006</v>
          </cell>
          <cell r="G487" t="str">
            <v>白石区東札幌６－１－２－２６</v>
          </cell>
          <cell r="H487" t="str">
            <v>823-1181</v>
          </cell>
          <cell r="I487" t="str">
            <v>823-0881</v>
          </cell>
        </row>
        <row r="488">
          <cell r="A488" t="str">
            <v>12565X</v>
          </cell>
          <cell r="B488" t="str">
            <v>ｶﾂﾔ</v>
          </cell>
          <cell r="C488" t="str">
            <v>（株）カツヤ</v>
          </cell>
          <cell r="D488" t="str">
            <v>勝谷 敏弘</v>
          </cell>
          <cell r="E488" t="str">
            <v>代表取締役</v>
          </cell>
          <cell r="F488" t="str">
            <v>060-0906</v>
          </cell>
          <cell r="G488" t="str">
            <v>東区北６東４－８</v>
          </cell>
          <cell r="H488" t="str">
            <v>721-5321</v>
          </cell>
          <cell r="I488" t="str">
            <v>721-5324</v>
          </cell>
        </row>
        <row r="489">
          <cell r="A489" t="str">
            <v>12566V</v>
          </cell>
          <cell r="B489" t="str">
            <v>ｶﾈｲﾐｰﾄﾏｴﾀﾞｼｮｳﾃﾝ</v>
          </cell>
          <cell r="C489" t="str">
            <v>（有）カネイミート前田商店</v>
          </cell>
          <cell r="D489" t="str">
            <v>前田 政雄</v>
          </cell>
          <cell r="E489" t="str">
            <v>代表取締役</v>
          </cell>
          <cell r="F489" t="str">
            <v>064-0810</v>
          </cell>
          <cell r="G489" t="str">
            <v>中央区南１０西６－４１５</v>
          </cell>
          <cell r="H489" t="str">
            <v>531-5315</v>
          </cell>
          <cell r="I489" t="str">
            <v>512-0852</v>
          </cell>
        </row>
        <row r="490">
          <cell r="A490" t="str">
            <v>12570X</v>
          </cell>
          <cell r="B490" t="str">
            <v>ｼﾞｵﾃｯｸ</v>
          </cell>
          <cell r="C490" t="str">
            <v>ジオテック（株）</v>
          </cell>
          <cell r="D490" t="str">
            <v>井澤 登</v>
          </cell>
          <cell r="E490" t="str">
            <v>代表取締役</v>
          </cell>
          <cell r="F490" t="str">
            <v>005-0004</v>
          </cell>
          <cell r="G490" t="str">
            <v>南区澄川４－２－１０－１７</v>
          </cell>
          <cell r="H490" t="str">
            <v>823-2033</v>
          </cell>
          <cell r="I490" t="str">
            <v>823-2330</v>
          </cell>
        </row>
        <row r="491">
          <cell r="A491" t="str">
            <v>12573P</v>
          </cell>
          <cell r="B491" t="str">
            <v>ｶﾈﾏﾀﾑﾗﾔﾏｼｮｳﾃﾝ</v>
          </cell>
          <cell r="C491" t="str">
            <v>（株）かね又村山商店</v>
          </cell>
          <cell r="D491" t="str">
            <v>村山 忠司</v>
          </cell>
          <cell r="E491" t="str">
            <v>代表取締役</v>
          </cell>
          <cell r="F491" t="str">
            <v>060-0032</v>
          </cell>
          <cell r="G491" t="str">
            <v>中央区北２東２－１－１５</v>
          </cell>
          <cell r="H491" t="str">
            <v>221-0530</v>
          </cell>
          <cell r="I491" t="str">
            <v>221-0531</v>
          </cell>
        </row>
        <row r="492">
          <cell r="A492" t="str">
            <v>12585V</v>
          </cell>
          <cell r="B492" t="str">
            <v>ｶﾄｳ</v>
          </cell>
          <cell r="C492" t="str">
            <v>加藤（株）札幌支店</v>
          </cell>
          <cell r="D492" t="str">
            <v>澤田 英世</v>
          </cell>
          <cell r="E492" t="str">
            <v>支店長</v>
          </cell>
          <cell r="F492" t="str">
            <v>060-0042</v>
          </cell>
          <cell r="G492" t="str">
            <v>中央区大通西１４－１－８</v>
          </cell>
          <cell r="H492" t="str">
            <v>241-8481</v>
          </cell>
          <cell r="I492" t="str">
            <v>241-8486</v>
          </cell>
        </row>
        <row r="493">
          <cell r="A493" t="str">
            <v>12586S</v>
          </cell>
          <cell r="B493" t="str">
            <v>ｶﾜｶﾐｼｮｳｼﾞ</v>
          </cell>
          <cell r="C493" t="str">
            <v>川上商事（株）</v>
          </cell>
          <cell r="D493" t="str">
            <v>川上 三郎</v>
          </cell>
          <cell r="E493" t="str">
            <v>代表取締役</v>
          </cell>
          <cell r="F493" t="str">
            <v>060-0034</v>
          </cell>
          <cell r="G493" t="str">
            <v>中央区北４東２－８－２</v>
          </cell>
          <cell r="H493" t="str">
            <v>222-1255</v>
          </cell>
          <cell r="I493" t="str">
            <v>251-1494</v>
          </cell>
        </row>
        <row r="494">
          <cell r="A494" t="str">
            <v>12587P</v>
          </cell>
          <cell r="B494" t="str">
            <v>ｶﾜｻｷｼﾞｭｳｺｳｷﾞｮｳ</v>
          </cell>
          <cell r="C494" t="str">
            <v>川崎重工業（株）北海道支社</v>
          </cell>
          <cell r="D494" t="str">
            <v>公田 勝夫</v>
          </cell>
          <cell r="E494" t="str">
            <v>支社長</v>
          </cell>
          <cell r="F494" t="str">
            <v>060-0003</v>
          </cell>
          <cell r="G494" t="str">
            <v>中央区北３西４－１－１ 日本生命ビル４Ｆ</v>
          </cell>
          <cell r="H494" t="str">
            <v>281-3131</v>
          </cell>
          <cell r="I494" t="str">
            <v>222-2691</v>
          </cell>
        </row>
        <row r="495">
          <cell r="A495" t="str">
            <v>12591S</v>
          </cell>
          <cell r="B495" t="str">
            <v>ｶｳﾎﾞｰｲ</v>
          </cell>
          <cell r="C495" t="str">
            <v>（株）カウボーイ</v>
          </cell>
          <cell r="D495" t="str">
            <v>中野 晃</v>
          </cell>
          <cell r="E495" t="str">
            <v>代表取締役</v>
          </cell>
          <cell r="F495" t="str">
            <v>003-8555</v>
          </cell>
          <cell r="G495" t="str">
            <v>白石区米里１－３－５－１０</v>
          </cell>
          <cell r="H495" t="str">
            <v>875-1111</v>
          </cell>
          <cell r="I495" t="str">
            <v>875-0100</v>
          </cell>
        </row>
        <row r="496">
          <cell r="A496" t="str">
            <v>12592P</v>
          </cell>
          <cell r="B496" t="str">
            <v>ｶﾜｶﾐ</v>
          </cell>
          <cell r="C496" t="str">
            <v>（株）カワカミ</v>
          </cell>
          <cell r="D496" t="str">
            <v>川上 敏人</v>
          </cell>
          <cell r="E496" t="str">
            <v>代表取締役</v>
          </cell>
          <cell r="F496" t="str">
            <v>062-0005</v>
          </cell>
          <cell r="G496" t="str">
            <v>豊平区美園５－６－１－１</v>
          </cell>
          <cell r="H496" t="str">
            <v>812-6213</v>
          </cell>
          <cell r="I496" t="str">
            <v>812-2996</v>
          </cell>
        </row>
        <row r="497">
          <cell r="A497" t="str">
            <v>12594X</v>
          </cell>
          <cell r="B497" t="str">
            <v>ｶﾈﾀﾞｼｮｳﾃﾝ</v>
          </cell>
          <cell r="C497" t="str">
            <v>（有）金田商店</v>
          </cell>
          <cell r="D497" t="str">
            <v>金田 博年</v>
          </cell>
          <cell r="E497" t="str">
            <v>代表取締役</v>
          </cell>
          <cell r="F497" t="str">
            <v>060-0907</v>
          </cell>
          <cell r="G497" t="str">
            <v>東区北７東６－１２</v>
          </cell>
          <cell r="H497" t="str">
            <v>711-4681</v>
          </cell>
          <cell r="I497" t="str">
            <v>711-4679</v>
          </cell>
        </row>
        <row r="498">
          <cell r="A498" t="str">
            <v>12598Y</v>
          </cell>
          <cell r="B498" t="str">
            <v>ｶｼﾜﾉｲﾝｻﾂ</v>
          </cell>
          <cell r="C498" t="str">
            <v>（有）柏野印刷</v>
          </cell>
          <cell r="D498" t="str">
            <v>柏野 久志</v>
          </cell>
          <cell r="E498" t="str">
            <v>代表取締役</v>
          </cell>
          <cell r="F498" t="str">
            <v>001-0909</v>
          </cell>
          <cell r="G498" t="str">
            <v>北区新琴似９－８－３－１</v>
          </cell>
          <cell r="H498" t="str">
            <v>762-5735</v>
          </cell>
          <cell r="I498" t="str">
            <v>764-5598</v>
          </cell>
        </row>
        <row r="499">
          <cell r="A499" t="str">
            <v>12602Y</v>
          </cell>
          <cell r="B499" t="str">
            <v>ｶﾐｼｮｳﾊﾅｵｶ</v>
          </cell>
          <cell r="C499" t="str">
            <v>（株）紙商花岡</v>
          </cell>
          <cell r="D499" t="str">
            <v>花岡 公雄</v>
          </cell>
          <cell r="E499" t="str">
            <v>代表取締役</v>
          </cell>
          <cell r="F499" t="str">
            <v>003-0002</v>
          </cell>
          <cell r="G499" t="str">
            <v>白石区東札幌２－６－７－１４</v>
          </cell>
          <cell r="H499" t="str">
            <v>811-4246</v>
          </cell>
          <cell r="I499" t="str">
            <v>811-4247</v>
          </cell>
        </row>
        <row r="500">
          <cell r="A500" t="str">
            <v>12603W</v>
          </cell>
          <cell r="B500" t="str">
            <v>ｶﾈﾔﾏｺｳｻﾞｲ</v>
          </cell>
          <cell r="C500" t="str">
            <v>カネヤマ鋼材（株）</v>
          </cell>
          <cell r="D500" t="str">
            <v>五十嵐 健一</v>
          </cell>
          <cell r="E500" t="str">
            <v>代表取締役</v>
          </cell>
          <cell r="F500" t="str">
            <v>060-0054</v>
          </cell>
          <cell r="G500" t="str">
            <v>中央区南４東２－７</v>
          </cell>
          <cell r="H500" t="str">
            <v>231-3606</v>
          </cell>
          <cell r="I500" t="str">
            <v>874-2210</v>
          </cell>
        </row>
        <row r="501">
          <cell r="A501" t="str">
            <v>12609S</v>
          </cell>
          <cell r="B501" t="str">
            <v>ｶﾄｳﾃﾞｻﾞｲﾝ</v>
          </cell>
          <cell r="C501" t="str">
            <v>（株）加藤デザイン</v>
          </cell>
          <cell r="D501" t="str">
            <v>加藤 雅司</v>
          </cell>
          <cell r="E501" t="str">
            <v>代表取締役</v>
          </cell>
          <cell r="F501" t="str">
            <v>004-0041</v>
          </cell>
          <cell r="G501" t="str">
            <v>厚別区大谷地東２－６－１</v>
          </cell>
          <cell r="H501" t="str">
            <v>892-8888</v>
          </cell>
          <cell r="I501" t="str">
            <v>892-8889</v>
          </cell>
        </row>
        <row r="502">
          <cell r="A502" t="str">
            <v>12616Y</v>
          </cell>
          <cell r="B502" t="str">
            <v>ｶﾒｲ</v>
          </cell>
          <cell r="C502" t="str">
            <v>カメイ（株）札幌支店</v>
          </cell>
          <cell r="D502" t="str">
            <v>菊地 伸寛</v>
          </cell>
          <cell r="E502" t="str">
            <v>支店長</v>
          </cell>
          <cell r="F502" t="str">
            <v>060-0002</v>
          </cell>
          <cell r="G502" t="str">
            <v>中央区北２西４－１ 北海道ビル６階</v>
          </cell>
          <cell r="H502" t="str">
            <v>241-7010</v>
          </cell>
          <cell r="I502" t="str">
            <v>241-7017</v>
          </cell>
        </row>
        <row r="503">
          <cell r="A503" t="str">
            <v>12617W</v>
          </cell>
          <cell r="B503" t="str">
            <v>ｶｲｷﾞﾛｸｾﾝﾀｰ</v>
          </cell>
          <cell r="C503" t="str">
            <v>（株）会議録センター北海道支社</v>
          </cell>
          <cell r="D503" t="str">
            <v>丸山 聡史</v>
          </cell>
          <cell r="E503" t="str">
            <v>支社長</v>
          </cell>
          <cell r="F503" t="str">
            <v>060-0808</v>
          </cell>
          <cell r="G503" t="str">
            <v>北区北８西６ 新和ビル</v>
          </cell>
          <cell r="H503" t="str">
            <v>717-7770</v>
          </cell>
          <cell r="I503" t="str">
            <v>717-5077</v>
          </cell>
        </row>
        <row r="504">
          <cell r="A504" t="str">
            <v>12620N</v>
          </cell>
          <cell r="B504" t="str">
            <v>ｶﾜﾅｶｽﾎﾟｰﾂ</v>
          </cell>
          <cell r="C504" t="str">
            <v>（株）川中スポーツ</v>
          </cell>
          <cell r="D504" t="str">
            <v>川中 輝二</v>
          </cell>
          <cell r="E504" t="str">
            <v>代表取締役社長</v>
          </cell>
          <cell r="F504" t="str">
            <v>060-0063</v>
          </cell>
          <cell r="G504" t="str">
            <v>中央区南３西３ー１０</v>
          </cell>
          <cell r="H504" t="str">
            <v>251-0875</v>
          </cell>
          <cell r="I504" t="str">
            <v>261-7053</v>
          </cell>
        </row>
        <row r="505">
          <cell r="A505" t="str">
            <v>12623T</v>
          </cell>
          <cell r="B505" t="str">
            <v>ｶﾜｲｶﾞｯｷｻｰﾋﾞｽｾﾝﾀｰ</v>
          </cell>
          <cell r="C505" t="str">
            <v>（株）河合楽器サービスセンター北海道支店</v>
          </cell>
          <cell r="D505" t="str">
            <v>合田 光範</v>
          </cell>
          <cell r="E505" t="str">
            <v>支店長</v>
          </cell>
          <cell r="F505" t="str">
            <v>060-0052</v>
          </cell>
          <cell r="G505" t="str">
            <v>中央区南２東２</v>
          </cell>
          <cell r="H505" t="str">
            <v>222-8833</v>
          </cell>
          <cell r="I505" t="str">
            <v>210-6285</v>
          </cell>
        </row>
        <row r="506">
          <cell r="A506" t="str">
            <v>12626X</v>
          </cell>
          <cell r="B506" t="str">
            <v>ｶﾝﾂｰﾙ</v>
          </cell>
          <cell r="C506" t="str">
            <v>（株）カンツール北海道営業所</v>
          </cell>
          <cell r="D506" t="str">
            <v>本郷 裕靖</v>
          </cell>
          <cell r="E506" t="str">
            <v>所長</v>
          </cell>
          <cell r="F506" t="str">
            <v>061-1123</v>
          </cell>
          <cell r="G506" t="str">
            <v>区北広島市朝日町６－１－７</v>
          </cell>
          <cell r="H506" t="str">
            <v>373-8881</v>
          </cell>
          <cell r="I506" t="str">
            <v>373-8886</v>
          </cell>
        </row>
        <row r="507">
          <cell r="A507" t="str">
            <v>12627V</v>
          </cell>
          <cell r="B507" t="str">
            <v>ﾌﾟﾛﾃﾞｯｸｽ</v>
          </cell>
          <cell r="C507" t="str">
            <v>（株）プロデックス</v>
          </cell>
          <cell r="D507" t="str">
            <v>木原 哲</v>
          </cell>
          <cell r="E507" t="str">
            <v>代表取締役</v>
          </cell>
          <cell r="F507" t="str">
            <v>065-0023</v>
          </cell>
          <cell r="G507" t="str">
            <v>東区北２３東２１－２－３０</v>
          </cell>
          <cell r="H507" t="str">
            <v>784-0123</v>
          </cell>
          <cell r="I507" t="str">
            <v>784-9950</v>
          </cell>
        </row>
        <row r="508">
          <cell r="A508" t="str">
            <v>12629P</v>
          </cell>
          <cell r="B508" t="str">
            <v>ｶﾂﾏﾀ</v>
          </cell>
          <cell r="C508" t="str">
            <v>（株）カツマタ</v>
          </cell>
          <cell r="D508" t="str">
            <v>勝又 秀治</v>
          </cell>
          <cell r="E508" t="str">
            <v>代表取締役</v>
          </cell>
          <cell r="F508" t="str">
            <v>061-3241</v>
          </cell>
          <cell r="G508" t="str">
            <v>石狩市新港西３－７６８－３</v>
          </cell>
          <cell r="H508" t="str">
            <v>0133-73-0004</v>
          </cell>
          <cell r="I508" t="str">
            <v>0133-73-0020</v>
          </cell>
        </row>
        <row r="509">
          <cell r="A509" t="str">
            <v>12636W</v>
          </cell>
          <cell r="B509" t="str">
            <v>ｶｰﾍﾟｲﾝﾄｻｯﾎﾟﾛ</v>
          </cell>
          <cell r="C509" t="str">
            <v>（株）カーペイント札幌</v>
          </cell>
          <cell r="D509" t="str">
            <v>田中 富男</v>
          </cell>
          <cell r="E509" t="str">
            <v>代表取締役</v>
          </cell>
          <cell r="F509" t="str">
            <v>003-0855</v>
          </cell>
          <cell r="G509" t="str">
            <v>白石区川北５－１－２－２</v>
          </cell>
          <cell r="H509" t="str">
            <v>871-6353</v>
          </cell>
          <cell r="I509" t="str">
            <v>879-2066</v>
          </cell>
        </row>
        <row r="510">
          <cell r="A510" t="str">
            <v>12637T</v>
          </cell>
          <cell r="B510" t="str">
            <v>ｶﾜﾑﾗｶﾞｯｷﾃﾝ</v>
          </cell>
          <cell r="C510" t="str">
            <v>（有）川村楽器店</v>
          </cell>
          <cell r="D510" t="str">
            <v>川村 紀幸</v>
          </cell>
          <cell r="E510" t="str">
            <v>代表取締役</v>
          </cell>
          <cell r="F510" t="str">
            <v>060-0063</v>
          </cell>
          <cell r="G510" t="str">
            <v>中央区南３西２－７ＨＢＣ三条ビル</v>
          </cell>
          <cell r="H510" t="str">
            <v>221-4970</v>
          </cell>
          <cell r="I510" t="str">
            <v>221-2442</v>
          </cell>
        </row>
        <row r="511">
          <cell r="A511" t="str">
            <v>12638R</v>
          </cell>
          <cell r="B511" t="str">
            <v>ｶﾈｲﾁﾅｶﾔﾏｼｮｳﾃﾝ</v>
          </cell>
          <cell r="C511" t="str">
            <v>（株）カネ一中山商店</v>
          </cell>
          <cell r="D511" t="str">
            <v>中山 圭司</v>
          </cell>
          <cell r="E511" t="str">
            <v>代表取締役</v>
          </cell>
          <cell r="F511" t="str">
            <v>060-0051</v>
          </cell>
          <cell r="G511" t="str">
            <v>中央区南１東５－１</v>
          </cell>
          <cell r="H511" t="str">
            <v>231-7836</v>
          </cell>
          <cell r="I511" t="str">
            <v>231-7855</v>
          </cell>
        </row>
        <row r="512">
          <cell r="A512" t="str">
            <v>12640Y</v>
          </cell>
          <cell r="B512" t="str">
            <v>ｶｶﾞﾔｼｮｳﾃﾝ</v>
          </cell>
          <cell r="C512" t="str">
            <v>（株）加賀谷商店</v>
          </cell>
          <cell r="D512" t="str">
            <v>加賀谷 熙</v>
          </cell>
          <cell r="E512" t="str">
            <v>代表取締役</v>
          </cell>
          <cell r="F512" t="str">
            <v>060-0909</v>
          </cell>
          <cell r="G512" t="str">
            <v>東区北９東７－２－１７</v>
          </cell>
          <cell r="H512" t="str">
            <v>711-7551</v>
          </cell>
          <cell r="I512" t="str">
            <v>711-7551</v>
          </cell>
        </row>
        <row r="513">
          <cell r="A513" t="str">
            <v>12641W</v>
          </cell>
          <cell r="B513" t="str">
            <v>ｶﾈﾊﾁﾖﾈｸﾗｹﾝｻﾞｲﾃﾝ</v>
          </cell>
          <cell r="C513" t="str">
            <v>（株）曲八よねくら建材店</v>
          </cell>
          <cell r="D513" t="str">
            <v>阿部 賢一</v>
          </cell>
          <cell r="E513" t="str">
            <v>代表取締役</v>
          </cell>
          <cell r="F513" t="str">
            <v>007-0835</v>
          </cell>
          <cell r="G513" t="str">
            <v>東区北３５東２６－３－２０</v>
          </cell>
          <cell r="H513" t="str">
            <v>783-5881</v>
          </cell>
          <cell r="I513" t="str">
            <v>783-9198</v>
          </cell>
        </row>
        <row r="514">
          <cell r="A514" t="str">
            <v>12645X</v>
          </cell>
          <cell r="B514" t="str">
            <v>ｶﾐｼｮｳｺﾞﾀﾞｲ</v>
          </cell>
          <cell r="C514" t="str">
            <v>（株）紙商五代</v>
          </cell>
          <cell r="D514" t="str">
            <v>菅原 和男</v>
          </cell>
          <cell r="E514" t="str">
            <v>代表取締役</v>
          </cell>
          <cell r="F514" t="str">
            <v>061-3244</v>
          </cell>
          <cell r="G514" t="str">
            <v>石狩市新港南１－２２－１１</v>
          </cell>
          <cell r="H514" t="str">
            <v>0133-64-5050</v>
          </cell>
          <cell r="I514" t="str">
            <v>0133-64-0055</v>
          </cell>
        </row>
        <row r="515">
          <cell r="A515" t="str">
            <v>12650X</v>
          </cell>
          <cell r="B515" t="str">
            <v>ｶﾀｷﾞﾘｷｶｲ</v>
          </cell>
          <cell r="C515" t="str">
            <v>片桐機械（株）札幌支店</v>
          </cell>
          <cell r="D515" t="str">
            <v>藤代 剛士</v>
          </cell>
          <cell r="E515" t="str">
            <v>支店長</v>
          </cell>
          <cell r="F515" t="str">
            <v>003-0027</v>
          </cell>
          <cell r="G515" t="str">
            <v>白石区本通１５北１－３０</v>
          </cell>
          <cell r="H515" t="str">
            <v>863-3311</v>
          </cell>
          <cell r="I515" t="str">
            <v>863-2197</v>
          </cell>
        </row>
        <row r="516">
          <cell r="A516" t="str">
            <v>12652S</v>
          </cell>
          <cell r="B516" t="str">
            <v>ｶﾜｲｺｳｹﾞｲｼｬ</v>
          </cell>
          <cell r="C516" t="str">
            <v>（有）かわゐ工芸社</v>
          </cell>
          <cell r="D516" t="str">
            <v>川井 文夫</v>
          </cell>
          <cell r="E516" t="str">
            <v>代表取締役</v>
          </cell>
          <cell r="F516" t="str">
            <v>062-0903</v>
          </cell>
          <cell r="G516" t="str">
            <v>豊平区豊平３－３－２－３４</v>
          </cell>
          <cell r="H516" t="str">
            <v>811-3804</v>
          </cell>
          <cell r="I516" t="str">
            <v>831-8235</v>
          </cell>
        </row>
        <row r="517">
          <cell r="A517" t="str">
            <v>12653P</v>
          </cell>
          <cell r="B517" t="str">
            <v>ｶｽﾞｻｯﾎﾟﾛ</v>
          </cell>
          <cell r="C517" t="str">
            <v>（株）カズサッポロ</v>
          </cell>
          <cell r="D517" t="str">
            <v>小川 博司</v>
          </cell>
          <cell r="E517" t="str">
            <v>代表取締役</v>
          </cell>
          <cell r="F517" t="str">
            <v>062-0051</v>
          </cell>
          <cell r="G517" t="str">
            <v>豊平区月寒東１－１－７－１９</v>
          </cell>
          <cell r="H517" t="str">
            <v>853-5152</v>
          </cell>
          <cell r="I517" t="str">
            <v>853-5454</v>
          </cell>
        </row>
        <row r="518">
          <cell r="A518" t="str">
            <v>12654Z</v>
          </cell>
          <cell r="B518" t="str">
            <v>ｶﾝｷｮｳｶｲﾊﾂｺｳｷﾞｮｳ</v>
          </cell>
          <cell r="C518" t="str">
            <v>環境開発工業（株）</v>
          </cell>
          <cell r="D518" t="str">
            <v>中村 洋</v>
          </cell>
          <cell r="E518" t="str">
            <v>代表取締役</v>
          </cell>
          <cell r="F518" t="str">
            <v>061-1111</v>
          </cell>
          <cell r="G518" t="str">
            <v>北広島市北の里４１－９</v>
          </cell>
          <cell r="H518" t="str">
            <v>373-2728</v>
          </cell>
          <cell r="I518" t="str">
            <v>372-0279</v>
          </cell>
        </row>
        <row r="519">
          <cell r="A519" t="str">
            <v>12655W</v>
          </cell>
          <cell r="B519" t="str">
            <v>ｶﾝｷｮｳﾃｸﾆｶﾙｻｰﾋﾞｽ</v>
          </cell>
          <cell r="C519" t="str">
            <v>（株）環境テクニカルサービス</v>
          </cell>
          <cell r="D519" t="str">
            <v>宮崎 博史</v>
          </cell>
          <cell r="E519" t="str">
            <v>代表取締役</v>
          </cell>
          <cell r="F519" t="str">
            <v>063-0829</v>
          </cell>
          <cell r="G519" t="str">
            <v>西区発寒９－９－１－３８</v>
          </cell>
          <cell r="H519" t="str">
            <v>667-1330</v>
          </cell>
          <cell r="I519" t="str">
            <v>667-1340</v>
          </cell>
        </row>
        <row r="520">
          <cell r="A520" t="str">
            <v>12657R</v>
          </cell>
          <cell r="B520" t="str">
            <v>ｶﾜｻｷﾄｸｼｭｲﾝｻﾂ</v>
          </cell>
          <cell r="C520" t="str">
            <v>（株）カワサキ特殊印刷</v>
          </cell>
          <cell r="D520" t="str">
            <v>木戸 武明</v>
          </cell>
          <cell r="E520" t="str">
            <v>代表取締役</v>
          </cell>
          <cell r="F520" t="str">
            <v>003-0029</v>
          </cell>
          <cell r="G520" t="str">
            <v>白石区平和通１５北８－１</v>
          </cell>
          <cell r="H520" t="str">
            <v>846-6040</v>
          </cell>
          <cell r="I520" t="str">
            <v>846-6041</v>
          </cell>
        </row>
        <row r="521">
          <cell r="A521" t="str">
            <v>12665V</v>
          </cell>
          <cell r="B521" t="str">
            <v>ｶﾞｰﾄﾞﾆｼﾞｭｳﾖﾝ</v>
          </cell>
          <cell r="C521" t="str">
            <v>（株）ガード二四</v>
          </cell>
          <cell r="D521" t="str">
            <v>多田 康郎</v>
          </cell>
          <cell r="E521" t="str">
            <v>代表取締役</v>
          </cell>
          <cell r="F521" t="str">
            <v>065-0023</v>
          </cell>
          <cell r="G521" t="str">
            <v>東区北２３東５－４－５</v>
          </cell>
          <cell r="H521" t="str">
            <v>721-0024</v>
          </cell>
          <cell r="I521" t="str">
            <v>721-7024</v>
          </cell>
        </row>
        <row r="522">
          <cell r="A522" t="str">
            <v>12671S</v>
          </cell>
          <cell r="B522" t="str">
            <v>ｶｲｶﾞｲｱﾋﾞｵﾃｯｸ</v>
          </cell>
          <cell r="C522" t="str">
            <v>海外アビオテック（株）</v>
          </cell>
          <cell r="D522" t="str">
            <v>山崎 昌義</v>
          </cell>
          <cell r="E522" t="str">
            <v>代表取締役</v>
          </cell>
          <cell r="F522" t="str">
            <v>106-0032</v>
          </cell>
          <cell r="G522" t="str">
            <v>東京都港区六本木２－２－５</v>
          </cell>
          <cell r="H522" t="str">
            <v>03-3522-2555</v>
          </cell>
          <cell r="I522" t="str">
            <v>03-3522-2550</v>
          </cell>
        </row>
        <row r="523">
          <cell r="A523" t="str">
            <v>12672P</v>
          </cell>
          <cell r="B523" t="str">
            <v>ｶﾝｷｮｳｶｲﾊﾂｺｳｷﾞｮｳ</v>
          </cell>
          <cell r="C523" t="str">
            <v>環境開発工業（株）</v>
          </cell>
          <cell r="D523" t="str">
            <v>大野 俊三</v>
          </cell>
          <cell r="E523" t="str">
            <v>代表取締役</v>
          </cell>
          <cell r="F523" t="str">
            <v>007-0823</v>
          </cell>
          <cell r="G523" t="str">
            <v>東区東雁来３－１－２－１０</v>
          </cell>
          <cell r="H523" t="str">
            <v>781-1722</v>
          </cell>
          <cell r="I523" t="str">
            <v>786-6015</v>
          </cell>
        </row>
        <row r="524">
          <cell r="A524" t="str">
            <v>12674X</v>
          </cell>
          <cell r="B524" t="str">
            <v>ｶﾈﾀｶ</v>
          </cell>
          <cell r="C524" t="str">
            <v>（株）カネタカ</v>
          </cell>
          <cell r="D524" t="str">
            <v>小澤 鴻二</v>
          </cell>
          <cell r="E524" t="str">
            <v>代表取締役</v>
          </cell>
          <cell r="F524" t="str">
            <v>007-0834</v>
          </cell>
          <cell r="G524" t="str">
            <v>東区北３４東２８－１０－２６</v>
          </cell>
          <cell r="H524" t="str">
            <v>789-2310</v>
          </cell>
          <cell r="I524" t="str">
            <v>789-2320</v>
          </cell>
        </row>
        <row r="525">
          <cell r="A525" t="str">
            <v>12675T</v>
          </cell>
          <cell r="B525" t="str">
            <v>ｶﾜｼﾞｭｳｼｮｳｼﾞ</v>
          </cell>
          <cell r="C525" t="str">
            <v>川重商事（株）札幌営業所</v>
          </cell>
          <cell r="D525" t="str">
            <v>岩田 茂</v>
          </cell>
          <cell r="E525" t="str">
            <v>所長</v>
          </cell>
          <cell r="F525" t="str">
            <v>060-0003</v>
          </cell>
          <cell r="G525" t="str">
            <v>中央区北３西１－１－１ サンメモリアビル２階</v>
          </cell>
          <cell r="H525" t="str">
            <v>241-6861</v>
          </cell>
          <cell r="I525" t="str">
            <v>242-0881</v>
          </cell>
        </row>
        <row r="526">
          <cell r="A526" t="str">
            <v>12676R</v>
          </cell>
          <cell r="B526" t="str">
            <v>ｶｼﾜｷﾞ</v>
          </cell>
          <cell r="C526" t="str">
            <v>柏木（株）札幌支店</v>
          </cell>
          <cell r="D526" t="str">
            <v>荻巣 捷二</v>
          </cell>
          <cell r="E526" t="str">
            <v>取締役支店長</v>
          </cell>
          <cell r="F526" t="str">
            <v>064-0917</v>
          </cell>
          <cell r="G526" t="str">
            <v>中央区南１７西７－３－１５</v>
          </cell>
          <cell r="H526" t="str">
            <v>521-5411</v>
          </cell>
          <cell r="I526" t="str">
            <v>521-1972</v>
          </cell>
        </row>
        <row r="527">
          <cell r="A527" t="str">
            <v>12677N</v>
          </cell>
          <cell r="B527" t="str">
            <v>ｶﾜｼﾏｵﾘﾓﾉﾊﾝﾊﾞｲ</v>
          </cell>
          <cell r="C527" t="str">
            <v>（株）川島織物販売札幌営業所</v>
          </cell>
          <cell r="D527" t="str">
            <v>柳沢 孝雄</v>
          </cell>
          <cell r="E527" t="str">
            <v>所長</v>
          </cell>
          <cell r="F527" t="str">
            <v>060-0041</v>
          </cell>
          <cell r="G527" t="str">
            <v>中央区大通東２－３ 松村ビル２号館３階</v>
          </cell>
          <cell r="H527" t="str">
            <v>261-2131</v>
          </cell>
          <cell r="I527" t="str">
            <v>261-2839</v>
          </cell>
        </row>
        <row r="528">
          <cell r="A528" t="str">
            <v>12681R</v>
          </cell>
          <cell r="B528" t="str">
            <v>ｶﾜｶﾞﾗｽ</v>
          </cell>
          <cell r="C528" t="str">
            <v>（株）かわがらす</v>
          </cell>
          <cell r="D528" t="str">
            <v>折野 伸明</v>
          </cell>
          <cell r="E528" t="str">
            <v>代表取締役</v>
          </cell>
          <cell r="F528" t="str">
            <v>060-0061</v>
          </cell>
          <cell r="G528" t="str">
            <v>中央区南１西１１－３２７－１２</v>
          </cell>
          <cell r="H528" t="str">
            <v>281-8333</v>
          </cell>
          <cell r="I528" t="str">
            <v>281-8334</v>
          </cell>
        </row>
        <row r="529">
          <cell r="A529" t="str">
            <v>12682N</v>
          </cell>
          <cell r="B529" t="str">
            <v>ｶｲﾏ</v>
          </cell>
          <cell r="C529" t="str">
            <v>（株）カイマ</v>
          </cell>
          <cell r="D529" t="str">
            <v>豊川 偉之</v>
          </cell>
          <cell r="E529" t="str">
            <v>代表取締役</v>
          </cell>
          <cell r="F529" t="str">
            <v>006-0851</v>
          </cell>
          <cell r="G529" t="str">
            <v>手稲区星置１－７－１９－２５</v>
          </cell>
          <cell r="H529" t="str">
            <v>683-1151</v>
          </cell>
          <cell r="I529" t="str">
            <v>683-1237</v>
          </cell>
        </row>
        <row r="530">
          <cell r="A530" t="str">
            <v>12684W</v>
          </cell>
          <cell r="B530" t="str">
            <v>ｶﾜﾊﾞﾀ</v>
          </cell>
          <cell r="C530" t="str">
            <v>（株）カワバタ札幌営業所</v>
          </cell>
          <cell r="D530" t="str">
            <v>土田 良人</v>
          </cell>
          <cell r="E530" t="str">
            <v>所長</v>
          </cell>
          <cell r="F530" t="str">
            <v>003-0875</v>
          </cell>
          <cell r="G530" t="str">
            <v>白石区米里２－４－８－３５</v>
          </cell>
          <cell r="H530" t="str">
            <v>871-8730</v>
          </cell>
          <cell r="I530" t="str">
            <v>871-8731</v>
          </cell>
        </row>
        <row r="531">
          <cell r="A531" t="str">
            <v>12685S</v>
          </cell>
          <cell r="B531" t="str">
            <v>ｶｸﾔﾏｶｲﾊﾂ</v>
          </cell>
          <cell r="C531" t="str">
            <v>角山開発（株）</v>
          </cell>
          <cell r="D531" t="str">
            <v>寺嶋 忠雄</v>
          </cell>
          <cell r="E531" t="str">
            <v>代表取締役</v>
          </cell>
          <cell r="F531" t="str">
            <v>067-0052</v>
          </cell>
          <cell r="G531" t="str">
            <v>江別市角山４２５－５</v>
          </cell>
          <cell r="H531" t="str">
            <v>385-2669</v>
          </cell>
          <cell r="I531" t="str">
            <v>382-6122</v>
          </cell>
        </row>
        <row r="532">
          <cell r="A532" t="str">
            <v>12686P</v>
          </cell>
          <cell r="B532" t="str">
            <v>ｶﾄｳﾋﾟｱﾉﾁｮｳﾘﾂｼﾞｮ</v>
          </cell>
          <cell r="C532" t="str">
            <v>加藤ピアノ調律所</v>
          </cell>
          <cell r="D532" t="str">
            <v>加藤 光秀</v>
          </cell>
          <cell r="E532" t="str">
            <v>代表</v>
          </cell>
          <cell r="F532" t="str">
            <v>001-0906</v>
          </cell>
          <cell r="G532" t="str">
            <v>北区新琴似６－７－５－１６</v>
          </cell>
          <cell r="H532" t="str">
            <v>761-7773</v>
          </cell>
          <cell r="I532" t="str">
            <v>761-7773</v>
          </cell>
        </row>
        <row r="533">
          <cell r="A533" t="str">
            <v>12687Z</v>
          </cell>
          <cell r="B533" t="str">
            <v>ｶﾜﾓﾄｾｲｻｸｼｮ</v>
          </cell>
          <cell r="C533" t="str">
            <v>（株）川本製作所北海道支店</v>
          </cell>
          <cell r="D533" t="str">
            <v>鎌田 涼一</v>
          </cell>
          <cell r="E533" t="str">
            <v>支店長</v>
          </cell>
          <cell r="F533" t="str">
            <v>062-0933</v>
          </cell>
          <cell r="G533" t="str">
            <v>豊平区平岸３－７－５－１０</v>
          </cell>
          <cell r="H533" t="str">
            <v>831-0131</v>
          </cell>
          <cell r="I533" t="str">
            <v>820-2216</v>
          </cell>
        </row>
        <row r="534">
          <cell r="A534" t="str">
            <v>12688X</v>
          </cell>
          <cell r="B534" t="str">
            <v>ｶﾝｷｮｳｴｲｾｲｺｳｷﾞｮｳ</v>
          </cell>
          <cell r="C534" t="str">
            <v>環境衛生工業（株）札幌支店</v>
          </cell>
          <cell r="D534" t="str">
            <v>宮澤 和平</v>
          </cell>
          <cell r="E534" t="str">
            <v>札幌支店長</v>
          </cell>
          <cell r="F534" t="str">
            <v>060-0001</v>
          </cell>
          <cell r="G534" t="str">
            <v>中央区北１西１０－１－４ ３１・ｻﾝﾏｳﾝﾃﾝﾆｻｶﾋﾞﾙ9F</v>
          </cell>
          <cell r="H534" t="str">
            <v>222-8476</v>
          </cell>
          <cell r="I534" t="str">
            <v>222-8465</v>
          </cell>
        </row>
        <row r="535">
          <cell r="A535" t="str">
            <v>12689V</v>
          </cell>
          <cell r="B535" t="str">
            <v>ｶﾝｷｮｳｺﾝｻﾙﾀﾝﾄ</v>
          </cell>
          <cell r="C535" t="str">
            <v>環境コンサルタント（株）</v>
          </cell>
          <cell r="D535" t="str">
            <v>濱口 憲二</v>
          </cell>
          <cell r="E535" t="str">
            <v>代表取締役</v>
          </cell>
          <cell r="F535" t="str">
            <v>088-0606</v>
          </cell>
          <cell r="G535" t="str">
            <v>釧路郡釧路町中央６－１５－２</v>
          </cell>
          <cell r="H535" t="str">
            <v>0154-40-2331</v>
          </cell>
          <cell r="I535" t="str">
            <v>0154-40-3754</v>
          </cell>
        </row>
        <row r="536">
          <cell r="A536" t="str">
            <v>12691P</v>
          </cell>
          <cell r="B536" t="str">
            <v>ｶﾞｲｱﾃﾞｻﾞｲﾝ</v>
          </cell>
          <cell r="C536" t="str">
            <v>（有）ガイアデザイン</v>
          </cell>
          <cell r="D536" t="str">
            <v>勝田 珠美</v>
          </cell>
          <cell r="E536" t="str">
            <v>代表取締役</v>
          </cell>
          <cell r="F536" t="str">
            <v>060-0061</v>
          </cell>
          <cell r="G536" t="str">
            <v>中央区南１西１１－３２７－１２</v>
          </cell>
          <cell r="H536" t="str">
            <v>204-8611</v>
          </cell>
          <cell r="I536" t="str">
            <v>204-8622</v>
          </cell>
        </row>
        <row r="537">
          <cell r="A537" t="str">
            <v>12692Z</v>
          </cell>
          <cell r="B537" t="str">
            <v>ｹﾆｽ</v>
          </cell>
          <cell r="C537" t="str">
            <v>ケニス（株）札幌営業所</v>
          </cell>
          <cell r="D537" t="str">
            <v>笠木 俊一</v>
          </cell>
          <cell r="E537" t="str">
            <v>取締役</v>
          </cell>
          <cell r="F537" t="str">
            <v>001-0032</v>
          </cell>
          <cell r="G537" t="str">
            <v>北区北３２西４－３－３２</v>
          </cell>
          <cell r="H537" t="str">
            <v>746-1061</v>
          </cell>
          <cell r="I537" t="str">
            <v>746-1062</v>
          </cell>
        </row>
        <row r="538">
          <cell r="A538" t="str">
            <v>12694V</v>
          </cell>
          <cell r="B538" t="str">
            <v>ｹｲﾃｨｹｲ</v>
          </cell>
          <cell r="C538" t="str">
            <v>ケイティケイ（株）札幌営業所</v>
          </cell>
          <cell r="D538" t="str">
            <v>加藤 順朗</v>
          </cell>
          <cell r="E538" t="str">
            <v>所長代行</v>
          </cell>
          <cell r="F538" t="str">
            <v>001-0013</v>
          </cell>
          <cell r="G538" t="str">
            <v>北区北１３西３－１３－１</v>
          </cell>
          <cell r="H538" t="str">
            <v>700-6871</v>
          </cell>
          <cell r="I538" t="str">
            <v>700-6872</v>
          </cell>
        </row>
        <row r="539">
          <cell r="A539" t="str">
            <v>12696N</v>
          </cell>
          <cell r="B539" t="str">
            <v>ｶﾅｽﾁｰﾙ</v>
          </cell>
          <cell r="C539" t="str">
            <v>（株）カナスチール</v>
          </cell>
          <cell r="D539" t="str">
            <v>金本 三郎</v>
          </cell>
          <cell r="E539" t="str">
            <v>代表取締役</v>
          </cell>
          <cell r="F539" t="str">
            <v>051-0032</v>
          </cell>
          <cell r="G539" t="str">
            <v>室蘭市港南町１－６－１１</v>
          </cell>
          <cell r="H539" t="str">
            <v>0143-23-6666</v>
          </cell>
          <cell r="I539" t="str">
            <v>0143-23-6660</v>
          </cell>
        </row>
        <row r="540">
          <cell r="A540" t="str">
            <v>12697Y</v>
          </cell>
          <cell r="B540" t="str">
            <v>ｶｸﾀﾓｸｾｲﾋﾝｺｳｷﾞｮｳ</v>
          </cell>
          <cell r="C540" t="str">
            <v>角田木製品工業（株）</v>
          </cell>
          <cell r="D540" t="str">
            <v>角田 忠男</v>
          </cell>
          <cell r="E540" t="str">
            <v>代表取締役</v>
          </cell>
          <cell r="F540" t="str">
            <v>007-0852</v>
          </cell>
          <cell r="G540" t="str">
            <v>東区栄町９１１－８</v>
          </cell>
          <cell r="H540" t="str">
            <v>783-2289</v>
          </cell>
          <cell r="I540" t="str">
            <v>783-8631</v>
          </cell>
        </row>
        <row r="541">
          <cell r="A541" t="str">
            <v>12698W</v>
          </cell>
          <cell r="B541" t="str">
            <v>ｶﾝｷｮｳﾎｾﾞﾝｻｲｴﾝｽ</v>
          </cell>
          <cell r="C541" t="str">
            <v>（株）環境保全サイエンス</v>
          </cell>
          <cell r="D541" t="str">
            <v>近藤 成一</v>
          </cell>
          <cell r="E541" t="str">
            <v>代表取締役会長</v>
          </cell>
          <cell r="F541" t="str">
            <v>060-0807</v>
          </cell>
          <cell r="G541" t="str">
            <v>北区北７西１－１－５</v>
          </cell>
          <cell r="H541" t="str">
            <v>707-6234</v>
          </cell>
          <cell r="I541" t="str">
            <v>707-6231</v>
          </cell>
        </row>
        <row r="542">
          <cell r="A542" t="str">
            <v>12699T</v>
          </cell>
          <cell r="B542" t="str">
            <v>ｶﾜﾓﾄｼｮｳﾃﾝ</v>
          </cell>
          <cell r="C542" t="str">
            <v>（株）川本商店</v>
          </cell>
          <cell r="D542" t="str">
            <v>川本 清</v>
          </cell>
          <cell r="E542" t="str">
            <v>代表取締役</v>
          </cell>
          <cell r="F542" t="str">
            <v>002-8025</v>
          </cell>
          <cell r="G542" t="str">
            <v>北区篠路５－７－２－３５</v>
          </cell>
          <cell r="H542" t="str">
            <v>771-2228</v>
          </cell>
          <cell r="I542" t="str">
            <v>773-3214</v>
          </cell>
        </row>
        <row r="543">
          <cell r="A543" t="str">
            <v>12700N</v>
          </cell>
          <cell r="B543" t="str">
            <v>ｶｼｵｼﾞｮｳﾎｳｷｷ</v>
          </cell>
          <cell r="C543" t="str">
            <v>カシオ情報機器（株）北海道支社</v>
          </cell>
          <cell r="D543" t="str">
            <v>重村 三男</v>
          </cell>
          <cell r="E543" t="str">
            <v>支社長</v>
          </cell>
          <cell r="F543" t="str">
            <v>060-0063</v>
          </cell>
          <cell r="G543" t="str">
            <v>中央区南３西１０－１００１－５</v>
          </cell>
          <cell r="H543" t="str">
            <v>221-7622</v>
          </cell>
          <cell r="I543" t="str">
            <v>221-7612</v>
          </cell>
        </row>
        <row r="544">
          <cell r="A544" t="str">
            <v>12701Y</v>
          </cell>
          <cell r="B544" t="str">
            <v>ｶﾝｿｳｹﾝ</v>
          </cell>
          <cell r="C544" t="str">
            <v>（株）管総研</v>
          </cell>
          <cell r="D544" t="str">
            <v>榊原 靖</v>
          </cell>
          <cell r="E544" t="str">
            <v>代表取締役社長</v>
          </cell>
          <cell r="F544" t="str">
            <v>103-0023</v>
          </cell>
          <cell r="G544" t="str">
            <v>東京都中央区日本橋本町３－９－４</v>
          </cell>
          <cell r="H544" t="str">
            <v>03-5652-1990</v>
          </cell>
          <cell r="I544" t="str">
            <v>03-5652-1994</v>
          </cell>
        </row>
        <row r="545">
          <cell r="A545" t="str">
            <v>12702W</v>
          </cell>
          <cell r="B545" t="str">
            <v>ｶﾝｷｮｳｶﾝﾘｺﾝｻﾙﾀﾝﾄ</v>
          </cell>
          <cell r="C545" t="str">
            <v>環境管理コンサルタント（株）</v>
          </cell>
          <cell r="D545" t="str">
            <v>竹内 一重</v>
          </cell>
          <cell r="E545" t="str">
            <v>代表取締役</v>
          </cell>
          <cell r="F545" t="str">
            <v>060-0054</v>
          </cell>
          <cell r="G545" t="str">
            <v>中央区南４東５－３－１２</v>
          </cell>
          <cell r="H545" t="str">
            <v>209-1177</v>
          </cell>
          <cell r="I545" t="str">
            <v>221-0100</v>
          </cell>
        </row>
        <row r="546">
          <cell r="A546" t="str">
            <v>12703T</v>
          </cell>
          <cell r="B546" t="str">
            <v>ｶﾈｼｮｳﾌﾙﾔｼｮｳｺｳ</v>
          </cell>
          <cell r="C546" t="str">
            <v>（株）カネショウ古谷商行</v>
          </cell>
          <cell r="D546" t="str">
            <v>古谷 隆</v>
          </cell>
          <cell r="E546" t="str">
            <v>代表取締役</v>
          </cell>
          <cell r="F546" t="str">
            <v>065-0031</v>
          </cell>
          <cell r="G546" t="str">
            <v>東区北３１東１０－３－２</v>
          </cell>
          <cell r="H546" t="str">
            <v>722-2828</v>
          </cell>
          <cell r="I546" t="str">
            <v>712-3559</v>
          </cell>
        </row>
        <row r="547">
          <cell r="A547" t="str">
            <v>12704R</v>
          </cell>
          <cell r="B547" t="str">
            <v>ｶﾜｻｷﾏｼﾝｼｽﾃﾑｽﾞ</v>
          </cell>
          <cell r="C547" t="str">
            <v>（株）カワサキマシンシステムズガスタービンサービス東部事業所</v>
          </cell>
          <cell r="D547" t="str">
            <v>八郷 水穂</v>
          </cell>
          <cell r="E547" t="str">
            <v>事業所長</v>
          </cell>
          <cell r="F547" t="str">
            <v>110-0015</v>
          </cell>
          <cell r="G547" t="str">
            <v>区東京都台東区東上野５ー１－５日新上野ﾋﾞﾙ</v>
          </cell>
          <cell r="H547" t="str">
            <v>03-5246-6501</v>
          </cell>
          <cell r="I547" t="str">
            <v>03-5246-6510</v>
          </cell>
        </row>
        <row r="548">
          <cell r="A548" t="str">
            <v>12706X</v>
          </cell>
          <cell r="B548" t="str">
            <v>ｶﾅﾓﾄ</v>
          </cell>
          <cell r="C548" t="str">
            <v>（株）カナモト鉄鋼事業部札幌事業所</v>
          </cell>
          <cell r="D548" t="str">
            <v>大津 進</v>
          </cell>
          <cell r="E548" t="str">
            <v>所長</v>
          </cell>
          <cell r="F548" t="str">
            <v>063-0835</v>
          </cell>
          <cell r="G548" t="str">
            <v>西区発寒１５－３－３－２５</v>
          </cell>
          <cell r="H548" t="str">
            <v>671-6831</v>
          </cell>
          <cell r="I548" t="str">
            <v>671-6832</v>
          </cell>
        </row>
        <row r="549">
          <cell r="A549" t="str">
            <v>12708S</v>
          </cell>
          <cell r="B549" t="str">
            <v>ｶﾈｲ</v>
          </cell>
          <cell r="C549" t="str">
            <v>（株）カネイ</v>
          </cell>
          <cell r="D549" t="str">
            <v>我妻 輝幸</v>
          </cell>
          <cell r="E549" t="str">
            <v>代表取締役</v>
          </cell>
          <cell r="F549" t="str">
            <v>060-0042</v>
          </cell>
          <cell r="G549" t="str">
            <v>中央区大通西１０－４</v>
          </cell>
          <cell r="H549" t="str">
            <v>208-4646</v>
          </cell>
          <cell r="I549" t="str">
            <v>208-2866</v>
          </cell>
        </row>
        <row r="550">
          <cell r="A550" t="str">
            <v>12709P</v>
          </cell>
          <cell r="B550" t="str">
            <v>ｶﾝｷｮｳﾃｸﾉｽ</v>
          </cell>
          <cell r="C550" t="str">
            <v>（株）環境テクノス札幌支店</v>
          </cell>
          <cell r="D550" t="str">
            <v>佐藤 晃</v>
          </cell>
          <cell r="E550" t="str">
            <v>取締役札幌支店長</v>
          </cell>
          <cell r="F550" t="str">
            <v>002-8081</v>
          </cell>
          <cell r="G550" t="str">
            <v>北区百合が原４－２－３</v>
          </cell>
          <cell r="H550" t="str">
            <v>733-2771</v>
          </cell>
          <cell r="I550" t="str">
            <v>733-2773</v>
          </cell>
        </row>
        <row r="551">
          <cell r="A551" t="str">
            <v>12710Z</v>
          </cell>
          <cell r="B551" t="str">
            <v>ｶﾓｶﾞﾜﾃﾞﾝｿｳｺｳｷﾞｮｳ</v>
          </cell>
          <cell r="C551" t="str">
            <v>加茂川電装工業（株）</v>
          </cell>
          <cell r="D551" t="str">
            <v>宇津味 輝仁</v>
          </cell>
          <cell r="E551" t="str">
            <v>代表取締役社長</v>
          </cell>
          <cell r="F551" t="str">
            <v>003-0832</v>
          </cell>
          <cell r="G551" t="str">
            <v>白石区北郷２－１－４－１３</v>
          </cell>
          <cell r="H551" t="str">
            <v>871-2111</v>
          </cell>
          <cell r="I551" t="str">
            <v>873-2157</v>
          </cell>
        </row>
        <row r="552">
          <cell r="A552" t="str">
            <v>12711X</v>
          </cell>
          <cell r="B552" t="str">
            <v>ｶﾝｶﾞﾙｰｸﾞﾙｰﾌﾟ</v>
          </cell>
          <cell r="C552" t="str">
            <v>（有）カンガルーグループ</v>
          </cell>
          <cell r="D552" t="str">
            <v>原田 哲男</v>
          </cell>
          <cell r="E552" t="str">
            <v>代表取締役</v>
          </cell>
          <cell r="F552" t="str">
            <v>063-0031</v>
          </cell>
          <cell r="G552" t="str">
            <v>西区西野１－５－４－２０－５０６</v>
          </cell>
          <cell r="H552" t="str">
            <v>667-6841</v>
          </cell>
          <cell r="I552" t="str">
            <v>667-6843</v>
          </cell>
        </row>
        <row r="553">
          <cell r="A553" t="str">
            <v>12712V</v>
          </cell>
          <cell r="B553" t="str">
            <v>ｿｳｺﾞｳﾎﾞｳｻｲｿﾘｭｰｼｮﾝ</v>
          </cell>
          <cell r="C553" t="str">
            <v>（株）総合防災ソリューション</v>
          </cell>
          <cell r="D553" t="str">
            <v>松原 健一</v>
          </cell>
          <cell r="E553" t="str">
            <v>代表取締役</v>
          </cell>
          <cell r="F553" t="str">
            <v>102-0082</v>
          </cell>
          <cell r="G553" t="str">
            <v>東京都千代田区一番町１３－１６</v>
          </cell>
          <cell r="H553" t="str">
            <v>03-3239-1693</v>
          </cell>
          <cell r="I553" t="str">
            <v>03-3239-1938</v>
          </cell>
        </row>
        <row r="554">
          <cell r="A554" t="str">
            <v>12713S</v>
          </cell>
          <cell r="B554" t="str">
            <v>ｶｻｶﾜｿｳｷﾞｮｳ</v>
          </cell>
          <cell r="C554" t="str">
            <v>（有）笠川総業</v>
          </cell>
          <cell r="D554" t="str">
            <v>笠川 倶昭</v>
          </cell>
          <cell r="E554" t="str">
            <v>代表取締役</v>
          </cell>
          <cell r="F554" t="str">
            <v>004-0062</v>
          </cell>
          <cell r="G554" t="str">
            <v>厚別区厚別西２－１－３－２７</v>
          </cell>
          <cell r="H554" t="str">
            <v>891-3817</v>
          </cell>
          <cell r="I554" t="str">
            <v>891-2145</v>
          </cell>
        </row>
        <row r="555">
          <cell r="A555" t="str">
            <v>12716W</v>
          </cell>
          <cell r="B555" t="str">
            <v>ｶﾝﾛｼﾝﾀﾞﾝ</v>
          </cell>
          <cell r="C555" t="str">
            <v>（株）管路診断</v>
          </cell>
          <cell r="D555" t="str">
            <v>森本 利夫</v>
          </cell>
          <cell r="E555" t="str">
            <v>代表取締役</v>
          </cell>
          <cell r="F555" t="str">
            <v>069-0372</v>
          </cell>
          <cell r="G555" t="str">
            <v>岩見沢市幌向南２－５－３８７－５</v>
          </cell>
          <cell r="H555" t="str">
            <v>0126-26-2913</v>
          </cell>
          <cell r="I555" t="str">
            <v>0126-26-4435</v>
          </cell>
        </row>
        <row r="556">
          <cell r="A556" t="str">
            <v>12718R</v>
          </cell>
          <cell r="B556" t="str">
            <v>ｶﾝﾃﾞｨﾊｳｽｻｯﾎﾟﾛ</v>
          </cell>
          <cell r="C556" t="str">
            <v>（株）カンディハウス札幌</v>
          </cell>
          <cell r="D556" t="str">
            <v>石永 勉</v>
          </cell>
          <cell r="E556" t="str">
            <v>代表取締役</v>
          </cell>
          <cell r="F556" t="str">
            <v>064-0946</v>
          </cell>
          <cell r="G556" t="str">
            <v>中央区双子山４－１－１０</v>
          </cell>
          <cell r="H556" t="str">
            <v>511-0303</v>
          </cell>
          <cell r="I556" t="str">
            <v>511-0505</v>
          </cell>
        </row>
        <row r="557">
          <cell r="A557" t="str">
            <v>12719N</v>
          </cell>
          <cell r="B557" t="str">
            <v>ｶﾞｸｾｲｴﾝｺﾞｶｲﾎｯｶｲﾄﾞｳ</v>
          </cell>
          <cell r="C557" t="str">
            <v>（株）学生援護会北海道</v>
          </cell>
          <cell r="D557" t="str">
            <v>西田 豊</v>
          </cell>
          <cell r="E557" t="str">
            <v>代表取締役</v>
          </cell>
          <cell r="F557" t="str">
            <v>064-0820</v>
          </cell>
          <cell r="G557" t="str">
            <v>中央区大通西２８－１－２ 円山公園ビル２Ｆ</v>
          </cell>
          <cell r="H557" t="str">
            <v>613-6122</v>
          </cell>
          <cell r="I557" t="str">
            <v>613-5572</v>
          </cell>
        </row>
        <row r="558">
          <cell r="A558" t="str">
            <v>12720Y</v>
          </cell>
          <cell r="B558" t="str">
            <v>ｶﾞｲﾁｭｳｾﾝﾀｰ</v>
          </cell>
          <cell r="C558" t="str">
            <v>（有）害虫センター</v>
          </cell>
          <cell r="D558" t="str">
            <v>田村 公</v>
          </cell>
          <cell r="E558" t="str">
            <v>代表取締役</v>
          </cell>
          <cell r="F558" t="str">
            <v>064-0917</v>
          </cell>
          <cell r="G558" t="str">
            <v>中央区南１７西１０－１－１０</v>
          </cell>
          <cell r="H558" t="str">
            <v>521-4008</v>
          </cell>
          <cell r="I558" t="str">
            <v>511-1013</v>
          </cell>
        </row>
        <row r="559">
          <cell r="A559" t="str">
            <v>12722T</v>
          </cell>
          <cell r="B559" t="str">
            <v>ｶﾞﾙｰﾀﾞ</v>
          </cell>
          <cell r="C559" t="str">
            <v>（有）ガルーダ</v>
          </cell>
          <cell r="D559" t="str">
            <v>中島 和幸</v>
          </cell>
          <cell r="E559" t="str">
            <v>代表取締役</v>
          </cell>
          <cell r="F559" t="str">
            <v>004-0882</v>
          </cell>
          <cell r="G559" t="str">
            <v>清田区平岡公園東８－１－１</v>
          </cell>
          <cell r="H559" t="str">
            <v>882-0815</v>
          </cell>
          <cell r="I559" t="str">
            <v>882-0815</v>
          </cell>
        </row>
        <row r="560">
          <cell r="A560" t="str">
            <v>12723R</v>
          </cell>
          <cell r="B560" t="str">
            <v>ｶﾈﾏﾂｴﾚｸﾄﾛﾆｸｽ</v>
          </cell>
          <cell r="C560" t="str">
            <v>兼松エレクトロニクス（株）札幌支店</v>
          </cell>
          <cell r="D560" t="str">
            <v>野村 収</v>
          </cell>
          <cell r="E560" t="str">
            <v>支店長</v>
          </cell>
          <cell r="F560" t="str">
            <v>060-0061</v>
          </cell>
          <cell r="G560" t="str">
            <v>中央区南１西６－１５－１</v>
          </cell>
          <cell r="H560" t="str">
            <v>241-2493</v>
          </cell>
          <cell r="I560" t="str">
            <v>241-1656</v>
          </cell>
        </row>
        <row r="561">
          <cell r="A561" t="str">
            <v>12725X</v>
          </cell>
          <cell r="B561" t="str">
            <v>ｶﾞｰﾃﾞﾝﾌﾟﾗｻﾞ</v>
          </cell>
          <cell r="C561" t="str">
            <v>ガーデンプラザ（株）</v>
          </cell>
          <cell r="D561" t="str">
            <v>梶谷 景子</v>
          </cell>
          <cell r="E561" t="str">
            <v>代表取締役</v>
          </cell>
          <cell r="F561" t="str">
            <v>062-0001</v>
          </cell>
          <cell r="G561" t="str">
            <v>豊平区美園１－１－３－２４</v>
          </cell>
          <cell r="H561" t="str">
            <v>825-1302</v>
          </cell>
          <cell r="I561" t="str">
            <v>825-1302</v>
          </cell>
        </row>
        <row r="562">
          <cell r="A562" t="str">
            <v>13001R</v>
          </cell>
          <cell r="B562" t="str">
            <v>ｷﾝﾊﾟﾗ</v>
          </cell>
          <cell r="C562" t="str">
            <v>（株）金原札幌営業所</v>
          </cell>
          <cell r="D562" t="str">
            <v>澤井 由雄</v>
          </cell>
          <cell r="E562" t="str">
            <v>所長</v>
          </cell>
          <cell r="F562" t="str">
            <v>060-0007</v>
          </cell>
          <cell r="G562" t="str">
            <v>中央区北７西１１－４－１みやこビル１Ｆ</v>
          </cell>
          <cell r="H562" t="str">
            <v>261-5961</v>
          </cell>
          <cell r="I562" t="str">
            <v>261-5790</v>
          </cell>
        </row>
        <row r="563">
          <cell r="A563" t="str">
            <v>13002N</v>
          </cell>
          <cell r="B563" t="str">
            <v>ｷﾞｮｳｾｲ</v>
          </cell>
          <cell r="C563" t="str">
            <v>（株）ぎょうせい北海道支社</v>
          </cell>
          <cell r="D563" t="str">
            <v>桃井 幸直</v>
          </cell>
          <cell r="E563" t="str">
            <v>支社長</v>
          </cell>
          <cell r="F563" t="str">
            <v>060-8708</v>
          </cell>
          <cell r="G563" t="str">
            <v>中央区北２西１０－１－１２</v>
          </cell>
          <cell r="H563" t="str">
            <v>241-1971</v>
          </cell>
          <cell r="I563" t="str">
            <v>241-1973</v>
          </cell>
        </row>
        <row r="564">
          <cell r="A564" t="str">
            <v>13005S</v>
          </cell>
          <cell r="B564" t="str">
            <v>ｷﾀｺｳﾃﾞﾝｼｬ</v>
          </cell>
          <cell r="C564" t="str">
            <v>（株）北弘電社</v>
          </cell>
          <cell r="D564" t="str">
            <v>小出 信夫</v>
          </cell>
          <cell r="E564" t="str">
            <v>代表取締役</v>
          </cell>
          <cell r="F564" t="str">
            <v>060-0011</v>
          </cell>
          <cell r="G564" t="str">
            <v>中央区北１１西２３－２－１０</v>
          </cell>
          <cell r="H564" t="str">
            <v>640-2253</v>
          </cell>
          <cell r="I564" t="str">
            <v>640-2155</v>
          </cell>
        </row>
        <row r="565">
          <cell r="A565" t="str">
            <v>13006P</v>
          </cell>
          <cell r="B565" t="str">
            <v>ｷｮｳﾜｲﾝｻﾂ</v>
          </cell>
          <cell r="C565" t="str">
            <v>協和印刷（株）</v>
          </cell>
          <cell r="D565" t="str">
            <v>矢北 幸絋</v>
          </cell>
          <cell r="E565" t="str">
            <v>代表取締役</v>
          </cell>
          <cell r="F565" t="str">
            <v>063-0834</v>
          </cell>
          <cell r="G565" t="str">
            <v>西区発寒１４－１４－２－５０</v>
          </cell>
          <cell r="H565" t="str">
            <v>666-1641</v>
          </cell>
          <cell r="I565" t="str">
            <v>669-2332</v>
          </cell>
        </row>
        <row r="566">
          <cell r="A566" t="str">
            <v>13007Z</v>
          </cell>
          <cell r="B566" t="str">
            <v>ｷｽｲﾄﾞｳｶﾅｲｲﾝｻﾂ</v>
          </cell>
          <cell r="C566" t="str">
            <v>其水堂金井印刷（株）</v>
          </cell>
          <cell r="D566" t="str">
            <v>金井 英明</v>
          </cell>
          <cell r="E566" t="str">
            <v>代表取締役</v>
          </cell>
          <cell r="F566" t="str">
            <v>003-0803</v>
          </cell>
          <cell r="G566" t="str">
            <v>白石区菊水３－４－４－１８</v>
          </cell>
          <cell r="H566" t="str">
            <v>832-8191</v>
          </cell>
          <cell r="I566" t="str">
            <v>832-0674</v>
          </cell>
        </row>
        <row r="567">
          <cell r="A567" t="str">
            <v>13008X</v>
          </cell>
          <cell r="B567" t="str">
            <v>ｷﾀﾞｲﾝｻﾂ</v>
          </cell>
          <cell r="C567" t="str">
            <v>（有）氣田印刷</v>
          </cell>
          <cell r="D567" t="str">
            <v>氣田 力</v>
          </cell>
          <cell r="E567" t="str">
            <v>代表取締役</v>
          </cell>
          <cell r="F567" t="str">
            <v>007-0850</v>
          </cell>
          <cell r="G567" t="str">
            <v>東区北５０東４－１－６</v>
          </cell>
          <cell r="H567" t="str">
            <v>752-7211</v>
          </cell>
          <cell r="I567" t="str">
            <v>704-0088</v>
          </cell>
        </row>
        <row r="568">
          <cell r="A568" t="str">
            <v>13012Z</v>
          </cell>
          <cell r="B568" t="str">
            <v>ｷｸﾔ</v>
          </cell>
          <cell r="C568" t="str">
            <v>（株）キクヤ</v>
          </cell>
          <cell r="D568" t="str">
            <v>菊池 恒</v>
          </cell>
          <cell r="E568" t="str">
            <v>代表取締役</v>
          </cell>
          <cell r="F568" t="str">
            <v>060-0063</v>
          </cell>
          <cell r="G568" t="str">
            <v>中央区南３西３－１１</v>
          </cell>
          <cell r="H568" t="str">
            <v>271-5571</v>
          </cell>
          <cell r="I568" t="str">
            <v>222-7404</v>
          </cell>
        </row>
        <row r="569">
          <cell r="A569" t="str">
            <v>13013X</v>
          </cell>
          <cell r="B569" t="str">
            <v>ｷﾝﾓﾝｾｲｻｸｼｮ</v>
          </cell>
          <cell r="C569" t="str">
            <v>（株）金門製作所北海道支店</v>
          </cell>
          <cell r="D569" t="str">
            <v>山崎 伸</v>
          </cell>
          <cell r="E569" t="str">
            <v>執行役員支店長</v>
          </cell>
          <cell r="F569" t="str">
            <v>007-0803</v>
          </cell>
          <cell r="G569" t="str">
            <v>東区東苗穂３－３－２－７８</v>
          </cell>
          <cell r="H569" t="str">
            <v>783-0505</v>
          </cell>
          <cell r="I569" t="str">
            <v>782-1501</v>
          </cell>
        </row>
        <row r="570">
          <cell r="A570" t="str">
            <v>13015R</v>
          </cell>
          <cell r="B570" t="str">
            <v>ｷｮｳﾜｷｶｲｾｲｻｸｼｮ</v>
          </cell>
          <cell r="C570" t="str">
            <v>（株）協和機械製作所</v>
          </cell>
          <cell r="D570" t="str">
            <v>藤枝 靖規</v>
          </cell>
          <cell r="E570" t="str">
            <v>代表取締役</v>
          </cell>
          <cell r="F570" t="str">
            <v>063-0835</v>
          </cell>
          <cell r="G570" t="str">
            <v>西区発寒１５－１２－３－２５</v>
          </cell>
          <cell r="H570" t="str">
            <v>661-2216</v>
          </cell>
          <cell r="I570" t="str">
            <v>663-2007</v>
          </cell>
        </row>
        <row r="571">
          <cell r="A571" t="str">
            <v>13016N</v>
          </cell>
          <cell r="B571" t="str">
            <v>ｷﾊﾗ</v>
          </cell>
          <cell r="C571" t="str">
            <v>キハラ（株）北海道営業所</v>
          </cell>
          <cell r="D571" t="str">
            <v>小田桐 英司</v>
          </cell>
          <cell r="E571" t="str">
            <v>所長</v>
          </cell>
          <cell r="F571" t="str">
            <v>062-0035</v>
          </cell>
          <cell r="G571" t="str">
            <v>豊平区西岡５－３－８－１５</v>
          </cell>
          <cell r="H571" t="str">
            <v>857-3331</v>
          </cell>
          <cell r="I571" t="str">
            <v>857-5211</v>
          </cell>
        </row>
        <row r="572">
          <cell r="A572" t="str">
            <v>13017Y</v>
          </cell>
          <cell r="B572" t="str">
            <v>ｷｮｳﾂｳｳﾝｿｳ</v>
          </cell>
          <cell r="C572" t="str">
            <v>共通運送（株）</v>
          </cell>
          <cell r="D572" t="str">
            <v>永原 利雄</v>
          </cell>
          <cell r="E572" t="str">
            <v>代表取締役</v>
          </cell>
          <cell r="F572" t="str">
            <v>003-0029</v>
          </cell>
          <cell r="G572" t="str">
            <v>白石区平和通１１北６－１９</v>
          </cell>
          <cell r="H572" t="str">
            <v>862-8288</v>
          </cell>
          <cell r="I572" t="str">
            <v>861-8622</v>
          </cell>
        </row>
        <row r="573">
          <cell r="A573" t="str">
            <v>13018W</v>
          </cell>
          <cell r="B573" t="str">
            <v>ｷﾀﾃﾞﾝﾘｮｸｾﾂﾋﾞｺｳｼﾞ</v>
          </cell>
          <cell r="C573" t="str">
            <v>北電力設備工事（株）</v>
          </cell>
          <cell r="D573" t="str">
            <v>伏木 淳</v>
          </cell>
          <cell r="E573" t="str">
            <v>代表取締役社長</v>
          </cell>
          <cell r="F573" t="str">
            <v>060-0062</v>
          </cell>
          <cell r="G573" t="str">
            <v>中央区南２西１２－３２３</v>
          </cell>
          <cell r="H573" t="str">
            <v>272-3911</v>
          </cell>
          <cell r="I573" t="str">
            <v>272-3920</v>
          </cell>
        </row>
        <row r="574">
          <cell r="A574" t="str">
            <v>13022Y</v>
          </cell>
          <cell r="B574" t="str">
            <v>ｷﾝﾓﾝﾃﾞﾝｷ</v>
          </cell>
          <cell r="C574" t="str">
            <v>金門電気（株）札幌支店</v>
          </cell>
          <cell r="D574" t="str">
            <v>稲垣 康</v>
          </cell>
          <cell r="E574" t="str">
            <v>支店長</v>
          </cell>
          <cell r="F574" t="str">
            <v>007-0844</v>
          </cell>
          <cell r="G574" t="str">
            <v>東区北４４東１３－２－５</v>
          </cell>
          <cell r="H574" t="str">
            <v>702-7788</v>
          </cell>
          <cell r="I574" t="str">
            <v>702-7780</v>
          </cell>
        </row>
        <row r="575">
          <cell r="A575" t="str">
            <v>13023W</v>
          </cell>
          <cell r="B575" t="str">
            <v>ｷﾀﾂｳｻﾝ</v>
          </cell>
          <cell r="C575" t="str">
            <v>北通産（株）</v>
          </cell>
          <cell r="D575" t="str">
            <v>秋山 秀雄</v>
          </cell>
          <cell r="E575" t="str">
            <v>代表取締役社長</v>
          </cell>
          <cell r="F575" t="str">
            <v>001-0907</v>
          </cell>
          <cell r="G575" t="str">
            <v>北区新琴似７－１２－１－３０</v>
          </cell>
          <cell r="H575" t="str">
            <v>764-5161</v>
          </cell>
          <cell r="I575" t="str">
            <v>764-1188</v>
          </cell>
        </row>
        <row r="576">
          <cell r="A576" t="str">
            <v>13024T</v>
          </cell>
          <cell r="B576" t="str">
            <v>ｷﾀﾌｼﾞｻﾝｷﾞｮｳｷｶｲ</v>
          </cell>
          <cell r="C576" t="str">
            <v>北富士産業機械（株）</v>
          </cell>
          <cell r="D576" t="str">
            <v>杉本 孝</v>
          </cell>
          <cell r="E576" t="str">
            <v>代表取締役</v>
          </cell>
          <cell r="F576" t="str">
            <v>005-0030</v>
          </cell>
          <cell r="G576" t="str">
            <v>南区南３０西８－４－１</v>
          </cell>
          <cell r="H576" t="str">
            <v>582-1191</v>
          </cell>
          <cell r="I576" t="str">
            <v>582-1194</v>
          </cell>
        </row>
        <row r="577">
          <cell r="A577" t="str">
            <v>13026Z</v>
          </cell>
          <cell r="B577" t="str">
            <v>ｷｮｳﾘﾂｻﾝｷﾞｮｳｼｮｳｼﾞ</v>
          </cell>
          <cell r="C577" t="str">
            <v>共立産業商事（株）札幌営業所</v>
          </cell>
          <cell r="D577" t="str">
            <v>小笠原 和彦</v>
          </cell>
          <cell r="E577" t="str">
            <v>所長</v>
          </cell>
          <cell r="F577" t="str">
            <v>060-0041</v>
          </cell>
          <cell r="G577" t="str">
            <v>中央区大通東２－３札幌松村ビル２号館</v>
          </cell>
          <cell r="H577" t="str">
            <v>241-4948</v>
          </cell>
          <cell r="I577" t="str">
            <v>261-2427</v>
          </cell>
        </row>
        <row r="578">
          <cell r="A578" t="str">
            <v>13027X</v>
          </cell>
          <cell r="B578" t="str">
            <v>ｷｮｳﾘﾂﾌﾞﾝｸﾞ</v>
          </cell>
          <cell r="C578" t="str">
            <v>（株）共立文具</v>
          </cell>
          <cell r="D578" t="str">
            <v>秦野 利得</v>
          </cell>
          <cell r="E578" t="str">
            <v>代表取締役</v>
          </cell>
          <cell r="F578" t="str">
            <v>062-0931</v>
          </cell>
          <cell r="G578" t="str">
            <v>豊平区平岸１－１－４－１０</v>
          </cell>
          <cell r="H578" t="str">
            <v>812-8251</v>
          </cell>
          <cell r="I578" t="str">
            <v>812-8252</v>
          </cell>
        </row>
        <row r="579">
          <cell r="A579" t="str">
            <v>13028V</v>
          </cell>
          <cell r="B579" t="str">
            <v>ｷﾝｸﾞｺｳｷﾞｮｳ</v>
          </cell>
          <cell r="C579" t="str">
            <v>キング工業（株）北海道事業部</v>
          </cell>
          <cell r="D579" t="str">
            <v>谷岡 道良</v>
          </cell>
          <cell r="E579" t="str">
            <v>常務取締役事業部長</v>
          </cell>
          <cell r="F579" t="str">
            <v>004-0873</v>
          </cell>
          <cell r="G579" t="str">
            <v>清田区平岡３－２－１３－１</v>
          </cell>
          <cell r="H579" t="str">
            <v>888-1111</v>
          </cell>
          <cell r="I579" t="str">
            <v>881-2514</v>
          </cell>
        </row>
        <row r="580">
          <cell r="A580" t="str">
            <v>13031Z</v>
          </cell>
          <cell r="B580" t="str">
            <v>ｷｮｳｻﾝｾｲｻｸｼｮ</v>
          </cell>
          <cell r="C580" t="str">
            <v>（株）京三製作所札幌支店</v>
          </cell>
          <cell r="D580" t="str">
            <v>行天 政美</v>
          </cell>
          <cell r="E580" t="str">
            <v>支店長</v>
          </cell>
          <cell r="F580" t="str">
            <v>060-0001</v>
          </cell>
          <cell r="G580" t="str">
            <v>中央区北１西５－２－７ 興銀ビル９Ｆ</v>
          </cell>
          <cell r="H580" t="str">
            <v>271-2771</v>
          </cell>
          <cell r="I580" t="str">
            <v>222-5352</v>
          </cell>
        </row>
        <row r="581">
          <cell r="A581" t="str">
            <v>13032X</v>
          </cell>
          <cell r="B581" t="str">
            <v>ｷｮｳﾄﾞｳｲﾝｻﾂ</v>
          </cell>
          <cell r="C581" t="str">
            <v>共同印刷（株）</v>
          </cell>
          <cell r="D581" t="str">
            <v>山口 政廣</v>
          </cell>
          <cell r="E581" t="str">
            <v>代表取締役社長</v>
          </cell>
          <cell r="F581" t="str">
            <v>112-8501</v>
          </cell>
          <cell r="G581" t="str">
            <v>東京都文京区小石川４－１４－１２</v>
          </cell>
          <cell r="H581" t="str">
            <v>03-3817-2666</v>
          </cell>
          <cell r="I581" t="str">
            <v>03-3817-2340</v>
          </cell>
        </row>
        <row r="582">
          <cell r="A582" t="str">
            <v>13033V</v>
          </cell>
          <cell r="B582" t="str">
            <v>ｷｮｳﾜﾄﾞｳｲﾝｻﾂｼｮ</v>
          </cell>
          <cell r="C582" t="str">
            <v>（有）協和堂印刷所</v>
          </cell>
          <cell r="D582" t="str">
            <v>高橋 晴子</v>
          </cell>
          <cell r="E582" t="str">
            <v>取締役</v>
          </cell>
          <cell r="F582" t="str">
            <v>064-0917</v>
          </cell>
          <cell r="G582" t="str">
            <v>中央区南１７西１３－２－３２</v>
          </cell>
          <cell r="H582" t="str">
            <v>561-3211</v>
          </cell>
          <cell r="I582" t="str">
            <v>561-3212</v>
          </cell>
        </row>
        <row r="583">
          <cell r="A583" t="str">
            <v>13036Y</v>
          </cell>
          <cell r="B583" t="str">
            <v>ｷﾑﾗｺﾞﾑ</v>
          </cell>
          <cell r="C583" t="str">
            <v>（株）キムラゴム</v>
          </cell>
          <cell r="D583" t="str">
            <v>江口 勝行</v>
          </cell>
          <cell r="E583" t="str">
            <v>代表取締役</v>
          </cell>
          <cell r="F583" t="str">
            <v>060-0032</v>
          </cell>
          <cell r="G583" t="str">
            <v>中央区北２東１０－１５－２０</v>
          </cell>
          <cell r="H583" t="str">
            <v>242-1531</v>
          </cell>
          <cell r="I583" t="str">
            <v>242-1535</v>
          </cell>
        </row>
        <row r="584">
          <cell r="A584" t="str">
            <v>13037W</v>
          </cell>
          <cell r="B584" t="str">
            <v>ｷﾀﾆﾎﾝｼﾞｭｳｷ</v>
          </cell>
          <cell r="C584" t="str">
            <v>北日本重機（株）</v>
          </cell>
          <cell r="D584" t="str">
            <v>丸山 邦彦</v>
          </cell>
          <cell r="E584" t="str">
            <v>代表取締役</v>
          </cell>
          <cell r="F584" t="str">
            <v>004-0041</v>
          </cell>
          <cell r="G584" t="str">
            <v>厚別区大谷地東２－１－６６</v>
          </cell>
          <cell r="H584" t="str">
            <v>891-2275</v>
          </cell>
          <cell r="I584" t="str">
            <v>891-2274</v>
          </cell>
        </row>
        <row r="585">
          <cell r="A585" t="str">
            <v>13039R</v>
          </cell>
          <cell r="B585" t="str">
            <v>ｷｼﾌﾄﾝﾃﾝ</v>
          </cell>
          <cell r="C585" t="str">
            <v>（有）喜志ふとん店</v>
          </cell>
          <cell r="D585" t="str">
            <v>喜志 一成</v>
          </cell>
          <cell r="E585" t="str">
            <v>代表取締役</v>
          </cell>
          <cell r="F585" t="str">
            <v>063-0811</v>
          </cell>
          <cell r="G585" t="str">
            <v>西区琴似１－２－５－６</v>
          </cell>
          <cell r="H585" t="str">
            <v>611-2434</v>
          </cell>
          <cell r="I585" t="str">
            <v>611-2435</v>
          </cell>
        </row>
        <row r="586">
          <cell r="A586" t="str">
            <v>13041Y</v>
          </cell>
          <cell r="B586" t="str">
            <v>ﾉｳﾞｪﾛ</v>
          </cell>
          <cell r="C586" t="str">
            <v>（株）ノヴェロ</v>
          </cell>
          <cell r="D586" t="str">
            <v>手嶋 猛</v>
          </cell>
          <cell r="E586" t="str">
            <v>代表取締役社長</v>
          </cell>
          <cell r="F586" t="str">
            <v>060-0052</v>
          </cell>
          <cell r="G586" t="str">
            <v>中央区南２東３－８－６</v>
          </cell>
          <cell r="H586" t="str">
            <v>281-6631</v>
          </cell>
          <cell r="I586" t="str">
            <v>221-2073</v>
          </cell>
        </row>
        <row r="587">
          <cell r="A587" t="str">
            <v>13043T</v>
          </cell>
          <cell r="B587" t="str">
            <v>ｷﾀﾆﾎﾝｾｷﾕ</v>
          </cell>
          <cell r="C587" t="str">
            <v>北日本石油（株）札幌支店</v>
          </cell>
          <cell r="D587" t="str">
            <v>川人 正晴</v>
          </cell>
          <cell r="E587" t="str">
            <v>支店長</v>
          </cell>
          <cell r="F587" t="str">
            <v>007-0847</v>
          </cell>
          <cell r="G587" t="str">
            <v>東区北４７東１３－３－１０</v>
          </cell>
          <cell r="H587" t="str">
            <v>723-6411</v>
          </cell>
          <cell r="I587" t="str">
            <v>723-6422</v>
          </cell>
        </row>
        <row r="588">
          <cell r="A588" t="str">
            <v>13044R</v>
          </cell>
          <cell r="B588" t="str">
            <v>ｷﾀﾞｲﾝｻﾂ</v>
          </cell>
          <cell r="C588" t="str">
            <v>（有）黄田印刷</v>
          </cell>
          <cell r="D588" t="str">
            <v>黄田 司</v>
          </cell>
          <cell r="E588" t="str">
            <v>代表取締役</v>
          </cell>
          <cell r="F588" t="str">
            <v>064-0811</v>
          </cell>
          <cell r="G588" t="str">
            <v>中央区南１１西１７－１－２</v>
          </cell>
          <cell r="H588" t="str">
            <v>551-0150</v>
          </cell>
          <cell r="I588" t="str">
            <v>563-0073</v>
          </cell>
        </row>
        <row r="589">
          <cell r="A589" t="str">
            <v>13045Z</v>
          </cell>
          <cell r="B589" t="str">
            <v>ｷｮｳﾕｳｶｲ</v>
          </cell>
          <cell r="C589" t="str">
            <v>（社福）共友会</v>
          </cell>
          <cell r="D589" t="str">
            <v>坂野 英昭</v>
          </cell>
          <cell r="E589" t="str">
            <v>理事</v>
          </cell>
          <cell r="F589" t="str">
            <v>063-0061</v>
          </cell>
          <cell r="G589" t="str">
            <v>西区西町北１５－５－７</v>
          </cell>
          <cell r="H589" t="str">
            <v>667-7771</v>
          </cell>
          <cell r="I589" t="str">
            <v>667-9750</v>
          </cell>
        </row>
        <row r="590">
          <cell r="A590" t="str">
            <v>13046X</v>
          </cell>
          <cell r="B590" t="str">
            <v>ｷｮｳﾄﾞｳｹﾝｻｼｽﾃﾑ</v>
          </cell>
          <cell r="C590" t="str">
            <v>（株）共同検査システム</v>
          </cell>
          <cell r="D590" t="str">
            <v>髙関 博</v>
          </cell>
          <cell r="E590" t="str">
            <v>代表取締役</v>
          </cell>
          <cell r="F590" t="str">
            <v>060-0003</v>
          </cell>
          <cell r="G590" t="str">
            <v>中央区北３西１６－１－１０</v>
          </cell>
          <cell r="H590" t="str">
            <v>612-8000</v>
          </cell>
          <cell r="I590" t="str">
            <v>612-1880</v>
          </cell>
        </row>
        <row r="591">
          <cell r="A591" t="str">
            <v>13048S</v>
          </cell>
          <cell r="B591" t="str">
            <v>ｷﾀｻﾞﾜｻﾝｷﾞｮｳ</v>
          </cell>
          <cell r="C591" t="str">
            <v>北沢産業（株）札幌支店</v>
          </cell>
          <cell r="D591" t="str">
            <v>笹川 了一</v>
          </cell>
          <cell r="E591" t="str">
            <v>支店長</v>
          </cell>
          <cell r="F591" t="str">
            <v>064-0913</v>
          </cell>
          <cell r="G591" t="str">
            <v>中央区南１３西７－２－８</v>
          </cell>
          <cell r="H591" t="str">
            <v>511-2937</v>
          </cell>
          <cell r="I591" t="str">
            <v>512-0608</v>
          </cell>
        </row>
        <row r="592">
          <cell r="A592" t="str">
            <v>13049P</v>
          </cell>
          <cell r="B592" t="str">
            <v>ｿﾗﾁﾁｭｳｵｳﾊﾞｽ</v>
          </cell>
          <cell r="C592" t="str">
            <v>空知中央バス（株）</v>
          </cell>
          <cell r="D592" t="str">
            <v>久保田 勝利</v>
          </cell>
          <cell r="E592" t="str">
            <v>代表取締役社長</v>
          </cell>
          <cell r="F592" t="str">
            <v>073-0033</v>
          </cell>
          <cell r="G592" t="str">
            <v>滝川市新町３－２－１</v>
          </cell>
          <cell r="H592" t="str">
            <v>0125-24-8855</v>
          </cell>
          <cell r="I592" t="str">
            <v>0125-22-2107</v>
          </cell>
        </row>
        <row r="593">
          <cell r="A593" t="str">
            <v>13053S</v>
          </cell>
          <cell r="B593" t="str">
            <v>ｷﾀﾆﾎﾝﾗｼﾞｴｰﾀｰｺｳｷﾞｮｳ</v>
          </cell>
          <cell r="C593" t="str">
            <v>北日本ラジエーター工業（株）</v>
          </cell>
          <cell r="D593" t="str">
            <v>斉藤 春生</v>
          </cell>
          <cell r="E593" t="str">
            <v>代表取締役</v>
          </cell>
          <cell r="F593" t="str">
            <v>065-0028</v>
          </cell>
          <cell r="G593" t="str">
            <v>東区北２８東２１－２－１０</v>
          </cell>
          <cell r="H593" t="str">
            <v>785-6161</v>
          </cell>
          <cell r="I593" t="str">
            <v>785-6163</v>
          </cell>
        </row>
        <row r="594">
          <cell r="A594" t="str">
            <v>13058R</v>
          </cell>
          <cell r="B594" t="str">
            <v>ﾗﾙｽﾞ</v>
          </cell>
          <cell r="C594" t="str">
            <v>（株）ラルズ</v>
          </cell>
          <cell r="D594" t="str">
            <v>横山 清</v>
          </cell>
          <cell r="E594" t="str">
            <v>代表取締役</v>
          </cell>
          <cell r="F594" t="str">
            <v>062-0931</v>
          </cell>
          <cell r="G594" t="str">
            <v>豊平区平岸１－１－９－６</v>
          </cell>
          <cell r="H594" t="str">
            <v>813-2525</v>
          </cell>
          <cell r="I594" t="str">
            <v>813-2228</v>
          </cell>
        </row>
        <row r="595">
          <cell r="A595" t="str">
            <v>13065X</v>
          </cell>
          <cell r="B595" t="str">
            <v>ｷｶｸｸﾗﾌﾞ</v>
          </cell>
          <cell r="C595" t="str">
            <v>（株）企画クラブ</v>
          </cell>
          <cell r="D595" t="str">
            <v>山崎 勝治</v>
          </cell>
          <cell r="E595" t="str">
            <v>代表取締役</v>
          </cell>
          <cell r="F595" t="str">
            <v>060-0041</v>
          </cell>
          <cell r="G595" t="str">
            <v>中央区大通東３－１－２７ 富士ビル</v>
          </cell>
          <cell r="H595" t="str">
            <v>271-1581</v>
          </cell>
          <cell r="I595" t="str">
            <v>271-1691</v>
          </cell>
        </row>
        <row r="596">
          <cell r="A596" t="str">
            <v>13066V</v>
          </cell>
          <cell r="B596" t="str">
            <v>ｷﾝｾﾝ</v>
          </cell>
          <cell r="C596" t="str">
            <v>（株）近宣札幌支社</v>
          </cell>
          <cell r="D596" t="str">
            <v>大橋 恒夫</v>
          </cell>
          <cell r="E596" t="str">
            <v>支社長</v>
          </cell>
          <cell r="F596" t="str">
            <v>060-0061</v>
          </cell>
          <cell r="G596" t="str">
            <v>中央区南１西１－２ 大沢ビル</v>
          </cell>
          <cell r="H596" t="str">
            <v>221-1731</v>
          </cell>
          <cell r="I596" t="str">
            <v>221-1995</v>
          </cell>
        </row>
        <row r="597">
          <cell r="A597" t="str">
            <v>13067S</v>
          </cell>
          <cell r="B597" t="str">
            <v>ｷｮｳｴｲｱﾄﾞｲﾝﾀｰﾅｼｮﾅﾙ</v>
          </cell>
          <cell r="C597" t="str">
            <v>（株）キョウエイアドインターナショナル北海道支社</v>
          </cell>
          <cell r="D597" t="str">
            <v>二上 照康</v>
          </cell>
          <cell r="E597" t="str">
            <v>北海道支社長</v>
          </cell>
          <cell r="F597" t="str">
            <v>060-0032</v>
          </cell>
          <cell r="G597" t="str">
            <v>中央区北２東２－１－１６ キョウエイ札幌ﾋﾞﾙ８Ｆ</v>
          </cell>
          <cell r="H597" t="str">
            <v>232-1200</v>
          </cell>
          <cell r="I597" t="str">
            <v>232-1815</v>
          </cell>
        </row>
        <row r="598">
          <cell r="A598" t="str">
            <v>13090V</v>
          </cell>
          <cell r="B598" t="str">
            <v>ｷﾓﾄ</v>
          </cell>
          <cell r="C598" t="str">
            <v>（株）きもと札幌支店</v>
          </cell>
          <cell r="D598" t="str">
            <v>若生 春彦</v>
          </cell>
          <cell r="E598" t="str">
            <v>支店長</v>
          </cell>
          <cell r="F598" t="str">
            <v>060-0005</v>
          </cell>
          <cell r="G598" t="str">
            <v>中央区北５西１７－４－１２</v>
          </cell>
          <cell r="H598" t="str">
            <v>631-4421</v>
          </cell>
          <cell r="I598" t="str">
            <v>621-8421</v>
          </cell>
        </row>
        <row r="599">
          <cell r="A599" t="str">
            <v>13095T</v>
          </cell>
          <cell r="B599" t="str">
            <v>ｷｮｳｴｲｻﾝｷﾞｮｳ</v>
          </cell>
          <cell r="C599" t="str">
            <v>協栄産業（株）北海道支店</v>
          </cell>
          <cell r="D599" t="str">
            <v>村上 和彦</v>
          </cell>
          <cell r="E599" t="str">
            <v>取締役支店長</v>
          </cell>
          <cell r="F599" t="str">
            <v>060-0006</v>
          </cell>
          <cell r="G599" t="str">
            <v>中央区北６西２４－１－３１</v>
          </cell>
          <cell r="H599" t="str">
            <v>642-6101</v>
          </cell>
          <cell r="I599" t="str">
            <v>631-9060</v>
          </cell>
        </row>
        <row r="600">
          <cell r="A600" t="str">
            <v>13097N</v>
          </cell>
          <cell r="B600" t="str">
            <v>ｷﾀｶﾞｽｻｰﾋﾞｽ</v>
          </cell>
          <cell r="C600" t="str">
            <v>北ガスサービス（株）</v>
          </cell>
          <cell r="D600" t="str">
            <v>若林 均</v>
          </cell>
          <cell r="E600" t="str">
            <v>代表取締役</v>
          </cell>
          <cell r="F600" t="str">
            <v>060-0033</v>
          </cell>
          <cell r="G600" t="str">
            <v>中央区北３東７－３６０－２</v>
          </cell>
          <cell r="H600" t="str">
            <v>221-4066</v>
          </cell>
          <cell r="I600" t="str">
            <v>210-0318</v>
          </cell>
        </row>
        <row r="601">
          <cell r="A601" t="str">
            <v>13105P</v>
          </cell>
          <cell r="B601" t="str">
            <v>ｷﾀﾆﾎﾝﾈﾝﾘｮｳ</v>
          </cell>
          <cell r="C601" t="str">
            <v>北日本燃料（株）</v>
          </cell>
          <cell r="D601" t="str">
            <v>佐々木 敏彦</v>
          </cell>
          <cell r="E601" t="str">
            <v>代表取締役社長</v>
          </cell>
          <cell r="F601" t="str">
            <v>004-0862</v>
          </cell>
          <cell r="G601" t="str">
            <v>清田区北野２－３－１１－７</v>
          </cell>
          <cell r="H601" t="str">
            <v>881-8234</v>
          </cell>
          <cell r="I601" t="str">
            <v>883-6597</v>
          </cell>
        </row>
        <row r="602">
          <cell r="A602" t="str">
            <v>13109S</v>
          </cell>
          <cell r="B602" t="str">
            <v>ｻﾝﾜｿｳｷﾞｮｳ</v>
          </cell>
          <cell r="C602" t="str">
            <v>（株）三和総業</v>
          </cell>
          <cell r="D602" t="str">
            <v>坂口 誠</v>
          </cell>
          <cell r="E602" t="str">
            <v>代表取締役</v>
          </cell>
          <cell r="F602" t="str">
            <v>007-0820</v>
          </cell>
          <cell r="G602" t="str">
            <v>東区東雁来町１２１</v>
          </cell>
          <cell r="H602" t="str">
            <v>781-7431</v>
          </cell>
          <cell r="I602" t="str">
            <v>785-1040</v>
          </cell>
        </row>
        <row r="603">
          <cell r="A603" t="str">
            <v>13113V</v>
          </cell>
          <cell r="B603" t="str">
            <v>ｼﾞｮﾓﾈｯﾄｻｯﾎﾟﾛ</v>
          </cell>
          <cell r="C603" t="str">
            <v>（株）ジョモネット札幌</v>
          </cell>
          <cell r="D603" t="str">
            <v>峯 雅則</v>
          </cell>
          <cell r="E603" t="str">
            <v>代表取締役社長</v>
          </cell>
          <cell r="F603" t="str">
            <v>062-0904</v>
          </cell>
          <cell r="G603" t="str">
            <v>豊平区豊平４－５－１－１８</v>
          </cell>
          <cell r="H603" t="str">
            <v>820-8181</v>
          </cell>
          <cell r="I603" t="str">
            <v>820-8188</v>
          </cell>
        </row>
        <row r="604">
          <cell r="A604" t="str">
            <v>13121Y</v>
          </cell>
          <cell r="B604" t="str">
            <v>ｷﾉｼﾀｼｮｳｶｲ</v>
          </cell>
          <cell r="C604" t="str">
            <v>（有）木下商会</v>
          </cell>
          <cell r="D604" t="str">
            <v>木下 幸雄</v>
          </cell>
          <cell r="E604" t="str">
            <v>代表取締役</v>
          </cell>
          <cell r="F604" t="str">
            <v>007-0808</v>
          </cell>
          <cell r="G604" t="str">
            <v>東区東苗穂８－３－６－１６</v>
          </cell>
          <cell r="H604" t="str">
            <v>791-3510</v>
          </cell>
          <cell r="I604" t="str">
            <v>791-8060</v>
          </cell>
        </row>
        <row r="605">
          <cell r="A605" t="str">
            <v>13124R</v>
          </cell>
          <cell r="B605" t="str">
            <v>ｷｮｳｴｲﾈﾝｻﾝ</v>
          </cell>
          <cell r="C605" t="str">
            <v>（有）共栄燃産</v>
          </cell>
          <cell r="D605" t="str">
            <v>桒田 清已保</v>
          </cell>
          <cell r="E605" t="str">
            <v>代表取締役</v>
          </cell>
          <cell r="F605" t="str">
            <v>005-0861</v>
          </cell>
          <cell r="G605" t="str">
            <v>南区真駒内６１１－１</v>
          </cell>
          <cell r="H605" t="str">
            <v>583-8848</v>
          </cell>
          <cell r="I605" t="str">
            <v>584-6370</v>
          </cell>
        </row>
        <row r="606">
          <cell r="A606" t="str">
            <v>13126X</v>
          </cell>
          <cell r="B606" t="str">
            <v>ｷｮｸﾄｳｶｲﾊﾂｺｳｷﾞｮｳ</v>
          </cell>
          <cell r="C606" t="str">
            <v>極東開発工業（株）</v>
          </cell>
          <cell r="D606" t="str">
            <v>田中 勝志</v>
          </cell>
          <cell r="E606" t="str">
            <v>取締役社長</v>
          </cell>
          <cell r="F606" t="str">
            <v>663-8545</v>
          </cell>
          <cell r="G606" t="str">
            <v>兵庫県西宮市甲子園口６－１－４５</v>
          </cell>
          <cell r="H606" t="str">
            <v>0798-66-1010</v>
          </cell>
          <cell r="I606" t="str">
            <v>0798-66-3432</v>
          </cell>
        </row>
        <row r="607">
          <cell r="A607" t="str">
            <v>13129P</v>
          </cell>
          <cell r="B607" t="str">
            <v>ｷｮｳﾀﾞｼｮｸﾋﾝ</v>
          </cell>
          <cell r="C607" t="str">
            <v>京田食品（株）</v>
          </cell>
          <cell r="D607" t="str">
            <v>京田 保</v>
          </cell>
          <cell r="E607" t="str">
            <v>代表取締役</v>
          </cell>
          <cell r="F607" t="str">
            <v>005-0842</v>
          </cell>
          <cell r="G607" t="str">
            <v>南区石山２－３－１４－１</v>
          </cell>
          <cell r="H607" t="str">
            <v>591-8031</v>
          </cell>
          <cell r="I607" t="str">
            <v>591-3779</v>
          </cell>
        </row>
        <row r="608">
          <cell r="A608" t="str">
            <v>13130Z</v>
          </cell>
          <cell r="B608" t="str">
            <v>ｷｯﾁﾝｾﾝﾀｰｺﾀﾞﾏ</v>
          </cell>
          <cell r="C608" t="str">
            <v>（有）キッチンセンターコダマ</v>
          </cell>
          <cell r="D608" t="str">
            <v>児玉 久雄</v>
          </cell>
          <cell r="E608" t="str">
            <v>代表取締役</v>
          </cell>
          <cell r="F608" t="str">
            <v>003-0869</v>
          </cell>
          <cell r="G608" t="str">
            <v>白石区川下５８９</v>
          </cell>
          <cell r="H608" t="str">
            <v>873-9126</v>
          </cell>
          <cell r="I608" t="str">
            <v>875-0427</v>
          </cell>
        </row>
        <row r="609">
          <cell r="A609" t="str">
            <v>13133S</v>
          </cell>
          <cell r="B609" t="str">
            <v>ｷｯｼﾝｺｳｼｮｳ</v>
          </cell>
          <cell r="C609" t="str">
            <v>（有）吉伸工商</v>
          </cell>
          <cell r="D609" t="str">
            <v>星野 芳春</v>
          </cell>
          <cell r="E609" t="str">
            <v>代表取締役</v>
          </cell>
          <cell r="F609" t="str">
            <v>062-0007</v>
          </cell>
          <cell r="G609" t="str">
            <v>豊平区美園７－１－２－１４</v>
          </cell>
          <cell r="H609" t="str">
            <v>832-0388</v>
          </cell>
          <cell r="I609" t="str">
            <v>832-2415</v>
          </cell>
        </row>
        <row r="610">
          <cell r="A610" t="str">
            <v>13134P</v>
          </cell>
          <cell r="B610" t="str">
            <v>ｷｮｳｴｲｼｬﾘｮｳ</v>
          </cell>
          <cell r="C610" t="str">
            <v>（株）協栄車輌</v>
          </cell>
          <cell r="D610" t="str">
            <v>佐藤 正良</v>
          </cell>
          <cell r="E610" t="str">
            <v>代表取締役</v>
          </cell>
          <cell r="F610" t="str">
            <v>062-0052</v>
          </cell>
          <cell r="G610" t="str">
            <v>豊平区月寒東２－１９－１２－７</v>
          </cell>
          <cell r="H610" t="str">
            <v>875-7977</v>
          </cell>
          <cell r="I610" t="str">
            <v>875-7942</v>
          </cell>
        </row>
        <row r="611">
          <cell r="A611" t="str">
            <v>13135Y</v>
          </cell>
          <cell r="B611" t="str">
            <v>ｷｮｳｴｲﾄｸｼｭｶﾞﾗｽｺｳｷﾞｮｳ</v>
          </cell>
          <cell r="C611" t="str">
            <v>協栄特殊ガラス興業（株）</v>
          </cell>
          <cell r="D611" t="str">
            <v>伊藤 伸行</v>
          </cell>
          <cell r="E611" t="str">
            <v>代表取締役</v>
          </cell>
          <cell r="F611" t="str">
            <v>005-0013</v>
          </cell>
          <cell r="G611" t="str">
            <v>南区真駒内緑町２－８－１－２</v>
          </cell>
          <cell r="H611" t="str">
            <v>664-8305</v>
          </cell>
          <cell r="I611" t="str">
            <v>664-8306</v>
          </cell>
        </row>
        <row r="612">
          <cell r="A612" t="str">
            <v>13136W</v>
          </cell>
          <cell r="B612" t="str">
            <v>ｷｮｳﾘﾂ</v>
          </cell>
          <cell r="C612" t="str">
            <v>（株）協立札幌営業所</v>
          </cell>
          <cell r="D612" t="str">
            <v>小松 大地</v>
          </cell>
          <cell r="E612" t="str">
            <v>所長</v>
          </cell>
          <cell r="F612" t="str">
            <v>060-0001</v>
          </cell>
          <cell r="G612" t="str">
            <v>中央区北１西７－３ おおわだビル</v>
          </cell>
          <cell r="H612" t="str">
            <v>272-7075</v>
          </cell>
          <cell r="I612" t="str">
            <v>272-7076</v>
          </cell>
        </row>
        <row r="613">
          <cell r="A613" t="str">
            <v>13140Y</v>
          </cell>
          <cell r="B613" t="str">
            <v>ｷｺｳﾄﾞｳ</v>
          </cell>
          <cell r="C613" t="str">
            <v>（株）貴光堂</v>
          </cell>
          <cell r="D613" t="str">
            <v>藤澤 史人</v>
          </cell>
          <cell r="E613" t="str">
            <v>代表取締役</v>
          </cell>
          <cell r="F613" t="str">
            <v>064-0915</v>
          </cell>
          <cell r="G613" t="str">
            <v>中央区南１５西１７－３－４０</v>
          </cell>
          <cell r="H613" t="str">
            <v>561-0612</v>
          </cell>
          <cell r="I613" t="str">
            <v>561-6789</v>
          </cell>
        </row>
        <row r="614">
          <cell r="A614" t="str">
            <v>13143R</v>
          </cell>
          <cell r="B614" t="str">
            <v>ｷｮｰﾘﾂｼﾞﾑｷ</v>
          </cell>
          <cell r="C614" t="str">
            <v>（株）キョーリツ事務機</v>
          </cell>
          <cell r="D614" t="str">
            <v>西脇 勝</v>
          </cell>
          <cell r="E614" t="str">
            <v>代表取締役</v>
          </cell>
          <cell r="F614" t="str">
            <v>003-0869</v>
          </cell>
          <cell r="G614" t="str">
            <v>白石区川下２０８６</v>
          </cell>
          <cell r="H614" t="str">
            <v>871-9020</v>
          </cell>
          <cell r="I614" t="str">
            <v>871-9021</v>
          </cell>
        </row>
        <row r="615">
          <cell r="A615" t="str">
            <v>13144N</v>
          </cell>
          <cell r="B615" t="str">
            <v>ｷﾀﾆﾎﾝﾒﾃﾞｨｶﾙ</v>
          </cell>
          <cell r="C615" t="str">
            <v>（株）北日本メディカル</v>
          </cell>
          <cell r="D615" t="str">
            <v>櫻井 勇次</v>
          </cell>
          <cell r="E615" t="str">
            <v>代表取締役</v>
          </cell>
          <cell r="F615" t="str">
            <v>062-0935</v>
          </cell>
          <cell r="G615" t="str">
            <v>豊平区平岸５－１０－７－１</v>
          </cell>
          <cell r="H615" t="str">
            <v>832-5676</v>
          </cell>
          <cell r="I615" t="str">
            <v>832-5679</v>
          </cell>
        </row>
        <row r="616">
          <cell r="A616" t="str">
            <v>13150X</v>
          </cell>
          <cell r="B616" t="str">
            <v>ｷｮｳﾜｲﾝｻﾂｼｮｳｼﾞ</v>
          </cell>
          <cell r="C616" t="str">
            <v>協和印刷商事（株）札幌支社</v>
          </cell>
          <cell r="D616" t="str">
            <v>松田 正義</v>
          </cell>
          <cell r="E616" t="str">
            <v>支社長</v>
          </cell>
          <cell r="F616" t="str">
            <v>060-0807</v>
          </cell>
          <cell r="G616" t="str">
            <v>北区北７西５－６ストーク札幌ビル５</v>
          </cell>
          <cell r="H616" t="str">
            <v>716-4414</v>
          </cell>
          <cell r="I616" t="str">
            <v>716-2332</v>
          </cell>
        </row>
        <row r="617">
          <cell r="A617" t="str">
            <v>13154Z</v>
          </cell>
          <cell r="B617" t="str">
            <v>ｷﾔﾉﾝﾊﾝﾊﾞｲ</v>
          </cell>
          <cell r="C617" t="str">
            <v>キヤノン販売（株）札幌支店</v>
          </cell>
          <cell r="D617" t="str">
            <v>米澤 克尋</v>
          </cell>
          <cell r="E617" t="str">
            <v>支店長</v>
          </cell>
          <cell r="F617" t="str">
            <v>060-8522</v>
          </cell>
          <cell r="G617" t="str">
            <v>北区北７西１－１－２ ＳＥ山京ビル</v>
          </cell>
          <cell r="H617" t="str">
            <v>728-0616</v>
          </cell>
          <cell r="I617" t="str">
            <v>728-4920</v>
          </cell>
        </row>
        <row r="618">
          <cell r="A618" t="str">
            <v>13159Y</v>
          </cell>
          <cell r="B618" t="str">
            <v>ｷｰｳｪｱﾎｯｶｲﾄﾞｳ</v>
          </cell>
          <cell r="C618" t="str">
            <v>キーウェア北海道（株）</v>
          </cell>
          <cell r="D618" t="str">
            <v>小野寺 鉄男</v>
          </cell>
          <cell r="E618" t="str">
            <v>代表取締役社長</v>
          </cell>
          <cell r="F618" t="str">
            <v>060-0807</v>
          </cell>
          <cell r="G618" t="str">
            <v>北区北７西１ー１－５</v>
          </cell>
          <cell r="H618" t="str">
            <v>757-8551</v>
          </cell>
          <cell r="I618" t="str">
            <v>757-2322</v>
          </cell>
        </row>
        <row r="619">
          <cell r="A619" t="str">
            <v>13162R</v>
          </cell>
          <cell r="B619" t="str">
            <v>ｷｬﾘｱﾊﾞﾝｸ</v>
          </cell>
          <cell r="C619" t="str">
            <v>キャリアバンク（株）</v>
          </cell>
          <cell r="D619" t="str">
            <v>佐藤 良雄</v>
          </cell>
          <cell r="E619" t="str">
            <v>代表取締役</v>
          </cell>
          <cell r="F619" t="str">
            <v>060-0001</v>
          </cell>
          <cell r="G619" t="str">
            <v>中央区北１西２－１</v>
          </cell>
          <cell r="H619" t="str">
            <v>251-3373</v>
          </cell>
          <cell r="I619" t="str">
            <v>251-4330</v>
          </cell>
        </row>
        <row r="620">
          <cell r="A620" t="str">
            <v>13163N</v>
          </cell>
          <cell r="B620" t="str">
            <v>ｷﾀﾜﾗ</v>
          </cell>
          <cell r="C620" t="str">
            <v>（株）キタワラ札幌営業所</v>
          </cell>
          <cell r="D620" t="str">
            <v>似鳥 修司</v>
          </cell>
          <cell r="E620" t="str">
            <v>営業所長</v>
          </cell>
          <cell r="F620" t="str">
            <v>003-0002</v>
          </cell>
          <cell r="G620" t="str">
            <v>白石区東札幌２－３－２－２５ ＩＮＳビル</v>
          </cell>
          <cell r="H620" t="str">
            <v>841-1919</v>
          </cell>
          <cell r="I620" t="str">
            <v>841-1929</v>
          </cell>
        </row>
        <row r="621">
          <cell r="A621" t="str">
            <v>13164Y</v>
          </cell>
          <cell r="B621" t="str">
            <v>ｷｮｳﾄﾞｳﾋﾞｿｳ</v>
          </cell>
          <cell r="C621" t="str">
            <v>共同美装（株）</v>
          </cell>
          <cell r="D621" t="str">
            <v>鹿内 康子</v>
          </cell>
          <cell r="E621" t="str">
            <v>代表取締役</v>
          </cell>
          <cell r="F621" t="str">
            <v>060-0809</v>
          </cell>
          <cell r="G621" t="str">
            <v>北区北９西４－１－２</v>
          </cell>
          <cell r="H621" t="str">
            <v>726-1781</v>
          </cell>
          <cell r="I621" t="str">
            <v>756-6428</v>
          </cell>
        </row>
        <row r="622">
          <cell r="A622" t="str">
            <v>13165V</v>
          </cell>
          <cell r="B622" t="str">
            <v>ｷｮｳｴｲﾀﾃﾓﾉｶﾝﾘ</v>
          </cell>
          <cell r="C622" t="str">
            <v>協栄建物管理（株）</v>
          </cell>
          <cell r="D622" t="str">
            <v>風間 満</v>
          </cell>
          <cell r="E622" t="str">
            <v>代表取締役</v>
          </cell>
          <cell r="F622" t="str">
            <v>001-0014</v>
          </cell>
          <cell r="G622" t="str">
            <v>北区北１４西２－８</v>
          </cell>
          <cell r="H622" t="str">
            <v>707-7811</v>
          </cell>
          <cell r="I622" t="str">
            <v>707-7812</v>
          </cell>
        </row>
        <row r="623">
          <cell r="A623" t="str">
            <v>13167P</v>
          </cell>
          <cell r="B623" t="str">
            <v>ｷｮｳﾄﾞｳｲﾝｻﾂｷｻﾞｲ</v>
          </cell>
          <cell r="C623" t="str">
            <v>共同印刷機材（株）</v>
          </cell>
          <cell r="D623" t="str">
            <v>毛利 博勝</v>
          </cell>
          <cell r="E623" t="str">
            <v>代表取締役</v>
          </cell>
          <cell r="F623" t="str">
            <v>060-0001</v>
          </cell>
          <cell r="G623" t="str">
            <v>中央区北１西１８－１</v>
          </cell>
          <cell r="H623" t="str">
            <v>611-7221</v>
          </cell>
          <cell r="I623" t="str">
            <v>611-7224</v>
          </cell>
        </row>
        <row r="624">
          <cell r="A624" t="str">
            <v>13168Z</v>
          </cell>
          <cell r="B624" t="str">
            <v>ｷｮｳﾊﾞｼｴｲｼﾞｪﾝｼｰ</v>
          </cell>
          <cell r="C624" t="str">
            <v>（株）京橋エイジェンシー札幌支社</v>
          </cell>
          <cell r="D624" t="str">
            <v>五十嵐 久一</v>
          </cell>
          <cell r="E624" t="str">
            <v>支社長</v>
          </cell>
          <cell r="F624" t="str">
            <v>060-0062</v>
          </cell>
          <cell r="G624" t="str">
            <v>中央区南２西６－１７－２ トシックス２６ビル４</v>
          </cell>
          <cell r="H624" t="str">
            <v>271-5671</v>
          </cell>
          <cell r="I624" t="str">
            <v>261-1839</v>
          </cell>
        </row>
        <row r="625">
          <cell r="A625" t="str">
            <v>13169X</v>
          </cell>
          <cell r="B625" t="str">
            <v>ｷﾀﾆﾎﾝﾃﾚﾈｯﾄﾜｰｸ</v>
          </cell>
          <cell r="C625" t="str">
            <v>北日本テレネットワーク（株）</v>
          </cell>
          <cell r="D625" t="str">
            <v>宇野 博己</v>
          </cell>
          <cell r="E625" t="str">
            <v>代表取締役</v>
          </cell>
          <cell r="F625" t="str">
            <v>060-0042</v>
          </cell>
          <cell r="G625" t="str">
            <v>中央区大通西６－１０</v>
          </cell>
          <cell r="H625" t="str">
            <v>251-1661</v>
          </cell>
          <cell r="I625" t="str">
            <v>251-1695</v>
          </cell>
        </row>
        <row r="626">
          <cell r="A626" t="str">
            <v>13180T</v>
          </cell>
          <cell r="B626" t="str">
            <v>ｷﾝｲﾁｶﾝ</v>
          </cell>
          <cell r="C626" t="str">
            <v>（株）金市舘</v>
          </cell>
          <cell r="D626" t="str">
            <v>加藤 正雄</v>
          </cell>
          <cell r="E626" t="str">
            <v>代表取締役</v>
          </cell>
          <cell r="F626" t="str">
            <v>060-0062</v>
          </cell>
          <cell r="G626" t="str">
            <v>中央区南２西２－２</v>
          </cell>
          <cell r="H626" t="str">
            <v>210-0660</v>
          </cell>
          <cell r="I626" t="str">
            <v>242-0775</v>
          </cell>
        </row>
        <row r="627">
          <cell r="A627" t="str">
            <v>13181R</v>
          </cell>
          <cell r="B627" t="str">
            <v>ｷｮｳﾄﾞｳｶｶﾞｸ</v>
          </cell>
          <cell r="C627" t="str">
            <v>（株）共同化学</v>
          </cell>
          <cell r="D627" t="str">
            <v>丹羽 富治</v>
          </cell>
          <cell r="E627" t="str">
            <v>代表取締役</v>
          </cell>
          <cell r="F627" t="str">
            <v>053-0055</v>
          </cell>
          <cell r="G627" t="str">
            <v>苫小牧市新明町２－４－５</v>
          </cell>
          <cell r="H627" t="str">
            <v>0144-55-2277</v>
          </cell>
          <cell r="I627" t="str">
            <v>0144-55-2838</v>
          </cell>
        </row>
        <row r="628">
          <cell r="A628" t="str">
            <v>13183Y</v>
          </cell>
          <cell r="B628" t="str">
            <v>ｷｮｸﾄｳｺｳﾌﾞﾝｼ</v>
          </cell>
          <cell r="C628" t="str">
            <v>極東高分子（株）</v>
          </cell>
          <cell r="D628" t="str">
            <v>嶋谷 公幸</v>
          </cell>
          <cell r="E628" t="str">
            <v>代表取締役</v>
          </cell>
          <cell r="F628" t="str">
            <v>047-0261</v>
          </cell>
          <cell r="G628" t="str">
            <v>小樽市銭函２－５６－１</v>
          </cell>
          <cell r="H628" t="str">
            <v>0134-62-2111</v>
          </cell>
          <cell r="I628" t="str">
            <v>0134-62-4390</v>
          </cell>
        </row>
        <row r="629">
          <cell r="A629" t="str">
            <v>13185S</v>
          </cell>
          <cell r="B629" t="str">
            <v>ｷｭｰﾌﾞｺｰﾎﾟﾚｰｼｮﾝ</v>
          </cell>
          <cell r="C629" t="str">
            <v>（株）キューブコーポレーション</v>
          </cell>
          <cell r="D629" t="str">
            <v>河野 明美</v>
          </cell>
          <cell r="E629" t="str">
            <v>代表取締役</v>
          </cell>
          <cell r="F629" t="str">
            <v>060-0001</v>
          </cell>
          <cell r="G629" t="str">
            <v>中央区北１西１８－１－３６－７０１</v>
          </cell>
          <cell r="H629" t="str">
            <v>614-1616</v>
          </cell>
          <cell r="I629" t="str">
            <v>612-6606</v>
          </cell>
        </row>
        <row r="630">
          <cell r="A630" t="str">
            <v>13188X</v>
          </cell>
          <cell r="B630" t="str">
            <v>ｷﾞﾝﾚｲﾊﾞｽ</v>
          </cell>
          <cell r="C630" t="str">
            <v>銀嶺バス（株）</v>
          </cell>
          <cell r="D630" t="str">
            <v>渡辺 克仁</v>
          </cell>
          <cell r="E630" t="str">
            <v>代表取締役社長</v>
          </cell>
          <cell r="F630" t="str">
            <v>006-0832</v>
          </cell>
          <cell r="G630" t="str">
            <v>手稲区曙２－４－４－６５</v>
          </cell>
          <cell r="H630" t="str">
            <v>682-2000</v>
          </cell>
          <cell r="I630" t="str">
            <v>683-7870</v>
          </cell>
        </row>
        <row r="631">
          <cell r="A631" t="str">
            <v>13189V</v>
          </cell>
          <cell r="B631" t="str">
            <v>ｷﾀﾆﾎﾝｹｲﾋﾞｼﾞｷﾞｮｳ</v>
          </cell>
          <cell r="C631" t="str">
            <v>北日本警備事業（協）</v>
          </cell>
          <cell r="D631" t="str">
            <v>古屋 孝三</v>
          </cell>
          <cell r="E631" t="str">
            <v>代表理事</v>
          </cell>
          <cell r="F631" t="str">
            <v>064-0912</v>
          </cell>
          <cell r="G631" t="str">
            <v>中央区南１２西１４－１－１０</v>
          </cell>
          <cell r="H631" t="str">
            <v>520-2335</v>
          </cell>
          <cell r="I631" t="str">
            <v>727-0016</v>
          </cell>
        </row>
        <row r="632">
          <cell r="A632" t="str">
            <v>13190S</v>
          </cell>
          <cell r="B632" t="str">
            <v>ｷｭｰ･ｱﾝﾄﾞ･ｼｰ</v>
          </cell>
          <cell r="C632" t="str">
            <v>（株）キュー・アンド・シー</v>
          </cell>
          <cell r="D632" t="str">
            <v>奥野 和弘</v>
          </cell>
          <cell r="E632" t="str">
            <v>代表取締役</v>
          </cell>
          <cell r="F632" t="str">
            <v>007-0870</v>
          </cell>
          <cell r="G632" t="str">
            <v>東区伏古１０－４－６－６</v>
          </cell>
          <cell r="H632" t="str">
            <v>784-1784</v>
          </cell>
          <cell r="I632" t="str">
            <v>784-8211</v>
          </cell>
        </row>
        <row r="633">
          <cell r="A633" t="str">
            <v>13191P</v>
          </cell>
          <cell r="B633" t="str">
            <v>ｷｬﾘｱﾋﾞｼﾞﾈｽ</v>
          </cell>
          <cell r="C633" t="str">
            <v>キャリアビジネス（株）札幌営業部</v>
          </cell>
          <cell r="D633" t="str">
            <v>佐々木 英雄</v>
          </cell>
          <cell r="E633" t="str">
            <v>札幌営業部長</v>
          </cell>
          <cell r="F633" t="str">
            <v>060-0061</v>
          </cell>
          <cell r="G633" t="str">
            <v>中央区南１西１６－１－２４６朝日生命札幌西ビル</v>
          </cell>
          <cell r="H633" t="str">
            <v>644-2257</v>
          </cell>
          <cell r="I633" t="str">
            <v>644-2809</v>
          </cell>
        </row>
        <row r="634">
          <cell r="A634" t="str">
            <v>13193X</v>
          </cell>
          <cell r="B634" t="str">
            <v>ｷｮｳｾﾗﾐﾀｼﾞｬﾊﾟﾝ</v>
          </cell>
          <cell r="C634" t="str">
            <v>京セラミタジャパン（株）札幌ブランチ</v>
          </cell>
          <cell r="D634" t="str">
            <v>阿部 道宏</v>
          </cell>
          <cell r="E634" t="str">
            <v>マネージャー</v>
          </cell>
          <cell r="F634" t="str">
            <v>060-0001</v>
          </cell>
          <cell r="G634" t="str">
            <v>中央区北１西１３－４</v>
          </cell>
          <cell r="H634" t="str">
            <v>219-2345</v>
          </cell>
          <cell r="I634" t="str">
            <v>219-1552</v>
          </cell>
        </row>
        <row r="635">
          <cell r="A635" t="str">
            <v>13194V</v>
          </cell>
          <cell r="B635" t="str">
            <v>ｷｮｳﾜﾌﾟﾛﾃｯｸ</v>
          </cell>
          <cell r="C635" t="str">
            <v>キョウワプロテック（株）</v>
          </cell>
          <cell r="D635" t="str">
            <v>吾妻 学</v>
          </cell>
          <cell r="E635" t="str">
            <v>代表取締役</v>
          </cell>
          <cell r="F635" t="str">
            <v>960-8061</v>
          </cell>
          <cell r="G635" t="str">
            <v>福島県福島市五月町３－２０</v>
          </cell>
          <cell r="H635" t="str">
            <v>024-521-0911</v>
          </cell>
          <cell r="I635" t="str">
            <v>024-523-1603</v>
          </cell>
        </row>
        <row r="636">
          <cell r="A636" t="str">
            <v>13197Y</v>
          </cell>
          <cell r="B636" t="str">
            <v>ｷｬﾉﾝｼｽﾃﾑｱﾝﾄﾞｻﾎﾟｰﾄ</v>
          </cell>
          <cell r="C636" t="str">
            <v>キャノンシステムアンドサポート（株）北海道営業本部</v>
          </cell>
          <cell r="D636" t="str">
            <v>井手 美臣</v>
          </cell>
          <cell r="E636" t="str">
            <v>本部長</v>
          </cell>
          <cell r="F636" t="str">
            <v>062-0937</v>
          </cell>
          <cell r="G636" t="str">
            <v>豊平区平岸７－１４－１－３２</v>
          </cell>
          <cell r="H636" t="str">
            <v>812-7691</v>
          </cell>
          <cell r="I636" t="str">
            <v>813-6239</v>
          </cell>
        </row>
        <row r="637">
          <cell r="A637" t="str">
            <v>13200N</v>
          </cell>
          <cell r="B637" t="str">
            <v>ｷﾀｴﾝﾀｰﾌﾟﾗｲｽﾞ</v>
          </cell>
          <cell r="C637" t="str">
            <v>（有）キタエンタープライズ</v>
          </cell>
          <cell r="D637" t="str">
            <v>喜多 清</v>
          </cell>
          <cell r="E637" t="str">
            <v>代表取締役</v>
          </cell>
          <cell r="F637" t="str">
            <v>062-0931</v>
          </cell>
          <cell r="G637" t="str">
            <v>豊平区平岸１－６－２ Ｂ１－４０３</v>
          </cell>
          <cell r="H637" t="str">
            <v>820-5311</v>
          </cell>
          <cell r="I637" t="str">
            <v>820-5512</v>
          </cell>
        </row>
        <row r="638">
          <cell r="A638" t="str">
            <v>13203T</v>
          </cell>
          <cell r="B638" t="str">
            <v>ｷﾀｶﾞﾜ</v>
          </cell>
          <cell r="C638" t="str">
            <v>（株）北川</v>
          </cell>
          <cell r="D638" t="str">
            <v>北川 壮一郎</v>
          </cell>
          <cell r="E638" t="str">
            <v>代表取締役</v>
          </cell>
          <cell r="F638" t="str">
            <v>065-0020</v>
          </cell>
          <cell r="G638" t="str">
            <v>東区北２０東１６－５－２９</v>
          </cell>
          <cell r="H638" t="str">
            <v>783-0181</v>
          </cell>
          <cell r="I638" t="str">
            <v>782-8076</v>
          </cell>
        </row>
        <row r="639">
          <cell r="A639" t="str">
            <v>13205Z</v>
          </cell>
          <cell r="B639" t="str">
            <v>ｷｮｳﾜｺｳｷﾞｮｳ</v>
          </cell>
          <cell r="C639" t="str">
            <v>協和工業（株）</v>
          </cell>
          <cell r="D639" t="str">
            <v>清水 重信</v>
          </cell>
          <cell r="E639" t="str">
            <v>代表取締役</v>
          </cell>
          <cell r="F639" t="str">
            <v>527-0125</v>
          </cell>
          <cell r="G639" t="str">
            <v>滋賀県愛知郡湖東町大字小田苅１７９０</v>
          </cell>
          <cell r="H639" t="str">
            <v>0749-45-0561</v>
          </cell>
          <cell r="I639" t="str">
            <v>0749-45-2393</v>
          </cell>
        </row>
        <row r="640">
          <cell r="A640" t="str">
            <v>13207V</v>
          </cell>
          <cell r="B640" t="str">
            <v>ｷﾀﾆﾎﾝｼｮｳﾄﾞｸ</v>
          </cell>
          <cell r="C640" t="str">
            <v>（株）北日本消毒</v>
          </cell>
          <cell r="D640" t="str">
            <v>湊 晃一</v>
          </cell>
          <cell r="E640" t="str">
            <v>代表取締役</v>
          </cell>
          <cell r="F640" t="str">
            <v>047-0007</v>
          </cell>
          <cell r="G640" t="str">
            <v>小樽市港町７－２</v>
          </cell>
          <cell r="H640" t="str">
            <v>0134-29-3143</v>
          </cell>
          <cell r="I640" t="str">
            <v>0134-33-7839</v>
          </cell>
        </row>
        <row r="641">
          <cell r="A641" t="str">
            <v>13208S</v>
          </cell>
          <cell r="B641" t="str">
            <v>ｷｮｳｾｲﾚﾝﾃﾑ</v>
          </cell>
          <cell r="C641" t="str">
            <v>（株）共成レンテム札幌営業所</v>
          </cell>
          <cell r="D641" t="str">
            <v>埒見 嘉広</v>
          </cell>
          <cell r="E641" t="str">
            <v>所長</v>
          </cell>
          <cell r="F641" t="str">
            <v>006-0023</v>
          </cell>
          <cell r="G641" t="str">
            <v>手稲区手稲本町３－４－５－５０</v>
          </cell>
          <cell r="H641" t="str">
            <v>694-0111</v>
          </cell>
          <cell r="I641" t="str">
            <v>694-0123</v>
          </cell>
        </row>
        <row r="642">
          <cell r="A642" t="str">
            <v>13209P</v>
          </cell>
          <cell r="B642" t="str">
            <v>ｷﾝﾎﾞｼ</v>
          </cell>
          <cell r="C642" t="str">
            <v>（株）金星</v>
          </cell>
          <cell r="D642" t="str">
            <v>石井 裕一</v>
          </cell>
          <cell r="E642" t="str">
            <v>代表取締役</v>
          </cell>
          <cell r="F642" t="str">
            <v>064-0807</v>
          </cell>
          <cell r="G642" t="str">
            <v>中央区南７西１－１３－７３</v>
          </cell>
          <cell r="H642" t="str">
            <v>552-9601</v>
          </cell>
          <cell r="I642" t="str">
            <v>552-9602</v>
          </cell>
        </row>
        <row r="643">
          <cell r="A643" t="str">
            <v>13210Z</v>
          </cell>
          <cell r="B643" t="str">
            <v>ｷｮｰｴｰｷｶｸ</v>
          </cell>
          <cell r="C643" t="str">
            <v>（有）キョーエー企画</v>
          </cell>
          <cell r="D643" t="str">
            <v>松山 紀子</v>
          </cell>
          <cell r="E643" t="str">
            <v>代表取締役</v>
          </cell>
          <cell r="F643" t="str">
            <v>069-0852</v>
          </cell>
          <cell r="G643" t="str">
            <v>江別市大麻東町１５－１１</v>
          </cell>
          <cell r="H643" t="str">
            <v>387-0001</v>
          </cell>
          <cell r="I643" t="str">
            <v>387-0611</v>
          </cell>
        </row>
        <row r="644">
          <cell r="A644" t="str">
            <v>13212V</v>
          </cell>
          <cell r="B644" t="str">
            <v>ｷｮｳｴｲﾛｯｸ</v>
          </cell>
          <cell r="C644" t="str">
            <v>（有）共栄ロック</v>
          </cell>
          <cell r="D644" t="str">
            <v>寺口 玄哉</v>
          </cell>
          <cell r="E644" t="str">
            <v>取締役</v>
          </cell>
          <cell r="F644" t="str">
            <v>006-0003</v>
          </cell>
          <cell r="G644" t="str">
            <v>手稲区西宮の沢３－１－１２１－２６</v>
          </cell>
          <cell r="H644" t="str">
            <v>668-1569</v>
          </cell>
          <cell r="I644" t="str">
            <v>668-1570</v>
          </cell>
        </row>
        <row r="645">
          <cell r="A645" t="str">
            <v>13213S</v>
          </cell>
          <cell r="B645" t="str">
            <v>ｷﾀｻｯﾎﾟﾛｺｶﾞﾀｳﾝｿｳｼｬ</v>
          </cell>
          <cell r="C645" t="str">
            <v>（有）北札幌小型運送社</v>
          </cell>
          <cell r="D645" t="str">
            <v>福田 栄子</v>
          </cell>
          <cell r="E645" t="str">
            <v>代表取締役</v>
          </cell>
          <cell r="F645" t="str">
            <v>007-0839</v>
          </cell>
          <cell r="G645" t="str">
            <v>東区北３９東１８－２－１</v>
          </cell>
          <cell r="H645" t="str">
            <v>782-0557</v>
          </cell>
          <cell r="I645" t="str">
            <v>782-8417</v>
          </cell>
        </row>
        <row r="646">
          <cell r="A646" t="str">
            <v>13214P</v>
          </cell>
          <cell r="B646" t="str">
            <v>ｷｮｳﾄﾞｳｺｳｺｸ</v>
          </cell>
          <cell r="C646" t="str">
            <v>協同広告（株）札幌支店</v>
          </cell>
          <cell r="D646" t="str">
            <v>宍戸 歩</v>
          </cell>
          <cell r="E646" t="str">
            <v>支店長</v>
          </cell>
          <cell r="F646" t="str">
            <v>060-0003</v>
          </cell>
          <cell r="G646" t="str">
            <v>中央区北３西３－１－４４札幌富士ビル</v>
          </cell>
          <cell r="H646" t="str">
            <v>241-7125</v>
          </cell>
          <cell r="I646" t="str">
            <v>271-7834</v>
          </cell>
        </row>
        <row r="647">
          <cell r="A647" t="str">
            <v>13503X</v>
          </cell>
          <cell r="B647" t="str">
            <v>ｸﾎﾞﾀｽﾎﾟｰﾂ</v>
          </cell>
          <cell r="C647" t="str">
            <v>（有）クボタスポーツ</v>
          </cell>
          <cell r="D647" t="str">
            <v>久保田 憲明</v>
          </cell>
          <cell r="E647" t="str">
            <v>代表取締役</v>
          </cell>
          <cell r="F647" t="str">
            <v>063-0811</v>
          </cell>
          <cell r="G647" t="str">
            <v>西区琴似１－２－３－８</v>
          </cell>
          <cell r="H647" t="str">
            <v>621-2276</v>
          </cell>
          <cell r="I647" t="str">
            <v>643-3708</v>
          </cell>
        </row>
        <row r="648">
          <cell r="A648" t="str">
            <v>13504V</v>
          </cell>
          <cell r="B648" t="str">
            <v>ｸｼﾛｾｷﾀﾝﾊﾝﾊﾞｲ</v>
          </cell>
          <cell r="C648" t="str">
            <v>釧路石炭販売（株）札幌販売支店</v>
          </cell>
          <cell r="D648" t="str">
            <v>佐藤 実</v>
          </cell>
          <cell r="E648" t="str">
            <v>支店長</v>
          </cell>
          <cell r="F648" t="str">
            <v>005-0806</v>
          </cell>
          <cell r="G648" t="str">
            <v>南区川沿６－２－２－１</v>
          </cell>
          <cell r="H648" t="str">
            <v>571-5189</v>
          </cell>
          <cell r="I648" t="str">
            <v>571-3666</v>
          </cell>
        </row>
        <row r="649">
          <cell r="A649" t="str">
            <v>13507Y</v>
          </cell>
          <cell r="B649" t="str">
            <v>ｸﾘﾊﾞﾔｼｼｮｳｶｲ</v>
          </cell>
          <cell r="C649" t="str">
            <v>（株）栗林商会札幌支社</v>
          </cell>
          <cell r="D649" t="str">
            <v>佐久間 宣有</v>
          </cell>
          <cell r="E649" t="str">
            <v>取締役札幌支社長</v>
          </cell>
          <cell r="F649" t="str">
            <v>060-0003</v>
          </cell>
          <cell r="G649" t="str">
            <v>中央区北３西１２－２－４</v>
          </cell>
          <cell r="H649" t="str">
            <v>221-8522</v>
          </cell>
          <cell r="I649" t="str">
            <v>271-8767</v>
          </cell>
        </row>
        <row r="650">
          <cell r="A650" t="str">
            <v>13508W</v>
          </cell>
          <cell r="B650" t="str">
            <v>ｸﾘﾀｺｳｷﾞｮｳ</v>
          </cell>
          <cell r="C650" t="str">
            <v>栗田工業（株）札幌支店</v>
          </cell>
          <cell r="D650" t="str">
            <v>木村 茂生</v>
          </cell>
          <cell r="E650" t="str">
            <v>支店長</v>
          </cell>
          <cell r="F650" t="str">
            <v>060-0061</v>
          </cell>
          <cell r="G650" t="str">
            <v>中央区南１西６－１５－１札幌あおば生命ビル８Ｆ</v>
          </cell>
          <cell r="H650" t="str">
            <v>221-2165</v>
          </cell>
          <cell r="I650" t="str">
            <v>222-3963</v>
          </cell>
        </row>
        <row r="651">
          <cell r="A651" t="str">
            <v>13509T</v>
          </cell>
          <cell r="B651" t="str">
            <v>ｸﾞﾗﾌｼｮｳｶｲ</v>
          </cell>
          <cell r="C651" t="str">
            <v>（株）グラフ商会札幌営業所</v>
          </cell>
          <cell r="D651" t="str">
            <v>嶋村 嘉晃</v>
          </cell>
          <cell r="E651" t="str">
            <v>営業所長</v>
          </cell>
          <cell r="F651" t="str">
            <v>060-0061</v>
          </cell>
          <cell r="G651" t="str">
            <v>中央区南１西４</v>
          </cell>
          <cell r="H651" t="str">
            <v>251-8186</v>
          </cell>
          <cell r="I651" t="str">
            <v>261-0591</v>
          </cell>
        </row>
        <row r="652">
          <cell r="A652" t="str">
            <v>13510R</v>
          </cell>
          <cell r="B652" t="str">
            <v>ｶﾞｲｱｰﾄﾃｨｰｹｲ</v>
          </cell>
          <cell r="C652" t="str">
            <v>（株）ガイアートＴ・Ｋ北海道支店</v>
          </cell>
          <cell r="D652" t="str">
            <v>中山 元</v>
          </cell>
          <cell r="E652" t="str">
            <v>支店長</v>
          </cell>
          <cell r="F652" t="str">
            <v>060-0001</v>
          </cell>
          <cell r="G652" t="str">
            <v>中央区北１西１０－１－４ 北１条ｻﾝﾏｳﾝﾃﾝﾋﾞﾙ８Ｆ</v>
          </cell>
          <cell r="H652" t="str">
            <v>221-7736</v>
          </cell>
          <cell r="I652" t="str">
            <v>221-7210</v>
          </cell>
        </row>
        <row r="653">
          <cell r="A653" t="str">
            <v>13511N</v>
          </cell>
          <cell r="B653" t="str">
            <v>ｸﾘﾔﾏｻﾝｷﾞｮｳ</v>
          </cell>
          <cell r="C653" t="str">
            <v>栗山産業（株）札幌支店</v>
          </cell>
          <cell r="D653" t="str">
            <v>栗山 憲一郎</v>
          </cell>
          <cell r="E653" t="str">
            <v>支店長</v>
          </cell>
          <cell r="F653" t="str">
            <v>060-0008</v>
          </cell>
          <cell r="G653" t="str">
            <v>中央区北８西２０－１</v>
          </cell>
          <cell r="H653" t="str">
            <v>612-1121</v>
          </cell>
          <cell r="I653" t="str">
            <v>612-1113</v>
          </cell>
        </row>
        <row r="654">
          <cell r="A654" t="str">
            <v>13512Y</v>
          </cell>
          <cell r="B654" t="str">
            <v>ｸﾎﾞﾀ</v>
          </cell>
          <cell r="C654" t="str">
            <v>（株）クボタ北海道支社</v>
          </cell>
          <cell r="D654" t="str">
            <v>土谷 正幸</v>
          </cell>
          <cell r="E654" t="str">
            <v>支社長</v>
          </cell>
          <cell r="F654" t="str">
            <v>060-0003</v>
          </cell>
          <cell r="G654" t="str">
            <v>中央区北３西３－１－４４</v>
          </cell>
          <cell r="H654" t="str">
            <v>214-3111</v>
          </cell>
          <cell r="I654" t="str">
            <v>214-3118</v>
          </cell>
        </row>
        <row r="655">
          <cell r="A655" t="str">
            <v>13514T</v>
          </cell>
          <cell r="B655" t="str">
            <v>ｸﾙｰｽﾞ</v>
          </cell>
          <cell r="C655" t="str">
            <v>（株）クルーズ</v>
          </cell>
          <cell r="D655" t="str">
            <v>橋場 江里子</v>
          </cell>
          <cell r="E655" t="str">
            <v>代表取締役</v>
          </cell>
          <cell r="F655" t="str">
            <v>060-0004</v>
          </cell>
          <cell r="G655" t="str">
            <v>中央区北４西１２－１ほくろうビル</v>
          </cell>
          <cell r="H655" t="str">
            <v>242-8088</v>
          </cell>
          <cell r="I655" t="str">
            <v>242-8188</v>
          </cell>
        </row>
        <row r="656">
          <cell r="A656" t="str">
            <v>13517X</v>
          </cell>
          <cell r="B656" t="str">
            <v>ｸﾆｶﾀｻﾝｷﾞｮｳ</v>
          </cell>
          <cell r="C656" t="str">
            <v>（有）国方産業</v>
          </cell>
          <cell r="D656" t="str">
            <v>國方 建一</v>
          </cell>
          <cell r="E656" t="str">
            <v>代表取締役</v>
          </cell>
          <cell r="F656" t="str">
            <v>005-0862</v>
          </cell>
          <cell r="G656" t="str">
            <v>南区滝野１９</v>
          </cell>
          <cell r="H656" t="str">
            <v>591-3190</v>
          </cell>
          <cell r="I656" t="str">
            <v>592-1201</v>
          </cell>
        </row>
        <row r="657">
          <cell r="A657" t="str">
            <v>13520P</v>
          </cell>
          <cell r="B657" t="str">
            <v>ｸﾜｻﾞﾜ</v>
          </cell>
          <cell r="C657" t="str">
            <v>（株）クワザワ</v>
          </cell>
          <cell r="D657" t="str">
            <v>桑澤 嘉英</v>
          </cell>
          <cell r="E657" t="str">
            <v>取締役社長</v>
          </cell>
          <cell r="F657" t="str">
            <v>003-8560</v>
          </cell>
          <cell r="G657" t="str">
            <v>白石区中央２－７－１－１</v>
          </cell>
          <cell r="H657" t="str">
            <v>864-1122</v>
          </cell>
          <cell r="I657" t="str">
            <v>862-4579</v>
          </cell>
        </row>
        <row r="658">
          <cell r="A658" t="str">
            <v>13524S</v>
          </cell>
          <cell r="B658" t="str">
            <v>ｸﾎﾞﾀｶﾝｷｮｳｻｰﾋﾞｽ</v>
          </cell>
          <cell r="C658" t="str">
            <v>クボタ環境サービス（株）北海道支店</v>
          </cell>
          <cell r="D658" t="str">
            <v>廣山 照男</v>
          </cell>
          <cell r="E658" t="str">
            <v>支店長</v>
          </cell>
          <cell r="F658" t="str">
            <v>060-0003</v>
          </cell>
          <cell r="G658" t="str">
            <v>中央区北３西３－１－４４富士ビル７Ｆ</v>
          </cell>
          <cell r="H658" t="str">
            <v>214-3155</v>
          </cell>
          <cell r="I658" t="str">
            <v>214-3156</v>
          </cell>
        </row>
        <row r="659">
          <cell r="A659" t="str">
            <v>13526Y</v>
          </cell>
          <cell r="B659" t="str">
            <v>ｸﾆﾀｹﾀｵﾙｻｯﾎﾟﾛﾃﾝ</v>
          </cell>
          <cell r="C659" t="str">
            <v>（株）国竹タオル札幌店</v>
          </cell>
          <cell r="D659" t="str">
            <v>多田 栄一</v>
          </cell>
          <cell r="E659" t="str">
            <v>代表取締役</v>
          </cell>
          <cell r="F659" t="str">
            <v>060-0042</v>
          </cell>
          <cell r="G659" t="str">
            <v>中央区大通西１０－４</v>
          </cell>
          <cell r="H659" t="str">
            <v>241-7406</v>
          </cell>
          <cell r="I659" t="str">
            <v>261-0863</v>
          </cell>
        </row>
        <row r="660">
          <cell r="A660" t="str">
            <v>13530N</v>
          </cell>
          <cell r="B660" t="str">
            <v>ｸﾛﾀﾞｼｮｳﾃﾝ</v>
          </cell>
          <cell r="C660" t="str">
            <v>（株）畔田商店</v>
          </cell>
          <cell r="D660" t="str">
            <v>畔田 政道</v>
          </cell>
          <cell r="E660" t="str">
            <v>代表取締役</v>
          </cell>
          <cell r="F660" t="str">
            <v>064-0912</v>
          </cell>
          <cell r="G660" t="str">
            <v>中央区南１２西１３－９５４</v>
          </cell>
          <cell r="H660" t="str">
            <v>561-8301</v>
          </cell>
          <cell r="I660" t="str">
            <v>531-6688</v>
          </cell>
        </row>
        <row r="661">
          <cell r="A661" t="str">
            <v>13532W</v>
          </cell>
          <cell r="B661" t="str">
            <v>ｸｲﾝｼｮｳｶｲ</v>
          </cell>
          <cell r="C661" t="str">
            <v>（有）クイン商会</v>
          </cell>
          <cell r="D661" t="str">
            <v>武澤 敏章</v>
          </cell>
          <cell r="E661" t="str">
            <v>代表取締役</v>
          </cell>
          <cell r="F661" t="str">
            <v>003-0026</v>
          </cell>
          <cell r="G661" t="str">
            <v>白石区本通８南２－１４</v>
          </cell>
          <cell r="H661" t="str">
            <v>862-8958</v>
          </cell>
          <cell r="I661" t="str">
            <v>862-8958</v>
          </cell>
        </row>
        <row r="662">
          <cell r="A662" t="str">
            <v>13534R</v>
          </cell>
          <cell r="B662" t="str">
            <v>ｸﾜﾊﾗｼｮｸﾘｮｳ</v>
          </cell>
          <cell r="C662" t="str">
            <v>クワハラ食糧（株）</v>
          </cell>
          <cell r="D662" t="str">
            <v>桑原 隆之</v>
          </cell>
          <cell r="E662" t="str">
            <v>代表取締役</v>
          </cell>
          <cell r="F662" t="str">
            <v>001-0045</v>
          </cell>
          <cell r="G662" t="str">
            <v>北区麻生町７－６－１２</v>
          </cell>
          <cell r="H662" t="str">
            <v>717-6688</v>
          </cell>
          <cell r="I662" t="str">
            <v>737-4445</v>
          </cell>
        </row>
        <row r="663">
          <cell r="A663" t="str">
            <v>13537V</v>
          </cell>
          <cell r="B663" t="str">
            <v>ｸﾘﾊﾞﾔｼﾘｰｽ</v>
          </cell>
          <cell r="C663" t="str">
            <v>栗林リース（株）札幌支店</v>
          </cell>
          <cell r="D663" t="str">
            <v>峯田 美根夫</v>
          </cell>
          <cell r="E663" t="str">
            <v>専務取締役札幌支店支店長</v>
          </cell>
          <cell r="F663" t="str">
            <v>060-0003</v>
          </cell>
          <cell r="G663" t="str">
            <v>中央区北３西１２－２－４</v>
          </cell>
          <cell r="H663" t="str">
            <v>271-4618</v>
          </cell>
          <cell r="I663" t="str">
            <v>222-7976</v>
          </cell>
        </row>
        <row r="664">
          <cell r="A664" t="str">
            <v>13542V</v>
          </cell>
          <cell r="B664" t="str">
            <v>ｸｻｶﾍﾞ</v>
          </cell>
          <cell r="C664" t="str">
            <v>クサカベ（株）札幌営業所</v>
          </cell>
          <cell r="D664" t="str">
            <v>森 輝彦</v>
          </cell>
          <cell r="E664" t="str">
            <v>所長</v>
          </cell>
          <cell r="F664" t="str">
            <v>005-0003</v>
          </cell>
          <cell r="G664" t="str">
            <v>南区澄川３－１－９－２８</v>
          </cell>
          <cell r="H664" t="str">
            <v>824-7971</v>
          </cell>
          <cell r="I664" t="str">
            <v>824-7973</v>
          </cell>
        </row>
        <row r="665">
          <cell r="A665" t="str">
            <v>13545Y</v>
          </cell>
          <cell r="B665" t="str">
            <v>ｸﾚｵ･ﾑｲﾅｽ</v>
          </cell>
          <cell r="C665" t="str">
            <v>（株）クレオ・ムイナス</v>
          </cell>
          <cell r="D665" t="str">
            <v>今村 樹憲</v>
          </cell>
          <cell r="E665" t="str">
            <v>代表取締役</v>
          </cell>
          <cell r="F665" t="str">
            <v>064-0944</v>
          </cell>
          <cell r="G665" t="str">
            <v>中央区円山西町１－６－９</v>
          </cell>
          <cell r="H665" t="str">
            <v>643-3131</v>
          </cell>
          <cell r="I665" t="str">
            <v>643-2333</v>
          </cell>
        </row>
        <row r="666">
          <cell r="A666" t="str">
            <v>13549N</v>
          </cell>
          <cell r="B666" t="str">
            <v>ｸﾎﾞﾀｺｳｷﾞｮｳｼｮ</v>
          </cell>
          <cell r="C666" t="str">
            <v>久保田興業所</v>
          </cell>
          <cell r="D666" t="str">
            <v>久保田 和夫</v>
          </cell>
          <cell r="E666" t="str">
            <v>代表</v>
          </cell>
          <cell r="F666" t="str">
            <v>060-0001</v>
          </cell>
          <cell r="G666" t="str">
            <v>中央区北１西７ 松井ビル３Ｆ</v>
          </cell>
          <cell r="H666" t="str">
            <v>241-2727</v>
          </cell>
          <cell r="I666" t="str">
            <v>271-0608</v>
          </cell>
        </row>
        <row r="667">
          <cell r="A667" t="str">
            <v>13553R</v>
          </cell>
          <cell r="B667" t="str">
            <v>ｸﾘｰﾝｻｰﾋﾞｽ</v>
          </cell>
          <cell r="C667" t="str">
            <v>（株）クリーンサービス</v>
          </cell>
          <cell r="D667" t="str">
            <v>上田 光洋</v>
          </cell>
          <cell r="E667" t="str">
            <v>代表取締役</v>
          </cell>
          <cell r="F667" t="str">
            <v>003-0814</v>
          </cell>
          <cell r="G667" t="str">
            <v>白石区菊水上町４－４－９５－１５</v>
          </cell>
          <cell r="H667" t="str">
            <v>831-3092</v>
          </cell>
          <cell r="I667" t="str">
            <v>831-3644</v>
          </cell>
        </row>
        <row r="668">
          <cell r="A668" t="str">
            <v>13555X</v>
          </cell>
          <cell r="B668" t="str">
            <v>ｸｳﾁｮｳｷｷｶﾝﾘ</v>
          </cell>
          <cell r="C668" t="str">
            <v>空調機器管理（株）</v>
          </cell>
          <cell r="D668" t="str">
            <v>桝澤 浩</v>
          </cell>
          <cell r="E668" t="str">
            <v>代表取締役</v>
          </cell>
          <cell r="F668" t="str">
            <v>064-0914</v>
          </cell>
          <cell r="G668" t="str">
            <v>中央区南１４西１５－２－２</v>
          </cell>
          <cell r="H668" t="str">
            <v>561-0480</v>
          </cell>
          <cell r="I668" t="str">
            <v>561-0332</v>
          </cell>
        </row>
        <row r="669">
          <cell r="A669" t="str">
            <v>13557S</v>
          </cell>
          <cell r="B669" t="str">
            <v>ｸﾛｶﾞﾈｺｳｻｸｼｮ</v>
          </cell>
          <cell r="C669" t="str">
            <v>（株）くろがね工作所札幌営業所</v>
          </cell>
          <cell r="D669" t="str">
            <v>梶谷 明</v>
          </cell>
          <cell r="E669" t="str">
            <v>所長</v>
          </cell>
          <cell r="F669" t="str">
            <v>060-0001</v>
          </cell>
          <cell r="G669" t="str">
            <v>中央区北１西７－３ 北１条第一生命ビル７Ｆ</v>
          </cell>
          <cell r="H669" t="str">
            <v>281-2373</v>
          </cell>
          <cell r="I669" t="str">
            <v>281-2367</v>
          </cell>
        </row>
        <row r="670">
          <cell r="A670" t="str">
            <v>13563P</v>
          </cell>
          <cell r="B670" t="str">
            <v>ｸﾞﾘｰﾝﾗｲﾌ</v>
          </cell>
          <cell r="C670" t="str">
            <v>（株）グリーンライフ</v>
          </cell>
          <cell r="D670" t="str">
            <v>中川 義隆</v>
          </cell>
          <cell r="E670" t="str">
            <v>代表取締役</v>
          </cell>
          <cell r="F670" t="str">
            <v>062-0041</v>
          </cell>
          <cell r="G670" t="str">
            <v>豊平区福住１－５－１３－１３</v>
          </cell>
          <cell r="H670" t="str">
            <v>855-3116</v>
          </cell>
          <cell r="I670" t="str">
            <v>855-3117</v>
          </cell>
        </row>
        <row r="671">
          <cell r="A671" t="str">
            <v>13566T</v>
          </cell>
          <cell r="B671" t="str">
            <v>ｸﾘｰﾝｺｰﾎﾟﾚｰｼｮﾝ</v>
          </cell>
          <cell r="C671" t="str">
            <v>（株）クリーンコーポレーション</v>
          </cell>
          <cell r="D671" t="str">
            <v>大角 忠義</v>
          </cell>
          <cell r="E671" t="str">
            <v>代表取締役</v>
          </cell>
          <cell r="F671" t="str">
            <v>064-0922</v>
          </cell>
          <cell r="G671" t="str">
            <v>中央区南２２西６－２－２５ エムズ南２２条第３</v>
          </cell>
          <cell r="H671" t="str">
            <v>551-3250</v>
          </cell>
          <cell r="I671" t="str">
            <v>551-3224</v>
          </cell>
        </row>
        <row r="672">
          <cell r="A672" t="str">
            <v>13568N</v>
          </cell>
          <cell r="B672" t="str">
            <v>ｸﾗﾔｼｮｳｼﾞ</v>
          </cell>
          <cell r="C672" t="str">
            <v>クラヤ商事（株）</v>
          </cell>
          <cell r="D672" t="str">
            <v>安養寺 信弘</v>
          </cell>
          <cell r="E672" t="str">
            <v>代表取締役</v>
          </cell>
          <cell r="F672" t="str">
            <v>130-8671</v>
          </cell>
          <cell r="G672" t="str">
            <v>東京都墨田区石原４－２５－１２</v>
          </cell>
          <cell r="H672" t="str">
            <v>03-3626-6555</v>
          </cell>
          <cell r="I672" t="str">
            <v>03-3626-6551</v>
          </cell>
        </row>
        <row r="673">
          <cell r="A673" t="str">
            <v>13570W</v>
          </cell>
          <cell r="B673" t="str">
            <v>ｸﾛｽﾜｰﾄﾞ</v>
          </cell>
          <cell r="C673" t="str">
            <v>（有）クロスワード</v>
          </cell>
          <cell r="D673" t="str">
            <v>高橋 正兆</v>
          </cell>
          <cell r="E673" t="str">
            <v>代表取締役</v>
          </cell>
          <cell r="F673" t="str">
            <v>065-0026</v>
          </cell>
          <cell r="G673" t="str">
            <v>東区北２６東１－４－２３</v>
          </cell>
          <cell r="H673" t="str">
            <v>751-8123</v>
          </cell>
          <cell r="I673" t="str">
            <v>751-8821</v>
          </cell>
        </row>
        <row r="674">
          <cell r="A674" t="str">
            <v>13573N</v>
          </cell>
          <cell r="B674" t="str">
            <v>ｸﾘｰﾝ･ﾋﾞﾙｻｰﾋﾞｽ</v>
          </cell>
          <cell r="C674" t="str">
            <v>クリーン・ビルサービス（株）札幌支社</v>
          </cell>
          <cell r="D674" t="str">
            <v>阿部 正</v>
          </cell>
          <cell r="E674" t="str">
            <v>札幌支社長</v>
          </cell>
          <cell r="F674" t="str">
            <v>065-0026</v>
          </cell>
          <cell r="G674" t="str">
            <v>東区北２６東５－２－２５</v>
          </cell>
          <cell r="H674" t="str">
            <v>704-5780</v>
          </cell>
          <cell r="I674" t="str">
            <v>704-5777</v>
          </cell>
        </row>
        <row r="675">
          <cell r="A675" t="str">
            <v>13575V</v>
          </cell>
          <cell r="B675" t="str">
            <v>ｸﾗｲｽﾄ･ｱﾄﾞｳﾞｧﾝ</v>
          </cell>
          <cell r="C675" t="str">
            <v>（株）クライスト・アドヴァン</v>
          </cell>
          <cell r="D675" t="str">
            <v>堀 健一</v>
          </cell>
          <cell r="E675" t="str">
            <v>代表取締役</v>
          </cell>
          <cell r="F675" t="str">
            <v>007-0837</v>
          </cell>
          <cell r="G675" t="str">
            <v>東区北３７東７－２－１１</v>
          </cell>
          <cell r="H675" t="str">
            <v>748-7871</v>
          </cell>
          <cell r="I675" t="str">
            <v>748-7872</v>
          </cell>
        </row>
        <row r="676">
          <cell r="A676" t="str">
            <v>13576S</v>
          </cell>
          <cell r="B676" t="str">
            <v>ｸﾎﾞﾀｼｽﾃﾑｶｲﾊﾂ</v>
          </cell>
          <cell r="C676" t="str">
            <v>クボタシステム開発（株）札幌営業所</v>
          </cell>
          <cell r="D676" t="str">
            <v>房野 敬一</v>
          </cell>
          <cell r="E676" t="str">
            <v>所長</v>
          </cell>
          <cell r="F676" t="str">
            <v>060-0003</v>
          </cell>
          <cell r="G676" t="str">
            <v>中央区北３西３－１－４４ 札幌富士ビル７Ｆ</v>
          </cell>
          <cell r="H676" t="str">
            <v>214-3114</v>
          </cell>
          <cell r="I676" t="str">
            <v>214-3115</v>
          </cell>
        </row>
        <row r="677">
          <cell r="A677" t="str">
            <v>13577P</v>
          </cell>
          <cell r="B677" t="str">
            <v>ｸﾗﾚﾒﾃﾞｨｶﾙ</v>
          </cell>
          <cell r="C677" t="str">
            <v>クラレメディカル（株）札幌営業所</v>
          </cell>
          <cell r="D677" t="str">
            <v>松井 直樹</v>
          </cell>
          <cell r="E677" t="str">
            <v>所長</v>
          </cell>
          <cell r="F677" t="str">
            <v>060-0003</v>
          </cell>
          <cell r="G677" t="str">
            <v>中央区北３西３－１－４７ ＮＯＲＴＨ３３ﾋﾞﾙ３F</v>
          </cell>
          <cell r="H677" t="str">
            <v>231-5404</v>
          </cell>
          <cell r="I677" t="str">
            <v>222-7946</v>
          </cell>
        </row>
        <row r="678">
          <cell r="A678" t="str">
            <v>13579X</v>
          </cell>
          <cell r="B678" t="str">
            <v>ｸﾗﾌﾞｷｯｽﾞ</v>
          </cell>
          <cell r="C678" t="str">
            <v>（株）クラブキッズ</v>
          </cell>
          <cell r="D678" t="str">
            <v>山田 茂人</v>
          </cell>
          <cell r="E678" t="str">
            <v>代表取締役</v>
          </cell>
          <cell r="F678" t="str">
            <v>004-0053</v>
          </cell>
          <cell r="G678" t="str">
            <v>厚別区厚別中央３－３－１７－３２</v>
          </cell>
          <cell r="H678" t="str">
            <v>896-0066</v>
          </cell>
          <cell r="I678" t="str">
            <v>896-6006</v>
          </cell>
        </row>
        <row r="679">
          <cell r="A679" t="str">
            <v>13580V</v>
          </cell>
          <cell r="B679" t="str">
            <v>ｸﾚｰﾙ</v>
          </cell>
          <cell r="C679" t="str">
            <v>（株）クレール</v>
          </cell>
          <cell r="D679" t="str">
            <v>島中 毅</v>
          </cell>
          <cell r="E679" t="str">
            <v>代表取締役</v>
          </cell>
          <cell r="F679" t="str">
            <v>064-0820</v>
          </cell>
          <cell r="G679" t="str">
            <v>中央区大通西２１－２－２０</v>
          </cell>
          <cell r="H679" t="str">
            <v>624-3239</v>
          </cell>
          <cell r="I679" t="str">
            <v>624-3240</v>
          </cell>
        </row>
        <row r="680">
          <cell r="A680" t="str">
            <v>13581S</v>
          </cell>
          <cell r="B680" t="str">
            <v>ｸﾘｰﾝｸﾘｴｲﾄ</v>
          </cell>
          <cell r="C680" t="str">
            <v>（株）クリーンクリエイト</v>
          </cell>
          <cell r="D680" t="str">
            <v>藤原 義則</v>
          </cell>
          <cell r="E680" t="str">
            <v>代表取締役</v>
          </cell>
          <cell r="F680" t="str">
            <v>007-0840</v>
          </cell>
          <cell r="G680" t="str">
            <v>東区北４０東１６－３－２２</v>
          </cell>
          <cell r="H680" t="str">
            <v>786-8618</v>
          </cell>
          <cell r="I680" t="str">
            <v>781-0537</v>
          </cell>
        </row>
        <row r="681">
          <cell r="A681" t="str">
            <v>13583Z</v>
          </cell>
          <cell r="B681" t="str">
            <v>ｸﾘｼｮｳ</v>
          </cell>
          <cell r="C681" t="str">
            <v>（有）クリショウ</v>
          </cell>
          <cell r="D681" t="str">
            <v>石栗 進</v>
          </cell>
          <cell r="E681" t="str">
            <v>代表取締役</v>
          </cell>
          <cell r="F681" t="str">
            <v>001-0909</v>
          </cell>
          <cell r="G681" t="str">
            <v>北区新琴似９－１６－１－１８</v>
          </cell>
          <cell r="H681" t="str">
            <v>762-2655</v>
          </cell>
          <cell r="I681" t="str">
            <v>762-2634</v>
          </cell>
        </row>
        <row r="682">
          <cell r="A682" t="str">
            <v>13585T</v>
          </cell>
          <cell r="B682" t="str">
            <v>ｸﾚｽﾃｯｸ</v>
          </cell>
          <cell r="C682" t="str">
            <v>（株）クレステック</v>
          </cell>
          <cell r="D682" t="str">
            <v>上野 正視</v>
          </cell>
          <cell r="E682" t="str">
            <v>代表取締役</v>
          </cell>
          <cell r="F682" t="str">
            <v>431-3105</v>
          </cell>
          <cell r="G682" t="str">
            <v>静岡県浜松市笠井新田町６７６</v>
          </cell>
          <cell r="H682" t="str">
            <v>053-435-3553</v>
          </cell>
          <cell r="I682" t="str">
            <v>053-435-3356</v>
          </cell>
        </row>
        <row r="683">
          <cell r="A683" t="str">
            <v>13586R</v>
          </cell>
          <cell r="B683" t="str">
            <v>ｹｲｾｲｹﾝｻﾞｲ</v>
          </cell>
          <cell r="C683" t="str">
            <v>（株）ケイセイ建材</v>
          </cell>
          <cell r="D683" t="str">
            <v>望月 良昭</v>
          </cell>
          <cell r="E683" t="str">
            <v>代表取締役</v>
          </cell>
          <cell r="F683" t="str">
            <v>080-0806</v>
          </cell>
          <cell r="G683" t="str">
            <v>帯広市東６南１５－２</v>
          </cell>
          <cell r="H683" t="str">
            <v>0155-22-9111</v>
          </cell>
          <cell r="I683" t="str">
            <v>0155-22-9159</v>
          </cell>
        </row>
        <row r="684">
          <cell r="A684" t="str">
            <v>13587N</v>
          </cell>
          <cell r="B684" t="str">
            <v>ｹｲﾘｮｳｹｲｶｸｹﾝｷｭｳｼｮ</v>
          </cell>
          <cell r="C684" t="str">
            <v>（財）計量計画研究所</v>
          </cell>
          <cell r="D684" t="str">
            <v>黒川 洸</v>
          </cell>
          <cell r="E684" t="str">
            <v>理事長</v>
          </cell>
          <cell r="F684" t="str">
            <v>162-0845</v>
          </cell>
          <cell r="G684" t="str">
            <v>東京都新宿区市ヶ谷本村町２－９</v>
          </cell>
          <cell r="H684" t="str">
            <v>03-3268-9911</v>
          </cell>
          <cell r="I684" t="str">
            <v>03-3268-9919</v>
          </cell>
        </row>
        <row r="685">
          <cell r="A685" t="str">
            <v>13589W</v>
          </cell>
          <cell r="B685" t="str">
            <v>ｸﾆｵｶｾｲﾒﾝ</v>
          </cell>
          <cell r="C685" t="str">
            <v>国岡製麺（株）</v>
          </cell>
          <cell r="D685" t="str">
            <v>国岡 智哉</v>
          </cell>
          <cell r="E685" t="str">
            <v>代表取締役</v>
          </cell>
          <cell r="F685" t="str">
            <v>007-0805</v>
          </cell>
          <cell r="G685" t="str">
            <v>東区東苗穂５－３－７－３９</v>
          </cell>
          <cell r="H685" t="str">
            <v>784-3224</v>
          </cell>
          <cell r="I685" t="str">
            <v>784-5644</v>
          </cell>
        </row>
        <row r="686">
          <cell r="A686" t="str">
            <v>13592N</v>
          </cell>
          <cell r="B686" t="str">
            <v>ｸﾛｰﾊﾞｰｶﾝｺｳ</v>
          </cell>
          <cell r="C686" t="str">
            <v>（有）クローバー観光</v>
          </cell>
          <cell r="D686" t="str">
            <v>佐藤 ひとみ</v>
          </cell>
          <cell r="E686" t="str">
            <v>代表取締役</v>
          </cell>
          <cell r="F686" t="str">
            <v>004-0846</v>
          </cell>
          <cell r="G686" t="str">
            <v>清田区清田６－４－１１－２２－２０１</v>
          </cell>
          <cell r="H686" t="str">
            <v>889-3888</v>
          </cell>
          <cell r="I686" t="str">
            <v>889-3878</v>
          </cell>
        </row>
        <row r="687">
          <cell r="A687" t="str">
            <v>13594W</v>
          </cell>
          <cell r="B687" t="str">
            <v>ｸﾞﾘｰﾝﾜｰﾙﾄﾞ</v>
          </cell>
          <cell r="C687" t="str">
            <v>（株）グリーンワールド</v>
          </cell>
          <cell r="D687" t="str">
            <v>畑 徳怡</v>
          </cell>
          <cell r="E687" t="str">
            <v>代表取締役</v>
          </cell>
          <cell r="F687" t="str">
            <v>002-8053</v>
          </cell>
          <cell r="G687" t="str">
            <v>北区篠路町篠路３７２－５０</v>
          </cell>
          <cell r="H687" t="str">
            <v>772-3035</v>
          </cell>
          <cell r="I687" t="str">
            <v>773-8275</v>
          </cell>
        </row>
        <row r="688">
          <cell r="A688" t="str">
            <v>13596P</v>
          </cell>
          <cell r="B688" t="str">
            <v>ｸﾘｰﾝｶｲﾊﾂ</v>
          </cell>
          <cell r="C688" t="str">
            <v>（株）クリーン開発</v>
          </cell>
          <cell r="D688" t="str">
            <v>加藤 賢二</v>
          </cell>
          <cell r="E688" t="str">
            <v>代表取締役</v>
          </cell>
          <cell r="F688" t="str">
            <v>066-0019</v>
          </cell>
          <cell r="G688" t="str">
            <v>千歳市流通１－４－７</v>
          </cell>
          <cell r="H688" t="str">
            <v>0123-24-7787</v>
          </cell>
          <cell r="I688" t="str">
            <v>0123-26-0023</v>
          </cell>
        </row>
        <row r="689">
          <cell r="A689" t="str">
            <v>13597Z</v>
          </cell>
          <cell r="B689" t="str">
            <v>ｸﾞﾘｰﾝﾀﾞｲﾅﾐｸｽ</v>
          </cell>
          <cell r="C689" t="str">
            <v>（株）グリーンダイナミクス</v>
          </cell>
          <cell r="D689" t="str">
            <v>賀来 宏和</v>
          </cell>
          <cell r="E689" t="str">
            <v>代表取締役</v>
          </cell>
          <cell r="F689" t="str">
            <v>270-0034</v>
          </cell>
          <cell r="G689" t="str">
            <v>千葉県松戸市新松戸４－６５－１</v>
          </cell>
          <cell r="H689" t="str">
            <v>047-348-6959</v>
          </cell>
          <cell r="I689" t="str">
            <v>047-343-7650</v>
          </cell>
        </row>
        <row r="690">
          <cell r="A690" t="str">
            <v>13598X</v>
          </cell>
          <cell r="B690" t="str">
            <v>ｸﾘﾀﾌﾞﾝｾｷｾﾝﾀｰ</v>
          </cell>
          <cell r="C690" t="str">
            <v>クリタ分析センター（株）</v>
          </cell>
          <cell r="D690" t="str">
            <v>井上 克彦</v>
          </cell>
          <cell r="E690" t="str">
            <v>代表取締役</v>
          </cell>
          <cell r="F690" t="str">
            <v>305-8504</v>
          </cell>
          <cell r="G690" t="str">
            <v>茨城県つくば市高野台２－８－１４</v>
          </cell>
          <cell r="H690" t="str">
            <v>029-836-7011</v>
          </cell>
          <cell r="I690" t="str">
            <v>029-836-7037</v>
          </cell>
        </row>
        <row r="691">
          <cell r="A691" t="str">
            <v>14001P</v>
          </cell>
          <cell r="B691" t="str">
            <v>ｹｲﾜﾋﾞｼﾞﾈｽ</v>
          </cell>
          <cell r="C691" t="str">
            <v>（株）恵和ビジネス</v>
          </cell>
          <cell r="D691" t="str">
            <v>渡辺 修</v>
          </cell>
          <cell r="E691" t="str">
            <v>代表取締役</v>
          </cell>
          <cell r="F691" t="str">
            <v>003-8567</v>
          </cell>
          <cell r="G691" t="str">
            <v>白石区中央２－３－１－２３</v>
          </cell>
          <cell r="H691" t="str">
            <v>820-4500</v>
          </cell>
          <cell r="I691" t="str">
            <v>820-4544</v>
          </cell>
        </row>
        <row r="692">
          <cell r="A692" t="str">
            <v>14002Z</v>
          </cell>
          <cell r="B692" t="str">
            <v>ｹﾞﾝﾀﾞｲﾋﾞｭｰﾛｰ</v>
          </cell>
          <cell r="C692" t="str">
            <v>（株）現代ビューロー</v>
          </cell>
          <cell r="D692" t="str">
            <v>中村 信夫</v>
          </cell>
          <cell r="E692" t="str">
            <v>代表取締役</v>
          </cell>
          <cell r="F692" t="str">
            <v>060-0002</v>
          </cell>
          <cell r="G692" t="str">
            <v>中央区北２西３－１ 札幌第一ビル内</v>
          </cell>
          <cell r="H692" t="str">
            <v>231-6049</v>
          </cell>
          <cell r="I692" t="str">
            <v>222-6149</v>
          </cell>
        </row>
        <row r="693">
          <cell r="A693" t="str">
            <v>14003X</v>
          </cell>
          <cell r="B693" t="str">
            <v>ｹﾝｻﾞｲｼｬ</v>
          </cell>
          <cell r="C693" t="str">
            <v>（株）建材社</v>
          </cell>
          <cell r="D693" t="str">
            <v>桑澤 正文</v>
          </cell>
          <cell r="E693" t="str">
            <v>代表取締役</v>
          </cell>
          <cell r="F693" t="str">
            <v>001-0014</v>
          </cell>
          <cell r="G693" t="str">
            <v>北区北１４西３－２２</v>
          </cell>
          <cell r="H693" t="str">
            <v>736-1131</v>
          </cell>
          <cell r="I693" t="str">
            <v>709-8185</v>
          </cell>
        </row>
        <row r="694">
          <cell r="A694" t="str">
            <v>14005R</v>
          </cell>
          <cell r="B694" t="str">
            <v>ｹｲﾎｸｻﾝｷﾞｮｳ</v>
          </cell>
          <cell r="C694" t="str">
            <v>啓北産業（株）</v>
          </cell>
          <cell r="D694" t="str">
            <v>富山 勝彦</v>
          </cell>
          <cell r="E694" t="str">
            <v>代表取締役</v>
          </cell>
          <cell r="F694" t="str">
            <v>065-0020</v>
          </cell>
          <cell r="G694" t="str">
            <v>東区北２０東６－２－３２</v>
          </cell>
          <cell r="H694" t="str">
            <v>711-8646</v>
          </cell>
          <cell r="I694" t="str">
            <v>711-9380</v>
          </cell>
        </row>
        <row r="695">
          <cell r="A695" t="str">
            <v>14006N</v>
          </cell>
          <cell r="B695" t="str">
            <v>ｹｲﾜﾗｲｼﾞﾝｸﾞ</v>
          </cell>
          <cell r="C695" t="str">
            <v>恵和ライジング（株）</v>
          </cell>
          <cell r="D695" t="str">
            <v>安達 昇</v>
          </cell>
          <cell r="E695" t="str">
            <v>代表取締役</v>
          </cell>
          <cell r="F695" t="str">
            <v>003-0832</v>
          </cell>
          <cell r="G695" t="str">
            <v>白石区北郷２－５－９－１１</v>
          </cell>
          <cell r="H695" t="str">
            <v>871-7137</v>
          </cell>
          <cell r="I695" t="str">
            <v>871-6179</v>
          </cell>
        </row>
        <row r="696">
          <cell r="A696" t="str">
            <v>14009T</v>
          </cell>
          <cell r="B696" t="str">
            <v>ｺｳﾖｳｼｬ</v>
          </cell>
          <cell r="C696" t="str">
            <v>（株）光陽社</v>
          </cell>
          <cell r="D696" t="str">
            <v>中野 源一郎</v>
          </cell>
          <cell r="E696" t="str">
            <v>代表取締役</v>
          </cell>
          <cell r="F696" t="str">
            <v>064-0920</v>
          </cell>
          <cell r="G696" t="str">
            <v>中央区南２０西６－６－８</v>
          </cell>
          <cell r="H696" t="str">
            <v>511-4408</v>
          </cell>
          <cell r="I696" t="str">
            <v>511-4421</v>
          </cell>
        </row>
        <row r="697">
          <cell r="A697" t="str">
            <v>14010R</v>
          </cell>
          <cell r="B697" t="str">
            <v>ｹｲｵｳｶﾝｺｳ</v>
          </cell>
          <cell r="C697" t="str">
            <v>京王観光（株）札幌支店</v>
          </cell>
          <cell r="D697" t="str">
            <v>谷口 好次</v>
          </cell>
          <cell r="E697" t="str">
            <v>支店長</v>
          </cell>
          <cell r="F697" t="str">
            <v>060-0042</v>
          </cell>
          <cell r="G697" t="str">
            <v>中央区大通西７ 北海道酒造会館３階</v>
          </cell>
          <cell r="H697" t="str">
            <v>241-6501</v>
          </cell>
          <cell r="I697" t="str">
            <v>222-3829</v>
          </cell>
        </row>
        <row r="698">
          <cell r="A698" t="str">
            <v>14014T</v>
          </cell>
          <cell r="B698" t="str">
            <v>ｹﾞﾝｺｳｶﾅﾓﾉﾃﾝ</v>
          </cell>
          <cell r="C698" t="str">
            <v>（有）源光金物店</v>
          </cell>
          <cell r="D698" t="str">
            <v>源光 正晴</v>
          </cell>
          <cell r="E698" t="str">
            <v>代表取締役</v>
          </cell>
          <cell r="F698" t="str">
            <v>063-0824</v>
          </cell>
          <cell r="G698" t="str">
            <v>西区発寒４－４－３－１５</v>
          </cell>
          <cell r="H698" t="str">
            <v>661-2882</v>
          </cell>
          <cell r="I698" t="str">
            <v>661-4612</v>
          </cell>
        </row>
        <row r="699">
          <cell r="A699" t="str">
            <v>14021Z</v>
          </cell>
          <cell r="B699" t="str">
            <v>ｹｲｿｸﾘｹﾝｻｰﾋﾞｽ</v>
          </cell>
          <cell r="C699" t="str">
            <v>計測理研サービス（株）</v>
          </cell>
          <cell r="D699" t="str">
            <v>井出 範</v>
          </cell>
          <cell r="E699" t="str">
            <v>代表取締役</v>
          </cell>
          <cell r="F699" t="str">
            <v>064-0925</v>
          </cell>
          <cell r="G699" t="str">
            <v>中央区南２５西１２－３－２３</v>
          </cell>
          <cell r="H699" t="str">
            <v>532-6800</v>
          </cell>
          <cell r="I699" t="str">
            <v>532-6811</v>
          </cell>
        </row>
        <row r="700">
          <cell r="A700" t="str">
            <v>14024S</v>
          </cell>
          <cell r="B700" t="str">
            <v>ｱﾄｯｸｽ</v>
          </cell>
          <cell r="C700" t="str">
            <v>（株）アトックス札幌事務所</v>
          </cell>
          <cell r="D700" t="str">
            <v>鈴木 謙一</v>
          </cell>
          <cell r="E700" t="str">
            <v>取締役所長</v>
          </cell>
          <cell r="F700" t="str">
            <v>060-0005</v>
          </cell>
          <cell r="G700" t="str">
            <v>中央区北５西６－２－２ 札幌センタービル７Ｆ</v>
          </cell>
          <cell r="H700" t="str">
            <v>205-5205</v>
          </cell>
          <cell r="I700" t="str">
            <v>205-5636</v>
          </cell>
        </row>
        <row r="701">
          <cell r="A701" t="str">
            <v>14025N</v>
          </cell>
          <cell r="B701" t="str">
            <v>ｸﾚｽ</v>
          </cell>
          <cell r="C701" t="str">
            <v>（株）クレス</v>
          </cell>
          <cell r="D701" t="str">
            <v>小池 祥治</v>
          </cell>
          <cell r="E701" t="str">
            <v>代表取締役</v>
          </cell>
          <cell r="F701" t="str">
            <v>006-0852</v>
          </cell>
          <cell r="G701" t="str">
            <v>手稲区星置２－６－５－１５</v>
          </cell>
          <cell r="H701" t="str">
            <v>685-3718</v>
          </cell>
          <cell r="I701" t="str">
            <v>685-3717</v>
          </cell>
        </row>
        <row r="702">
          <cell r="A702" t="str">
            <v>14029R</v>
          </cell>
          <cell r="B702" t="str">
            <v>ｼﾞｬﾊﾟﾝｹｱｻｰﾋﾞｽ</v>
          </cell>
          <cell r="C702" t="str">
            <v>（株）ジャパンケアサービス</v>
          </cell>
          <cell r="D702" t="str">
            <v>対馬 徳昭</v>
          </cell>
          <cell r="E702" t="str">
            <v>代表取締役社長</v>
          </cell>
          <cell r="F702" t="str">
            <v>004-0835</v>
          </cell>
          <cell r="G702" t="str">
            <v>清田区真栄５－２－１－５</v>
          </cell>
          <cell r="H702" t="str">
            <v>885-7788</v>
          </cell>
          <cell r="I702" t="str">
            <v>885-7181</v>
          </cell>
        </row>
        <row r="703">
          <cell r="A703" t="str">
            <v>14032W</v>
          </cell>
          <cell r="B703" t="str">
            <v>ｷｮｸﾄｳｻｰﾋﾞｽｴﾝｼﾞﾆｱﾘﾝｸﾞﾎｯｶｲﾄﾞｳ</v>
          </cell>
          <cell r="C703" t="str">
            <v>極東サービスエンジニアリング北海道（株）</v>
          </cell>
          <cell r="D703" t="str">
            <v>国貞 彪</v>
          </cell>
          <cell r="E703" t="str">
            <v>代表取締役</v>
          </cell>
          <cell r="F703" t="str">
            <v>060-0033</v>
          </cell>
          <cell r="G703" t="str">
            <v>中央区北３東１２－９９－６</v>
          </cell>
          <cell r="H703" t="str">
            <v>251-5380</v>
          </cell>
          <cell r="I703" t="str">
            <v>251-5704</v>
          </cell>
        </row>
        <row r="704">
          <cell r="A704" t="str">
            <v>14034R</v>
          </cell>
          <cell r="B704" t="str">
            <v>ｹｰｵｰｻﾌﾟﾗｲ</v>
          </cell>
          <cell r="C704" t="str">
            <v>ケーオーサプライ</v>
          </cell>
          <cell r="D704" t="str">
            <v>岡本 昭一</v>
          </cell>
          <cell r="E704" t="str">
            <v>代表</v>
          </cell>
          <cell r="F704" t="str">
            <v>005-0022</v>
          </cell>
          <cell r="G704" t="str">
            <v>南区真駒内柏丘８－６－１８</v>
          </cell>
          <cell r="H704" t="str">
            <v>588-8114</v>
          </cell>
          <cell r="I704" t="str">
            <v>588-8124</v>
          </cell>
        </row>
        <row r="705">
          <cell r="A705" t="str">
            <v>14035Z</v>
          </cell>
          <cell r="B705" t="str">
            <v>ｹｲｻﾞｲﾁｮｳｻｶｲ</v>
          </cell>
          <cell r="C705" t="str">
            <v>（財）経済調査会北海道支部</v>
          </cell>
          <cell r="D705" t="str">
            <v>小松 秀敏</v>
          </cell>
          <cell r="E705" t="str">
            <v>支部長</v>
          </cell>
          <cell r="F705" t="str">
            <v>060-0001</v>
          </cell>
          <cell r="G705" t="str">
            <v>中央区北１西３－２ 井門札幌ビル</v>
          </cell>
          <cell r="H705" t="str">
            <v>241-9491</v>
          </cell>
          <cell r="I705" t="str">
            <v>241-2346</v>
          </cell>
        </row>
        <row r="706">
          <cell r="A706" t="str">
            <v>14036X</v>
          </cell>
          <cell r="B706" t="str">
            <v>ｹﾝｾﾂﾌﾞｯｶﾁｮｳｻｶｲ</v>
          </cell>
          <cell r="C706" t="str">
            <v>（財）建設物価調査会</v>
          </cell>
          <cell r="D706" t="str">
            <v>小野 和日児</v>
          </cell>
          <cell r="E706" t="str">
            <v>理事長</v>
          </cell>
          <cell r="F706" t="str">
            <v>103-0011</v>
          </cell>
          <cell r="G706" t="str">
            <v>東京都中央区日本橋大伝馬町１１－８ ﾌｼﾞｽﾀ</v>
          </cell>
          <cell r="H706" t="str">
            <v>03-3663-2411</v>
          </cell>
          <cell r="I706" t="str">
            <v>03-3663-2417</v>
          </cell>
        </row>
        <row r="707">
          <cell r="A707" t="str">
            <v>14037V</v>
          </cell>
          <cell r="B707" t="str">
            <v>ｹｰ･ｱｰﾙ･ｴｽ</v>
          </cell>
          <cell r="C707" t="str">
            <v>（株）ケー・アール・エス</v>
          </cell>
          <cell r="D707" t="str">
            <v>角谷 康弘</v>
          </cell>
          <cell r="E707" t="str">
            <v>代表取締役社長</v>
          </cell>
          <cell r="F707" t="str">
            <v>062-0912</v>
          </cell>
          <cell r="G707" t="str">
            <v>豊平区水車町４－２－２７</v>
          </cell>
          <cell r="H707" t="str">
            <v>812-0210</v>
          </cell>
          <cell r="I707" t="str">
            <v>812-3092</v>
          </cell>
        </row>
        <row r="708">
          <cell r="A708" t="str">
            <v>14042V</v>
          </cell>
          <cell r="B708" t="str">
            <v>ｹｰﾜｲ</v>
          </cell>
          <cell r="C708" t="str">
            <v>（株）ケーワイ</v>
          </cell>
          <cell r="D708" t="str">
            <v>伊藤 嘉英</v>
          </cell>
          <cell r="E708" t="str">
            <v>代表取締役</v>
          </cell>
          <cell r="F708" t="str">
            <v>062-0905</v>
          </cell>
          <cell r="G708" t="str">
            <v>豊平区豊平５－３－２－２１</v>
          </cell>
          <cell r="H708" t="str">
            <v>832-4556</v>
          </cell>
          <cell r="I708" t="str">
            <v>832-4556</v>
          </cell>
        </row>
        <row r="709">
          <cell r="A709" t="str">
            <v>14043S</v>
          </cell>
          <cell r="B709" t="str">
            <v>ｹｰ･ｼｰ･ｴｽ</v>
          </cell>
          <cell r="C709" t="str">
            <v>（株）ケー・シー・エス札幌事務所</v>
          </cell>
          <cell r="D709" t="str">
            <v>斎 浩介</v>
          </cell>
          <cell r="E709" t="str">
            <v>所長</v>
          </cell>
          <cell r="F709" t="str">
            <v>060-8640</v>
          </cell>
          <cell r="G709" t="str">
            <v>中央区南２西５－１０－２ 南２西５ビル</v>
          </cell>
          <cell r="H709" t="str">
            <v>252-0701</v>
          </cell>
          <cell r="I709" t="str">
            <v>252-0702</v>
          </cell>
        </row>
        <row r="710">
          <cell r="A710" t="str">
            <v>14044P</v>
          </cell>
          <cell r="B710" t="str">
            <v>ｹｲﾃﾞｨｰﾃﾞｨｰｱｲ</v>
          </cell>
          <cell r="C710" t="str">
            <v>ＫＤＤＩ（株）</v>
          </cell>
          <cell r="D710" t="str">
            <v>小野寺 正</v>
          </cell>
          <cell r="E710" t="str">
            <v>代表取締役社長</v>
          </cell>
          <cell r="F710" t="str">
            <v>163-8003</v>
          </cell>
          <cell r="G710" t="str">
            <v>東京都新宿区西新宿２－３－２</v>
          </cell>
          <cell r="H710" t="str">
            <v>03-3347-0077</v>
          </cell>
          <cell r="I710" t="str">
            <v>03-3347-7000</v>
          </cell>
        </row>
        <row r="711">
          <cell r="A711" t="str">
            <v>14045Y</v>
          </cell>
          <cell r="B711" t="str">
            <v>ｹﾝﾜｻﾝｷﾞｮｳ</v>
          </cell>
          <cell r="C711" t="str">
            <v>建和産業（株）</v>
          </cell>
          <cell r="D711" t="str">
            <v>新舘 文朗</v>
          </cell>
          <cell r="E711" t="str">
            <v>代表取締役</v>
          </cell>
          <cell r="F711" t="str">
            <v>003-0876</v>
          </cell>
          <cell r="G711" t="str">
            <v>白石区東米里２１７７－１０</v>
          </cell>
          <cell r="H711" t="str">
            <v>873-6355</v>
          </cell>
          <cell r="I711" t="str">
            <v>871-0121</v>
          </cell>
        </row>
        <row r="712">
          <cell r="A712" t="str">
            <v>14046W</v>
          </cell>
          <cell r="B712" t="str">
            <v>ｹｲﾁｮｳﾎｯｶｲﾄﾞｳ</v>
          </cell>
          <cell r="C712" t="str">
            <v>（株）経調北海道</v>
          </cell>
          <cell r="D712" t="str">
            <v>内田 光彦</v>
          </cell>
          <cell r="E712" t="str">
            <v>代表取締役</v>
          </cell>
          <cell r="F712" t="str">
            <v>060-0032</v>
          </cell>
          <cell r="G712" t="str">
            <v>中央区北２東４－１－２ ｻｯﾎﾟﾛﾌｧｸﾄﾘｰ３条館５階</v>
          </cell>
          <cell r="H712" t="str">
            <v>207-4300</v>
          </cell>
          <cell r="I712" t="str">
            <v>207-4326</v>
          </cell>
        </row>
        <row r="713">
          <cell r="A713" t="str">
            <v>14047T</v>
          </cell>
          <cell r="B713" t="str">
            <v>ｹｲｽﾞ</v>
          </cell>
          <cell r="C713" t="str">
            <v>（株）ケイズ</v>
          </cell>
          <cell r="D713" t="str">
            <v>加賀 彰夫</v>
          </cell>
          <cell r="E713" t="str">
            <v>代表取締役</v>
          </cell>
          <cell r="F713" t="str">
            <v>005-0850</v>
          </cell>
          <cell r="G713" t="str">
            <v>南区石山東２－９－６３</v>
          </cell>
          <cell r="H713" t="str">
            <v>780-5656</v>
          </cell>
          <cell r="I713" t="str">
            <v>780-5657</v>
          </cell>
        </row>
        <row r="714">
          <cell r="A714" t="str">
            <v>14048R</v>
          </cell>
          <cell r="B714" t="str">
            <v>ｹｰｴｽｺｳｻﾝ</v>
          </cell>
          <cell r="C714" t="str">
            <v>（株）ケーエス興産</v>
          </cell>
          <cell r="D714" t="str">
            <v>深谷 康生</v>
          </cell>
          <cell r="E714" t="str">
            <v>取締役社長</v>
          </cell>
          <cell r="F714" t="str">
            <v>060-0001</v>
          </cell>
          <cell r="G714" t="str">
            <v>中央区北１西１－５</v>
          </cell>
          <cell r="H714" t="str">
            <v>261-8581</v>
          </cell>
          <cell r="I714" t="str">
            <v>221-0276</v>
          </cell>
        </row>
        <row r="715">
          <cell r="A715" t="str">
            <v>14049N</v>
          </cell>
          <cell r="B715" t="str">
            <v>ｹｲｼｭｳｴﾝ</v>
          </cell>
          <cell r="C715" t="str">
            <v>（株）恵秋園</v>
          </cell>
          <cell r="D715" t="str">
            <v>永田 惠秋</v>
          </cell>
          <cell r="E715" t="str">
            <v>代表取締役</v>
          </cell>
          <cell r="F715" t="str">
            <v>061-3201</v>
          </cell>
          <cell r="G715" t="str">
            <v>石狩市花川南１－４－１６３</v>
          </cell>
          <cell r="H715" t="str">
            <v>0133-73-5635</v>
          </cell>
          <cell r="I715" t="str">
            <v>0133-72-3280</v>
          </cell>
        </row>
        <row r="716">
          <cell r="A716" t="str">
            <v>14051W</v>
          </cell>
          <cell r="B716" t="str">
            <v>ｹｰ･ﾌﾟﾗﾝﾅｰ</v>
          </cell>
          <cell r="C716" t="str">
            <v>（有）ケー・プランナー</v>
          </cell>
          <cell r="D716" t="str">
            <v>堀田 勝美</v>
          </cell>
          <cell r="E716" t="str">
            <v>代表取締役</v>
          </cell>
          <cell r="F716" t="str">
            <v>060-0005</v>
          </cell>
          <cell r="G716" t="str">
            <v>中央区北５西１７－４－１２</v>
          </cell>
          <cell r="H716" t="str">
            <v>615-4470</v>
          </cell>
          <cell r="I716" t="str">
            <v>615-4465</v>
          </cell>
        </row>
        <row r="717">
          <cell r="A717" t="str">
            <v>14501N</v>
          </cell>
          <cell r="B717" t="str">
            <v>ｺﾄﾞﾓﾜﾀ</v>
          </cell>
          <cell r="C717" t="str">
            <v>コドモわた（株）札幌支店</v>
          </cell>
          <cell r="D717" t="str">
            <v>河村 龍</v>
          </cell>
          <cell r="E717" t="str">
            <v>常務取締役</v>
          </cell>
          <cell r="F717" t="str">
            <v>060-0033</v>
          </cell>
          <cell r="G717" t="str">
            <v>中央区北３東７－３６０</v>
          </cell>
          <cell r="H717" t="str">
            <v>211-4121</v>
          </cell>
          <cell r="I717" t="str">
            <v>241-0554</v>
          </cell>
        </row>
        <row r="718">
          <cell r="A718" t="str">
            <v>14502Y</v>
          </cell>
          <cell r="B718" t="str">
            <v>ｺﾝﾄﾞｳｼﾞﾄﾞｳｼｬｾｲﾋﾞｺｳｼﾞｮｳ</v>
          </cell>
          <cell r="C718" t="str">
            <v>（株）近藤自動車整備工場</v>
          </cell>
          <cell r="D718" t="str">
            <v>近藤 信壽</v>
          </cell>
          <cell r="E718" t="str">
            <v>代表取締役</v>
          </cell>
          <cell r="F718" t="str">
            <v>065-0031</v>
          </cell>
          <cell r="G718" t="str">
            <v>東区北３１東１－３－２６</v>
          </cell>
          <cell r="H718" t="str">
            <v>741-1251</v>
          </cell>
          <cell r="I718" t="str">
            <v>741-1253</v>
          </cell>
        </row>
        <row r="719">
          <cell r="A719" t="str">
            <v>14503W</v>
          </cell>
          <cell r="B719" t="str">
            <v>ｺﾛｸ</v>
          </cell>
          <cell r="C719" t="str">
            <v>（株）小六</v>
          </cell>
          <cell r="D719" t="str">
            <v>小六 久枝</v>
          </cell>
          <cell r="E719" t="str">
            <v>代表取締役</v>
          </cell>
          <cell r="F719" t="str">
            <v>062-0902</v>
          </cell>
          <cell r="G719" t="str">
            <v>豊平区豊平２－１－１－１２</v>
          </cell>
          <cell r="H719" t="str">
            <v>821-1588</v>
          </cell>
          <cell r="I719" t="str">
            <v>821-3916</v>
          </cell>
        </row>
        <row r="720">
          <cell r="A720" t="str">
            <v>14504T</v>
          </cell>
          <cell r="B720" t="str">
            <v>ｺｸｻｸ</v>
          </cell>
          <cell r="C720" t="str">
            <v>（株）国策</v>
          </cell>
          <cell r="D720" t="str">
            <v>早坂 有弘</v>
          </cell>
          <cell r="E720" t="str">
            <v>代表取締役</v>
          </cell>
          <cell r="F720" t="str">
            <v>062-0052</v>
          </cell>
          <cell r="G720" t="str">
            <v>豊平区月寒東２－１６－１－８９</v>
          </cell>
          <cell r="H720" t="str">
            <v>851-2111</v>
          </cell>
          <cell r="I720" t="str">
            <v>854-6022</v>
          </cell>
        </row>
        <row r="721">
          <cell r="A721" t="str">
            <v>14505P</v>
          </cell>
          <cell r="B721" t="str">
            <v>ｺﾊﾞﾔｼﾌﾟﾘﾝﾄ</v>
          </cell>
          <cell r="C721" t="str">
            <v>小林プリント（株）</v>
          </cell>
          <cell r="D721" t="str">
            <v>小林 雅俊</v>
          </cell>
          <cell r="E721" t="str">
            <v>代表取締役</v>
          </cell>
          <cell r="F721" t="str">
            <v>064-0912</v>
          </cell>
          <cell r="G721" t="str">
            <v>中央区南１２西１５－３－２８</v>
          </cell>
          <cell r="H721" t="str">
            <v>561-6453</v>
          </cell>
          <cell r="I721" t="str">
            <v>561-5265</v>
          </cell>
        </row>
        <row r="722">
          <cell r="A722" t="str">
            <v>14507X</v>
          </cell>
          <cell r="B722" t="str">
            <v>ﾋﾀﾁｷﾝｿﾞｸｼｮｳｼﾞ</v>
          </cell>
          <cell r="C722" t="str">
            <v>日立金属商事（株）札幌営業所</v>
          </cell>
          <cell r="D722" t="str">
            <v>脇本 修</v>
          </cell>
          <cell r="E722" t="str">
            <v>所長</v>
          </cell>
          <cell r="F722" t="str">
            <v>060-0001</v>
          </cell>
          <cell r="G722" t="str">
            <v>中央区北１西５ 北一条三井ビル</v>
          </cell>
          <cell r="H722" t="str">
            <v>281-5101</v>
          </cell>
          <cell r="I722" t="str">
            <v>251-4944</v>
          </cell>
        </row>
        <row r="723">
          <cell r="A723" t="str">
            <v>14509S</v>
          </cell>
          <cell r="B723" t="str">
            <v>ｺﾊﾞﾔｼﾎﾝﾃﾝ</v>
          </cell>
          <cell r="C723" t="str">
            <v>（株）小林本店</v>
          </cell>
          <cell r="D723" t="str">
            <v>小林 米孝</v>
          </cell>
          <cell r="E723" t="str">
            <v>取締役社長</v>
          </cell>
          <cell r="F723" t="str">
            <v>003-0022</v>
          </cell>
          <cell r="G723" t="str">
            <v>白石区南郷通１０南４－１５</v>
          </cell>
          <cell r="H723" t="str">
            <v>865-2122</v>
          </cell>
          <cell r="I723" t="str">
            <v>865-1511</v>
          </cell>
        </row>
        <row r="724">
          <cell r="A724" t="str">
            <v>14510P</v>
          </cell>
          <cell r="B724" t="str">
            <v>ｺﾞｳﾄﾞｳｶｾｲ</v>
          </cell>
          <cell r="C724" t="str">
            <v>合同化成（株）</v>
          </cell>
          <cell r="D724" t="str">
            <v>川村 永治</v>
          </cell>
          <cell r="E724" t="str">
            <v>代表取締役</v>
          </cell>
          <cell r="F724" t="str">
            <v>047-0298</v>
          </cell>
          <cell r="G724" t="str">
            <v>小樽市銭函３－５０３－９</v>
          </cell>
          <cell r="H724" t="str">
            <v>0134-62-7247</v>
          </cell>
          <cell r="I724" t="str">
            <v>0134-62-7117</v>
          </cell>
        </row>
        <row r="725">
          <cell r="A725" t="str">
            <v>14511Z</v>
          </cell>
          <cell r="B725" t="str">
            <v>ｺｳｹﾝ</v>
          </cell>
          <cell r="C725" t="str">
            <v>興研（株）北海道営業所</v>
          </cell>
          <cell r="D725" t="str">
            <v>安部 知彦</v>
          </cell>
          <cell r="E725" t="str">
            <v>所長</v>
          </cell>
          <cell r="F725" t="str">
            <v>062-0903</v>
          </cell>
          <cell r="G725" t="str">
            <v>豊平区豊平３－１０－１－１６</v>
          </cell>
          <cell r="H725" t="str">
            <v>832-3911</v>
          </cell>
          <cell r="I725" t="str">
            <v>814-1941</v>
          </cell>
        </row>
        <row r="726">
          <cell r="A726" t="str">
            <v>14512X</v>
          </cell>
          <cell r="B726" t="str">
            <v>ｺｳｴｲﾄﾞｳ</v>
          </cell>
          <cell r="C726" t="str">
            <v>（株）光映堂</v>
          </cell>
          <cell r="D726" t="str">
            <v>田上 建夫</v>
          </cell>
          <cell r="E726" t="str">
            <v>代表取締役</v>
          </cell>
          <cell r="F726" t="str">
            <v>060-0042</v>
          </cell>
          <cell r="G726" t="str">
            <v>中央区大通西４－６</v>
          </cell>
          <cell r="H726" t="str">
            <v>261-0101</v>
          </cell>
          <cell r="I726" t="str">
            <v>242-1847</v>
          </cell>
        </row>
        <row r="727">
          <cell r="A727" t="str">
            <v>14513V</v>
          </cell>
          <cell r="B727" t="str">
            <v>ｺｸｻｲｺｳｷﾞｮｳ</v>
          </cell>
          <cell r="C727" t="str">
            <v>国際航業（株）北海道営業所</v>
          </cell>
          <cell r="D727" t="str">
            <v>貞野 良博</v>
          </cell>
          <cell r="E727" t="str">
            <v>所長</v>
          </cell>
          <cell r="F727" t="str">
            <v>060-0807</v>
          </cell>
          <cell r="G727" t="str">
            <v>北区北７西７－１</v>
          </cell>
          <cell r="H727" t="str">
            <v>746-1364</v>
          </cell>
          <cell r="I727" t="str">
            <v>756-7176</v>
          </cell>
        </row>
        <row r="728">
          <cell r="A728" t="str">
            <v>14514S</v>
          </cell>
          <cell r="B728" t="str">
            <v>ｻｯﾎﾟﾛｳﾁﾀﾞｼｽﾃﾑ</v>
          </cell>
          <cell r="C728" t="str">
            <v>札幌ウチダシステム（株）</v>
          </cell>
          <cell r="D728" t="str">
            <v>中村 一寛</v>
          </cell>
          <cell r="E728" t="str">
            <v>代表取締役</v>
          </cell>
          <cell r="F728" t="str">
            <v>060-0041</v>
          </cell>
          <cell r="G728" t="str">
            <v>中央区大通東３－１</v>
          </cell>
          <cell r="H728" t="str">
            <v>272-3311</v>
          </cell>
          <cell r="I728" t="str">
            <v>272-8889</v>
          </cell>
        </row>
        <row r="729">
          <cell r="A729" t="str">
            <v>14515N</v>
          </cell>
          <cell r="B729" t="str">
            <v>ｺｳﾅﾝｼﾞﾄﾞｳｼｬｾｲﾋﾞｺｳｼﾞｮｳ</v>
          </cell>
          <cell r="C729" t="str">
            <v>（株）幌南自動車整備工場</v>
          </cell>
          <cell r="D729" t="str">
            <v>明上山 善和</v>
          </cell>
          <cell r="E729" t="str">
            <v>代表取締役</v>
          </cell>
          <cell r="F729" t="str">
            <v>005-0035</v>
          </cell>
          <cell r="G729" t="str">
            <v>南区南３５西１０－１４－１</v>
          </cell>
          <cell r="H729" t="str">
            <v>581-4411</v>
          </cell>
          <cell r="I729" t="str">
            <v>581-4414</v>
          </cell>
        </row>
        <row r="730">
          <cell r="A730" t="str">
            <v>14516Y</v>
          </cell>
          <cell r="B730" t="str">
            <v>ｺﾄﾆｼﾞｬﾘｺｳｷﾞｮｳ</v>
          </cell>
          <cell r="C730" t="str">
            <v>琴似砂利工業（株）</v>
          </cell>
          <cell r="D730" t="str">
            <v>太細 スヱ</v>
          </cell>
          <cell r="E730" t="str">
            <v>代表取締役</v>
          </cell>
          <cell r="F730" t="str">
            <v>063-0061</v>
          </cell>
          <cell r="G730" t="str">
            <v>西区西町北９－４－８</v>
          </cell>
          <cell r="H730" t="str">
            <v>661-6603</v>
          </cell>
          <cell r="I730" t="str">
            <v>661-6683</v>
          </cell>
        </row>
        <row r="731">
          <cell r="A731" t="str">
            <v>14517W</v>
          </cell>
          <cell r="B731" t="str">
            <v>ｺﾞｰﾄﾞｰﾖｳｻﾞｲ</v>
          </cell>
          <cell r="C731" t="str">
            <v>ゴードー溶剤（株）札幌支店</v>
          </cell>
          <cell r="D731" t="str">
            <v>国領 康一</v>
          </cell>
          <cell r="E731" t="str">
            <v>支店長</v>
          </cell>
          <cell r="F731" t="str">
            <v>062-0906</v>
          </cell>
          <cell r="G731" t="str">
            <v>豊平区豊平６－８－１－１８</v>
          </cell>
          <cell r="H731" t="str">
            <v>822-3181</v>
          </cell>
          <cell r="I731" t="str">
            <v>823-6244</v>
          </cell>
        </row>
        <row r="732">
          <cell r="A732" t="str">
            <v>14519R</v>
          </cell>
          <cell r="B732" t="str">
            <v>ｺﾀｹｶﾅﾓﾉﾃﾝ</v>
          </cell>
          <cell r="C732" t="str">
            <v>（株）小竹金物店</v>
          </cell>
          <cell r="D732" t="str">
            <v>小竹 邦雄</v>
          </cell>
          <cell r="E732" t="str">
            <v>代表取締役</v>
          </cell>
          <cell r="F732" t="str">
            <v>062-0020</v>
          </cell>
          <cell r="G732" t="str">
            <v>豊平区月寒中央通６－３－２８</v>
          </cell>
          <cell r="H732" t="str">
            <v>851-3809</v>
          </cell>
          <cell r="I732" t="str">
            <v>851-3756</v>
          </cell>
        </row>
        <row r="733">
          <cell r="A733" t="str">
            <v>14520N</v>
          </cell>
          <cell r="B733" t="str">
            <v>ｺﾔﾏ</v>
          </cell>
          <cell r="C733" t="str">
            <v>小山（株）札幌営業所</v>
          </cell>
          <cell r="D733" t="str">
            <v>北野 忠</v>
          </cell>
          <cell r="E733" t="str">
            <v>所長</v>
          </cell>
          <cell r="F733" t="str">
            <v>003-0834</v>
          </cell>
          <cell r="G733" t="str">
            <v>白石区北郷４－１－２－８</v>
          </cell>
          <cell r="H733" t="str">
            <v>871-8123</v>
          </cell>
          <cell r="I733" t="str">
            <v>871-8211</v>
          </cell>
        </row>
        <row r="734">
          <cell r="A734" t="str">
            <v>14521Y</v>
          </cell>
          <cell r="B734" t="str">
            <v>ｺﾄﾌﾞｷﾗｼﾞｴｰﾀｰｺｳｷﾞｮｳ</v>
          </cell>
          <cell r="C734" t="str">
            <v>（有）寿ラジエーター工業</v>
          </cell>
          <cell r="D734" t="str">
            <v>大西 普</v>
          </cell>
          <cell r="E734" t="str">
            <v>代表取締役</v>
          </cell>
          <cell r="F734" t="str">
            <v>003-0022</v>
          </cell>
          <cell r="G734" t="str">
            <v>白石区南郷通９南６－２３</v>
          </cell>
          <cell r="H734" t="str">
            <v>861-0626</v>
          </cell>
          <cell r="I734" t="str">
            <v>861-0003</v>
          </cell>
        </row>
        <row r="735">
          <cell r="A735" t="str">
            <v>14524R</v>
          </cell>
          <cell r="B735" t="str">
            <v>ｺｳｴｲﾊﾞﾙﾌﾞ</v>
          </cell>
          <cell r="C735" t="str">
            <v>高栄バルブ（株）</v>
          </cell>
          <cell r="D735" t="str">
            <v>高橋 鉄郎</v>
          </cell>
          <cell r="E735" t="str">
            <v>取締役社長</v>
          </cell>
          <cell r="F735" t="str">
            <v>060-0033</v>
          </cell>
          <cell r="G735" t="str">
            <v>中央区北３東５－５</v>
          </cell>
          <cell r="H735" t="str">
            <v>251-4171</v>
          </cell>
          <cell r="I735" t="str">
            <v>231-9096</v>
          </cell>
        </row>
        <row r="736">
          <cell r="A736" t="str">
            <v>14526X</v>
          </cell>
          <cell r="B736" t="str">
            <v>ｺｳﾉｼｮｳｼﾞ</v>
          </cell>
          <cell r="C736" t="str">
            <v>向野商事（株）</v>
          </cell>
          <cell r="D736" t="str">
            <v>藤野 芳一</v>
          </cell>
          <cell r="E736" t="str">
            <v>代表取締役</v>
          </cell>
          <cell r="F736" t="str">
            <v>060-0033</v>
          </cell>
          <cell r="G736" t="str">
            <v>中央区北３東５－５</v>
          </cell>
          <cell r="H736" t="str">
            <v>221-8181</v>
          </cell>
          <cell r="I736" t="str">
            <v>280-2719</v>
          </cell>
        </row>
        <row r="737">
          <cell r="A737" t="str">
            <v>14530Z</v>
          </cell>
          <cell r="B737" t="str">
            <v>ｺﾝﾉｼﾞﾄﾞｳｼｬｺｳｷﾞｮｳ</v>
          </cell>
          <cell r="C737" t="str">
            <v>紺野自動車工業（株）</v>
          </cell>
          <cell r="D737" t="str">
            <v>紺野 克彦</v>
          </cell>
          <cell r="E737" t="str">
            <v>代表取締役</v>
          </cell>
          <cell r="F737" t="str">
            <v>003-0809</v>
          </cell>
          <cell r="G737" t="str">
            <v>白石区菊水９－３－３－２</v>
          </cell>
          <cell r="H737" t="str">
            <v>841-1558</v>
          </cell>
          <cell r="I737" t="str">
            <v>841-1559</v>
          </cell>
        </row>
        <row r="738">
          <cell r="A738" t="str">
            <v>14531X</v>
          </cell>
          <cell r="B738" t="str">
            <v>ｺﾊﾀ</v>
          </cell>
          <cell r="C738" t="str">
            <v>（株）コハタ札幌営業所</v>
          </cell>
          <cell r="D738" t="str">
            <v>古髙 力男</v>
          </cell>
          <cell r="E738" t="str">
            <v>所長</v>
          </cell>
          <cell r="F738" t="str">
            <v>003-0030</v>
          </cell>
          <cell r="G738" t="str">
            <v>白石区流通センター１－２－１１</v>
          </cell>
          <cell r="H738" t="str">
            <v>862-7411</v>
          </cell>
          <cell r="I738" t="str">
            <v>864-8661</v>
          </cell>
        </row>
        <row r="739">
          <cell r="A739" t="str">
            <v>14534P</v>
          </cell>
          <cell r="B739" t="str">
            <v>ｺﾝﾄﾞｳｻｲｴﾝｽ</v>
          </cell>
          <cell r="C739" t="str">
            <v>（有）コンドウサイエンス</v>
          </cell>
          <cell r="D739" t="str">
            <v>小村 義一</v>
          </cell>
          <cell r="E739" t="str">
            <v>代表取締役</v>
          </cell>
          <cell r="F739" t="str">
            <v>065-0022</v>
          </cell>
          <cell r="G739" t="str">
            <v>東区北２２東１－２－２２</v>
          </cell>
          <cell r="H739" t="str">
            <v>733-1777</v>
          </cell>
          <cell r="I739" t="str">
            <v>733-1778</v>
          </cell>
        </row>
        <row r="740">
          <cell r="A740" t="str">
            <v>14539N</v>
          </cell>
          <cell r="B740" t="str">
            <v>ｺｳｱｼｬ</v>
          </cell>
          <cell r="C740" t="str">
            <v>（株）弘亜社札幌支社</v>
          </cell>
          <cell r="D740" t="str">
            <v>畑中 敏行</v>
          </cell>
          <cell r="E740" t="str">
            <v>支社長</v>
          </cell>
          <cell r="F740" t="str">
            <v>060-0061</v>
          </cell>
          <cell r="G740" t="str">
            <v>中央区南１西１２－３２２ 第２一条ビル１Ｆ</v>
          </cell>
          <cell r="H740" t="str">
            <v>261-7047</v>
          </cell>
          <cell r="I740" t="str">
            <v>261-7045</v>
          </cell>
        </row>
        <row r="741">
          <cell r="A741" t="str">
            <v>14540Y</v>
          </cell>
          <cell r="B741" t="str">
            <v>ｺﾐﾅﾐｲﾝｻﾂ</v>
          </cell>
          <cell r="C741" t="str">
            <v>小南印刷（株）</v>
          </cell>
          <cell r="D741" t="str">
            <v>小南 忠行</v>
          </cell>
          <cell r="E741" t="str">
            <v>代表取締役</v>
          </cell>
          <cell r="F741" t="str">
            <v>060-0009</v>
          </cell>
          <cell r="G741" t="str">
            <v>中央区北９西２３－２－５</v>
          </cell>
          <cell r="H741" t="str">
            <v>641-5373</v>
          </cell>
          <cell r="I741" t="str">
            <v>611-4343</v>
          </cell>
        </row>
        <row r="742">
          <cell r="A742" t="str">
            <v>14541W</v>
          </cell>
          <cell r="B742" t="str">
            <v>ｺﾞｳｾｷﾕ</v>
          </cell>
          <cell r="C742" t="str">
            <v>郷石油（株）</v>
          </cell>
          <cell r="D742" t="str">
            <v>郷 昇</v>
          </cell>
          <cell r="E742" t="str">
            <v>代表取締役</v>
          </cell>
          <cell r="F742" t="str">
            <v>062-0901</v>
          </cell>
          <cell r="G742" t="str">
            <v>豊平区豊平１－２－２－１</v>
          </cell>
          <cell r="H742" t="str">
            <v>811-3191</v>
          </cell>
          <cell r="I742" t="str">
            <v>812-8280</v>
          </cell>
        </row>
        <row r="743">
          <cell r="A743" t="str">
            <v>14542T</v>
          </cell>
          <cell r="B743" t="str">
            <v>ｺｳﾍﾞｾｲｺｳｼｮ</v>
          </cell>
          <cell r="C743" t="str">
            <v>（株）神戸製鋼所北海道支店</v>
          </cell>
          <cell r="D743" t="str">
            <v>相島 正宏</v>
          </cell>
          <cell r="E743" t="str">
            <v>支店長</v>
          </cell>
          <cell r="F743" t="str">
            <v>060-0003</v>
          </cell>
          <cell r="G743" t="str">
            <v>中央区北３西４－１－１ 日本生命札幌ビル６Ｆ</v>
          </cell>
          <cell r="H743" t="str">
            <v>261-9331</v>
          </cell>
          <cell r="I743" t="str">
            <v>251-2533</v>
          </cell>
        </row>
        <row r="744">
          <cell r="A744" t="str">
            <v>14543R</v>
          </cell>
          <cell r="B744" t="str">
            <v>ｺｸﾄﾞﾁｽﾞ</v>
          </cell>
          <cell r="C744" t="str">
            <v>国土地図（株）札幌支店</v>
          </cell>
          <cell r="D744" t="str">
            <v>久住 裕</v>
          </cell>
          <cell r="E744" t="str">
            <v>支店長</v>
          </cell>
          <cell r="F744" t="str">
            <v>060-0807</v>
          </cell>
          <cell r="G744" t="str">
            <v>北区北７西２－８ 北ビル</v>
          </cell>
          <cell r="H744" t="str">
            <v>709-5435</v>
          </cell>
          <cell r="I744" t="str">
            <v>709-5436</v>
          </cell>
        </row>
        <row r="745">
          <cell r="A745" t="str">
            <v>14544N</v>
          </cell>
          <cell r="B745" t="str">
            <v>ｺﾞｰﾙﾃﾞﾝｶｰﾌﾟ</v>
          </cell>
          <cell r="C745" t="str">
            <v>ゴールデンカープ</v>
          </cell>
          <cell r="D745" t="str">
            <v>長坂 敬</v>
          </cell>
          <cell r="E745" t="str">
            <v>代表</v>
          </cell>
          <cell r="F745" t="str">
            <v>006-0817</v>
          </cell>
          <cell r="G745" t="str">
            <v>手稲区前田７－１８－４－５</v>
          </cell>
          <cell r="H745" t="str">
            <v>681-6235</v>
          </cell>
          <cell r="I745" t="str">
            <v>681-6235</v>
          </cell>
        </row>
        <row r="746">
          <cell r="A746" t="str">
            <v>14546V</v>
          </cell>
          <cell r="B746" t="str">
            <v>ｺﾝﾄﾞｳｼｮｳｶｲ</v>
          </cell>
          <cell r="C746" t="str">
            <v>（株）近藤商会</v>
          </cell>
          <cell r="D746" t="str">
            <v>石川 欽一</v>
          </cell>
          <cell r="E746" t="str">
            <v>代表取締役</v>
          </cell>
          <cell r="F746" t="str">
            <v>060-0906</v>
          </cell>
          <cell r="G746" t="str">
            <v>東区北６東２－３－５</v>
          </cell>
          <cell r="H746" t="str">
            <v>721-2411</v>
          </cell>
          <cell r="I746" t="str">
            <v>741-0517</v>
          </cell>
        </row>
        <row r="747">
          <cell r="A747" t="str">
            <v>14549Z</v>
          </cell>
          <cell r="B747" t="str">
            <v>ｺﾊﾞﾔｼｷﾛｸｼ</v>
          </cell>
          <cell r="C747" t="str">
            <v>小林記録紙（株）札幌営業所</v>
          </cell>
          <cell r="D747" t="str">
            <v>姉崎 秋雄</v>
          </cell>
          <cell r="E747" t="str">
            <v>所長</v>
          </cell>
          <cell r="F747" t="str">
            <v>003-0002</v>
          </cell>
          <cell r="G747" t="str">
            <v>白石区東札幌２－６－４－１２</v>
          </cell>
          <cell r="H747" t="str">
            <v>821-5261</v>
          </cell>
          <cell r="I747" t="str">
            <v>822-2520</v>
          </cell>
        </row>
        <row r="748">
          <cell r="A748" t="str">
            <v>14550X</v>
          </cell>
          <cell r="B748" t="str">
            <v>ｺﾝﾉｼｮｳｶｲ</v>
          </cell>
          <cell r="C748" t="str">
            <v>（有）コンノ商会</v>
          </cell>
          <cell r="D748" t="str">
            <v>今野 誠一</v>
          </cell>
          <cell r="E748" t="str">
            <v>代表取締役</v>
          </cell>
          <cell r="F748" t="str">
            <v>002-8010</v>
          </cell>
          <cell r="G748" t="str">
            <v>北区太平１０－２－１－２２</v>
          </cell>
          <cell r="H748" t="str">
            <v>771-1693</v>
          </cell>
          <cell r="I748" t="str">
            <v>771-6710</v>
          </cell>
        </row>
        <row r="749">
          <cell r="A749" t="str">
            <v>14551V</v>
          </cell>
          <cell r="B749" t="str">
            <v>ｺﾆｶﾐﾉﾙﾀﾋﾞｼﾞﾈｽｿﾘｭｰｼｮﾝｽﾞ</v>
          </cell>
          <cell r="C749" t="str">
            <v>コニカミノルタビジネスソリューションズ（株）北海道支店</v>
          </cell>
          <cell r="D749" t="str">
            <v>大木 章二</v>
          </cell>
          <cell r="E749" t="str">
            <v>支店長</v>
          </cell>
          <cell r="F749" t="str">
            <v>060-0063</v>
          </cell>
          <cell r="G749" t="str">
            <v>中央区南３西１０ー１００１－５ 福山南３条ビル</v>
          </cell>
          <cell r="H749" t="str">
            <v>252-4810</v>
          </cell>
          <cell r="I749" t="str">
            <v>252-4815</v>
          </cell>
        </row>
        <row r="750">
          <cell r="A750" t="str">
            <v>14557R</v>
          </cell>
          <cell r="B750" t="str">
            <v>ｺﾄﾌﾞｷﾄﾞｳｶﾐｾｲﾋﾝｺｳｷﾞｮｳ</v>
          </cell>
          <cell r="C750" t="str">
            <v>寿堂紙製品工業（株）江別営業所</v>
          </cell>
          <cell r="D750" t="str">
            <v>飛谷 拓男</v>
          </cell>
          <cell r="E750" t="str">
            <v>営業所長</v>
          </cell>
          <cell r="F750" t="str">
            <v>069-0812</v>
          </cell>
          <cell r="G750" t="str">
            <v>区江別市幸町３３－７</v>
          </cell>
          <cell r="H750" t="str">
            <v>383-3131</v>
          </cell>
          <cell r="I750" t="str">
            <v>385-0811</v>
          </cell>
        </row>
        <row r="751">
          <cell r="A751" t="str">
            <v>14560W</v>
          </cell>
          <cell r="B751" t="str">
            <v>ｺｰｼﾝｲﾝｻﾂ</v>
          </cell>
          <cell r="C751" t="str">
            <v>（株）コーシン印刷</v>
          </cell>
          <cell r="D751" t="str">
            <v>木野口 功</v>
          </cell>
          <cell r="E751" t="str">
            <v>代表取締役</v>
          </cell>
          <cell r="F751" t="str">
            <v>065-0012</v>
          </cell>
          <cell r="G751" t="str">
            <v>東区北１２東２－３－２</v>
          </cell>
          <cell r="H751" t="str">
            <v>723-7451</v>
          </cell>
          <cell r="I751" t="str">
            <v>723-7453</v>
          </cell>
        </row>
        <row r="752">
          <cell r="A752" t="str">
            <v>14561T</v>
          </cell>
          <cell r="B752" t="str">
            <v>ｺｼﾞﾏ</v>
          </cell>
          <cell r="C752" t="str">
            <v>（株）古島北海道支店</v>
          </cell>
          <cell r="D752" t="str">
            <v>北垣 信義</v>
          </cell>
          <cell r="E752" t="str">
            <v>常務取締役支店長</v>
          </cell>
          <cell r="F752" t="str">
            <v>007-0803</v>
          </cell>
          <cell r="G752" t="str">
            <v>東区東苗穂３－３－２－７０</v>
          </cell>
          <cell r="H752" t="str">
            <v>786-0231</v>
          </cell>
          <cell r="I752" t="str">
            <v>785-7575</v>
          </cell>
        </row>
        <row r="753">
          <cell r="A753" t="str">
            <v>14562R</v>
          </cell>
          <cell r="B753" t="str">
            <v>ｺｳﾎｳｼｬｲﾝｻﾂ</v>
          </cell>
          <cell r="C753" t="str">
            <v>（株）広報社印刷</v>
          </cell>
          <cell r="D753" t="str">
            <v>羽賀 光一</v>
          </cell>
          <cell r="E753" t="str">
            <v>代表取締役</v>
          </cell>
          <cell r="F753" t="str">
            <v>064-0808</v>
          </cell>
          <cell r="G753" t="str">
            <v>中央区南８西１０－１２７７－２５</v>
          </cell>
          <cell r="H753" t="str">
            <v>532-8160</v>
          </cell>
          <cell r="I753" t="str">
            <v>532-9060</v>
          </cell>
        </row>
        <row r="754">
          <cell r="A754" t="str">
            <v>14563N</v>
          </cell>
          <cell r="B754" t="str">
            <v>ｼﾞｪｲｴﾌｲｰﾃｸﾉﾘｻｰﾁ</v>
          </cell>
          <cell r="C754" t="str">
            <v>ＪＦＥテクノリサーチ（株）</v>
          </cell>
          <cell r="D754" t="str">
            <v>藤井 徹也</v>
          </cell>
          <cell r="E754" t="str">
            <v>代表取締役</v>
          </cell>
          <cell r="F754" t="str">
            <v>100-0005</v>
          </cell>
          <cell r="G754" t="str">
            <v>東京都千代田区丸の内１－１－２</v>
          </cell>
          <cell r="H754" t="str">
            <v>03-3217-2018</v>
          </cell>
          <cell r="I754" t="str">
            <v>03-3217-2169</v>
          </cell>
        </row>
        <row r="755">
          <cell r="A755" t="str">
            <v>14564Y</v>
          </cell>
          <cell r="B755" t="str">
            <v>ｺﾄﾌﾞｷ</v>
          </cell>
          <cell r="C755" t="str">
            <v>（株）コトブキ札幌支店</v>
          </cell>
          <cell r="D755" t="str">
            <v>成富 寛幸</v>
          </cell>
          <cell r="E755" t="str">
            <v>支店長</v>
          </cell>
          <cell r="F755" t="str">
            <v>060-0041</v>
          </cell>
          <cell r="G755" t="str">
            <v>中央区大通東２－３ 松村ビル２号館</v>
          </cell>
          <cell r="H755" t="str">
            <v>221-3496</v>
          </cell>
          <cell r="I755" t="str">
            <v>271-9150</v>
          </cell>
        </row>
        <row r="756">
          <cell r="A756" t="str">
            <v>14566S</v>
          </cell>
          <cell r="B756" t="str">
            <v>ｺｳｷﾞﾝﾘｰｽ</v>
          </cell>
          <cell r="C756" t="str">
            <v>興銀リース（株）札幌支店</v>
          </cell>
          <cell r="D756" t="str">
            <v>荒井 勝利</v>
          </cell>
          <cell r="E756" t="str">
            <v>支店長</v>
          </cell>
          <cell r="F756" t="str">
            <v>060-0001</v>
          </cell>
          <cell r="G756" t="str">
            <v>中央区北１西５－２ 興銀ビル３</v>
          </cell>
          <cell r="H756" t="str">
            <v>231-1341</v>
          </cell>
          <cell r="I756" t="str">
            <v>231-5727</v>
          </cell>
        </row>
        <row r="757">
          <cell r="A757" t="str">
            <v>14567P</v>
          </cell>
          <cell r="B757" t="str">
            <v>ｺｱｰｷｶｸ</v>
          </cell>
          <cell r="C757" t="str">
            <v>（株）コアー企画</v>
          </cell>
          <cell r="D757" t="str">
            <v>三塚 英臣</v>
          </cell>
          <cell r="E757" t="str">
            <v>代表取締役</v>
          </cell>
          <cell r="F757" t="str">
            <v>060-0062</v>
          </cell>
          <cell r="G757" t="str">
            <v>中央区南２西７－１２ サンエスビル３０１</v>
          </cell>
          <cell r="H757" t="str">
            <v>261-9301</v>
          </cell>
          <cell r="I757" t="str">
            <v>261-9302</v>
          </cell>
        </row>
        <row r="758">
          <cell r="A758" t="str">
            <v>14569X</v>
          </cell>
          <cell r="B758" t="str">
            <v>ｺｳﾎｳｻﾝｷﾞｮｳ</v>
          </cell>
          <cell r="C758" t="str">
            <v>幸豊産業（株）</v>
          </cell>
          <cell r="D758" t="str">
            <v>照井 幸男</v>
          </cell>
          <cell r="E758" t="str">
            <v>代表取締役</v>
          </cell>
          <cell r="F758" t="str">
            <v>006-0011</v>
          </cell>
          <cell r="G758" t="str">
            <v>手稲区富丘１－５－１２－３０</v>
          </cell>
          <cell r="H758" t="str">
            <v>683-4894</v>
          </cell>
          <cell r="I758" t="str">
            <v>684-8424</v>
          </cell>
        </row>
        <row r="759">
          <cell r="A759" t="str">
            <v>14574X</v>
          </cell>
          <cell r="B759" t="str">
            <v>ｺｳｴｲﾄﾞｳｼｰｴｰﾌﾞｲ</v>
          </cell>
          <cell r="C759" t="str">
            <v>（株）光映堂シーエーブイ</v>
          </cell>
          <cell r="D759" t="str">
            <v>田上 建夫</v>
          </cell>
          <cell r="E759" t="str">
            <v>代表取締役</v>
          </cell>
          <cell r="F759" t="str">
            <v>060-0004</v>
          </cell>
          <cell r="G759" t="str">
            <v>中央区北４西１５</v>
          </cell>
          <cell r="H759" t="str">
            <v>643-1010</v>
          </cell>
          <cell r="I759" t="str">
            <v>641-2247</v>
          </cell>
        </row>
        <row r="760">
          <cell r="A760" t="str">
            <v>14577N</v>
          </cell>
          <cell r="B760" t="str">
            <v>ｺﾞｼﾝｾｷﾕ</v>
          </cell>
          <cell r="C760" t="str">
            <v>互進石油（株）</v>
          </cell>
          <cell r="D760" t="str">
            <v>川岸 正美</v>
          </cell>
          <cell r="E760" t="str">
            <v>代表取締役</v>
          </cell>
          <cell r="F760" t="str">
            <v>003-0809</v>
          </cell>
          <cell r="G760" t="str">
            <v>白石区菊水９－３－５－１９</v>
          </cell>
          <cell r="H760" t="str">
            <v>811-5623</v>
          </cell>
          <cell r="I760" t="str">
            <v>821-0484</v>
          </cell>
        </row>
        <row r="761">
          <cell r="A761" t="str">
            <v>14578Y</v>
          </cell>
          <cell r="B761" t="str">
            <v>ｺﾄﾌﾞｷｳﾝﾕ</v>
          </cell>
          <cell r="C761" t="str">
            <v>（株）寿運輸</v>
          </cell>
          <cell r="D761" t="str">
            <v>三浦 裕一</v>
          </cell>
          <cell r="E761" t="str">
            <v>代表取締役</v>
          </cell>
          <cell r="F761" t="str">
            <v>006-0807</v>
          </cell>
          <cell r="G761" t="str">
            <v>手稲区新発寒７－２－２－１１</v>
          </cell>
          <cell r="H761" t="str">
            <v>684-1081</v>
          </cell>
          <cell r="I761" t="str">
            <v>694-4383</v>
          </cell>
        </row>
        <row r="762">
          <cell r="A762" t="str">
            <v>14582N</v>
          </cell>
          <cell r="B762" t="str">
            <v>ｺｳﾂｳｼﾝﾌﾞﾝｼｬ</v>
          </cell>
          <cell r="C762" t="str">
            <v>（株）交通新聞社北海道支社</v>
          </cell>
          <cell r="D762" t="str">
            <v>神木 源二</v>
          </cell>
          <cell r="E762" t="str">
            <v>執行役員支社長</v>
          </cell>
          <cell r="F762" t="str">
            <v>060-0002</v>
          </cell>
          <cell r="G762" t="str">
            <v>中央区北２西２－８ 弘済ビル</v>
          </cell>
          <cell r="H762" t="str">
            <v>241-4534</v>
          </cell>
          <cell r="I762" t="str">
            <v>222-3470</v>
          </cell>
        </row>
        <row r="763">
          <cell r="A763" t="str">
            <v>14583Y</v>
          </cell>
          <cell r="B763" t="str">
            <v>ｹｲｴﾑｱﾄﾞｼｽﾃﾑ</v>
          </cell>
          <cell r="C763" t="str">
            <v>（株）ケイエムアドシステム札幌営業所</v>
          </cell>
          <cell r="D763" t="str">
            <v>蟇目 光夫</v>
          </cell>
          <cell r="E763" t="str">
            <v>所長</v>
          </cell>
          <cell r="F763" t="str">
            <v>064-0804</v>
          </cell>
          <cell r="G763" t="str">
            <v>中央区南４西１ 第一札樽ビル</v>
          </cell>
          <cell r="H763" t="str">
            <v>512-4251</v>
          </cell>
          <cell r="I763" t="str">
            <v>521-1446</v>
          </cell>
        </row>
        <row r="764">
          <cell r="A764" t="str">
            <v>14586P</v>
          </cell>
          <cell r="B764" t="str">
            <v>ｺﾆｶﾐﾉﾙﾀﾒﾃﾞｨｶﾙ</v>
          </cell>
          <cell r="C764" t="str">
            <v>コニカミノルタメディカル（株）札幌支店</v>
          </cell>
          <cell r="D764" t="str">
            <v>矢作 清照</v>
          </cell>
          <cell r="E764" t="str">
            <v>支店長</v>
          </cell>
          <cell r="F764" t="str">
            <v>007-0834</v>
          </cell>
          <cell r="G764" t="str">
            <v>東区北３４東１９－１－２２</v>
          </cell>
          <cell r="H764" t="str">
            <v>784-4321</v>
          </cell>
          <cell r="I764" t="str">
            <v>784-3054</v>
          </cell>
        </row>
        <row r="765">
          <cell r="A765" t="str">
            <v>14604R</v>
          </cell>
          <cell r="B765" t="str">
            <v>ｺﾔﾏｼｮｳｶｲ</v>
          </cell>
          <cell r="C765" t="str">
            <v>（株）小山商会札幌営業所</v>
          </cell>
          <cell r="D765" t="str">
            <v>高田 尚之</v>
          </cell>
          <cell r="E765" t="str">
            <v>所長</v>
          </cell>
          <cell r="F765" t="str">
            <v>004-0871</v>
          </cell>
          <cell r="G765" t="str">
            <v>清田区平岡１－３－７－５</v>
          </cell>
          <cell r="H765" t="str">
            <v>881-8171</v>
          </cell>
          <cell r="I765" t="str">
            <v>881-4550</v>
          </cell>
        </row>
        <row r="766">
          <cell r="A766" t="str">
            <v>14615Y</v>
          </cell>
          <cell r="B766" t="str">
            <v>ﾎｯｶｲﾄﾞｳﾀﾞｲｷｱﾙﾐ</v>
          </cell>
          <cell r="C766" t="str">
            <v>（株）北海道ダイキアルミ札幌工場</v>
          </cell>
          <cell r="D766" t="str">
            <v>河合 拓志</v>
          </cell>
          <cell r="E766" t="str">
            <v>代表取締役</v>
          </cell>
          <cell r="F766" t="str">
            <v>003-0849</v>
          </cell>
          <cell r="G766" t="str">
            <v>白石区北郷２３６２</v>
          </cell>
          <cell r="H766" t="str">
            <v>873-2037</v>
          </cell>
          <cell r="I766" t="str">
            <v>874-9229</v>
          </cell>
        </row>
        <row r="767">
          <cell r="A767" t="str">
            <v>14621W</v>
          </cell>
          <cell r="B767" t="str">
            <v>ｺｳｷ</v>
          </cell>
          <cell r="C767" t="str">
            <v>（株）コウキ</v>
          </cell>
          <cell r="D767" t="str">
            <v>板垣 幸作</v>
          </cell>
          <cell r="E767" t="str">
            <v>代表取締役</v>
          </cell>
          <cell r="F767" t="str">
            <v>064-0805</v>
          </cell>
          <cell r="G767" t="str">
            <v>中央区南５西２３－２－３０</v>
          </cell>
          <cell r="H767" t="str">
            <v>561-6339</v>
          </cell>
          <cell r="I767" t="str">
            <v>561-3225</v>
          </cell>
        </row>
        <row r="768">
          <cell r="A768" t="str">
            <v>14624N</v>
          </cell>
          <cell r="B768" t="str">
            <v>ｺｳﾖｳﾌﾟﾛﾌｫｰﾄ</v>
          </cell>
          <cell r="C768" t="str">
            <v>（株）光陽プロフォート</v>
          </cell>
          <cell r="D768" t="str">
            <v>本谷 秀作</v>
          </cell>
          <cell r="E768" t="str">
            <v>代表取締役</v>
          </cell>
          <cell r="F768" t="str">
            <v>003-0835</v>
          </cell>
          <cell r="G768" t="str">
            <v>白石区北郷５－５－１－３０</v>
          </cell>
          <cell r="H768" t="str">
            <v>872-2936</v>
          </cell>
          <cell r="I768" t="str">
            <v>871-0071</v>
          </cell>
        </row>
        <row r="769">
          <cell r="A769" t="str">
            <v>14632S</v>
          </cell>
          <cell r="B769" t="str">
            <v>ｺｳｼｮｳ</v>
          </cell>
          <cell r="C769" t="str">
            <v>（株）興商</v>
          </cell>
          <cell r="D769" t="str">
            <v>中原 景英</v>
          </cell>
          <cell r="E769" t="str">
            <v>代表取締役</v>
          </cell>
          <cell r="F769" t="str">
            <v>003-0822</v>
          </cell>
          <cell r="G769" t="str">
            <v>白石区菊水元町２－５－４－８</v>
          </cell>
          <cell r="H769" t="str">
            <v>875-7744</v>
          </cell>
          <cell r="I769" t="str">
            <v>875-3294</v>
          </cell>
        </row>
        <row r="770">
          <cell r="A770" t="str">
            <v>14633P</v>
          </cell>
          <cell r="B770" t="str">
            <v>ｺｳｾｲｼｬ</v>
          </cell>
          <cell r="C770" t="str">
            <v>（株）光生舎</v>
          </cell>
          <cell r="D770" t="str">
            <v>鈴木 淳</v>
          </cell>
          <cell r="E770" t="str">
            <v>代表取締役</v>
          </cell>
          <cell r="F770" t="str">
            <v>007-0839</v>
          </cell>
          <cell r="G770" t="str">
            <v>東区北３９東１５－１－１９</v>
          </cell>
          <cell r="H770" t="str">
            <v>753-4921</v>
          </cell>
          <cell r="I770" t="str">
            <v>742-3810</v>
          </cell>
        </row>
        <row r="771">
          <cell r="A771" t="str">
            <v>14645V</v>
          </cell>
          <cell r="B771" t="str">
            <v>ｺﾝﾄﾞｳｶﾞﾗｽ</v>
          </cell>
          <cell r="C771" t="str">
            <v>（株）近藤ガラス</v>
          </cell>
          <cell r="D771" t="str">
            <v>石井 洋一郎</v>
          </cell>
          <cell r="E771" t="str">
            <v>代表取締役</v>
          </cell>
          <cell r="F771" t="str">
            <v>001-0010</v>
          </cell>
          <cell r="G771" t="str">
            <v>北区北１０西１－２０</v>
          </cell>
          <cell r="H771" t="str">
            <v>726-4251</v>
          </cell>
          <cell r="I771" t="str">
            <v>726-4252</v>
          </cell>
        </row>
        <row r="772">
          <cell r="A772" t="str">
            <v>14652P</v>
          </cell>
          <cell r="B772" t="str">
            <v>ｺﾞﾄｳｺｳｶﾞｸｹﾝｷｭｳｼｮ</v>
          </cell>
          <cell r="C772" t="str">
            <v>（株）五藤光学研究所</v>
          </cell>
          <cell r="D772" t="str">
            <v>五藤 信隆</v>
          </cell>
          <cell r="E772" t="str">
            <v>取締役社長</v>
          </cell>
          <cell r="F772" t="str">
            <v>183-8530</v>
          </cell>
          <cell r="G772" t="str">
            <v>東京都府中市矢崎町４－１６</v>
          </cell>
          <cell r="H772" t="str">
            <v>042-362-5311</v>
          </cell>
          <cell r="I772" t="str">
            <v>042-361-9571</v>
          </cell>
        </row>
        <row r="773">
          <cell r="A773" t="str">
            <v>14653Z</v>
          </cell>
          <cell r="B773" t="str">
            <v>ｺﾞｰﾙﾃﾞﾝｽﾎﾟｰﾂ</v>
          </cell>
          <cell r="C773" t="str">
            <v>（株）ゴールデンスポーツ</v>
          </cell>
          <cell r="D773" t="str">
            <v>斉藤 薫</v>
          </cell>
          <cell r="E773" t="str">
            <v>代表取締役</v>
          </cell>
          <cell r="F773" t="str">
            <v>062-0007</v>
          </cell>
          <cell r="G773" t="str">
            <v>豊平区美園７－１－４－１３</v>
          </cell>
          <cell r="H773" t="str">
            <v>820-5955</v>
          </cell>
          <cell r="I773" t="str">
            <v>820-5956</v>
          </cell>
        </row>
        <row r="774">
          <cell r="A774" t="str">
            <v>14657N</v>
          </cell>
          <cell r="B774" t="str">
            <v>ｺｸｻｲｺｳｸｳｷｭｳﾕ</v>
          </cell>
          <cell r="C774" t="str">
            <v>國際航空給油（株）丘珠空港給油所</v>
          </cell>
          <cell r="D774" t="str">
            <v>浅井 哲也</v>
          </cell>
          <cell r="E774" t="str">
            <v>所長</v>
          </cell>
          <cell r="F774" t="str">
            <v>007-0880</v>
          </cell>
          <cell r="G774" t="str">
            <v>東区丘珠町６３ 丘珠空港内</v>
          </cell>
          <cell r="H774" t="str">
            <v>781-0424</v>
          </cell>
          <cell r="I774" t="str">
            <v>783-6341</v>
          </cell>
        </row>
        <row r="775">
          <cell r="A775" t="str">
            <v>14662N</v>
          </cell>
          <cell r="B775" t="str">
            <v>ｺｸｻｲﾁｬｰﾄ</v>
          </cell>
          <cell r="C775" t="str">
            <v>国際チャート（株）札幌オフィス</v>
          </cell>
          <cell r="D775" t="str">
            <v>長瀬 正己</v>
          </cell>
          <cell r="E775" t="str">
            <v>取締役営業統括本部長</v>
          </cell>
          <cell r="F775" t="str">
            <v>060-0908</v>
          </cell>
          <cell r="G775" t="str">
            <v>東区北８東３－２－１０</v>
          </cell>
          <cell r="H775" t="str">
            <v>704-7644</v>
          </cell>
          <cell r="I775" t="str">
            <v>704-7645</v>
          </cell>
        </row>
        <row r="776">
          <cell r="A776" t="str">
            <v>14665S</v>
          </cell>
          <cell r="B776" t="str">
            <v>ｺﾊﾞﾔｼｾｷﾕｼｮｳｼﾞ</v>
          </cell>
          <cell r="C776" t="str">
            <v>（有）小林石油商事</v>
          </cell>
          <cell r="D776" t="str">
            <v>小林 豊彦</v>
          </cell>
          <cell r="E776" t="str">
            <v>代表取締役</v>
          </cell>
          <cell r="F776" t="str">
            <v>007-0834</v>
          </cell>
          <cell r="G776" t="str">
            <v>東区北３４東２５－３－２３</v>
          </cell>
          <cell r="H776" t="str">
            <v>785-0341</v>
          </cell>
          <cell r="I776" t="str">
            <v>785-8070</v>
          </cell>
        </row>
        <row r="777">
          <cell r="A777" t="str">
            <v>14667Z</v>
          </cell>
          <cell r="B777" t="str">
            <v>ｺﾏﾂｷｶｲ</v>
          </cell>
          <cell r="C777" t="str">
            <v>（有）コマツ器械</v>
          </cell>
          <cell r="D777" t="str">
            <v>小松 直樹</v>
          </cell>
          <cell r="E777" t="str">
            <v>代表取締役</v>
          </cell>
          <cell r="F777" t="str">
            <v>065-0013</v>
          </cell>
          <cell r="G777" t="str">
            <v>東区北１３東８－１－１</v>
          </cell>
          <cell r="H777" t="str">
            <v>741-3107</v>
          </cell>
          <cell r="I777" t="str">
            <v>741-3139</v>
          </cell>
        </row>
        <row r="778">
          <cell r="A778" t="str">
            <v>14669V</v>
          </cell>
          <cell r="B778" t="str">
            <v>ｺｳｺｸｼｬ</v>
          </cell>
          <cell r="C778" t="str">
            <v>廣告社（株）札幌支社</v>
          </cell>
          <cell r="D778" t="str">
            <v>並河 雅仁</v>
          </cell>
          <cell r="E778" t="str">
            <v>支社長</v>
          </cell>
          <cell r="F778" t="str">
            <v>060-0005</v>
          </cell>
          <cell r="G778" t="str">
            <v>中央区北５西６－２ 札幌センタービル１２階</v>
          </cell>
          <cell r="H778" t="str">
            <v>271-4571</v>
          </cell>
          <cell r="I778" t="str">
            <v>271-4572</v>
          </cell>
        </row>
        <row r="779">
          <cell r="A779" t="str">
            <v>14672Z</v>
          </cell>
          <cell r="B779" t="str">
            <v>ｺﾝﾄﾞｳｼﾞｮｳﾎｳｼｽﾃﾑ</v>
          </cell>
          <cell r="C779" t="str">
            <v>（株）近藤情報システム</v>
          </cell>
          <cell r="D779" t="str">
            <v>横山 誠</v>
          </cell>
          <cell r="E779" t="str">
            <v>代表取締役</v>
          </cell>
          <cell r="F779" t="str">
            <v>064-0809</v>
          </cell>
          <cell r="G779" t="str">
            <v>中央区南９西８－１－３１</v>
          </cell>
          <cell r="H779" t="str">
            <v>562-1710</v>
          </cell>
          <cell r="I779" t="str">
            <v>563-1705</v>
          </cell>
        </row>
        <row r="780">
          <cell r="A780" t="str">
            <v>14673X</v>
          </cell>
          <cell r="B780" t="str">
            <v>ｱｲﾐｯｸ</v>
          </cell>
          <cell r="C780" t="str">
            <v>（株）アイミック</v>
          </cell>
          <cell r="D780" t="str">
            <v>山口 毅紀</v>
          </cell>
          <cell r="E780" t="str">
            <v>代表取締役</v>
          </cell>
          <cell r="F780" t="str">
            <v>060-0031</v>
          </cell>
          <cell r="G780" t="str">
            <v>中央区北１東９－９９ 田中ビル１</v>
          </cell>
          <cell r="H780" t="str">
            <v>200-3500</v>
          </cell>
          <cell r="I780" t="str">
            <v>233-1717</v>
          </cell>
        </row>
        <row r="781">
          <cell r="A781" t="str">
            <v>14674V</v>
          </cell>
          <cell r="B781" t="str">
            <v>ｺｽﾓｴﾝｼﾞﾆｱﾘﾝｸﾞ</v>
          </cell>
          <cell r="C781" t="str">
            <v>（株）コスモエンジニアリング</v>
          </cell>
          <cell r="D781" t="str">
            <v>寺岡 敏明</v>
          </cell>
          <cell r="E781" t="str">
            <v>代表取締役</v>
          </cell>
          <cell r="F781" t="str">
            <v>007-0841</v>
          </cell>
          <cell r="G781" t="str">
            <v>東区北４１東８－２－１０</v>
          </cell>
          <cell r="H781" t="str">
            <v>748-4177</v>
          </cell>
          <cell r="I781" t="str">
            <v>748-4188</v>
          </cell>
        </row>
        <row r="782">
          <cell r="A782" t="str">
            <v>14675R</v>
          </cell>
          <cell r="B782" t="str">
            <v>ｺﾐｭﾆﾃｨｹﾝｷｭｳｼﾞｮ</v>
          </cell>
          <cell r="C782" t="str">
            <v>（有）コミュニティ研究所</v>
          </cell>
          <cell r="D782" t="str">
            <v>梅田 滋</v>
          </cell>
          <cell r="E782" t="str">
            <v>代表取締役</v>
          </cell>
          <cell r="F782" t="str">
            <v>060-0052</v>
          </cell>
          <cell r="G782" t="str">
            <v>中央区南２東１－１－１３</v>
          </cell>
          <cell r="H782" t="str">
            <v>242-9787</v>
          </cell>
          <cell r="I782" t="str">
            <v/>
          </cell>
        </row>
        <row r="783">
          <cell r="A783" t="str">
            <v>14679T</v>
          </cell>
          <cell r="B783" t="str">
            <v>ｺﾋﾟｰﾊｳｽ</v>
          </cell>
          <cell r="C783" t="str">
            <v>（有）コピーハウス</v>
          </cell>
          <cell r="D783" t="str">
            <v>棟方 悦子</v>
          </cell>
          <cell r="E783" t="str">
            <v>代表取締役社長</v>
          </cell>
          <cell r="F783" t="str">
            <v>060-0051</v>
          </cell>
          <cell r="G783" t="str">
            <v>中央区南１東３－９－２</v>
          </cell>
          <cell r="H783" t="str">
            <v>221-2971</v>
          </cell>
          <cell r="I783" t="str">
            <v>221-4717</v>
          </cell>
        </row>
        <row r="784">
          <cell r="A784" t="str">
            <v>14683W</v>
          </cell>
          <cell r="B784" t="str">
            <v>ｺﾆｻｰｵｲﾙ</v>
          </cell>
          <cell r="C784" t="str">
            <v>（株）コ二サーオイル</v>
          </cell>
          <cell r="D784" t="str">
            <v>西﨑 清</v>
          </cell>
          <cell r="E784" t="str">
            <v>代表取締役</v>
          </cell>
          <cell r="F784" t="str">
            <v>064-0811</v>
          </cell>
          <cell r="G784" t="str">
            <v>中央区南１１西２０－２－１</v>
          </cell>
          <cell r="H784" t="str">
            <v>532-5230</v>
          </cell>
          <cell r="I784" t="str">
            <v>532-2322</v>
          </cell>
        </row>
        <row r="785">
          <cell r="A785" t="str">
            <v>14687X</v>
          </cell>
          <cell r="B785" t="str">
            <v>ｺﾊﾞﾔｼｼｮﾎﾞｳ</v>
          </cell>
          <cell r="C785" t="str">
            <v>小林書房</v>
          </cell>
          <cell r="D785" t="str">
            <v>小林 啓人</v>
          </cell>
          <cell r="E785" t="str">
            <v>代表</v>
          </cell>
          <cell r="F785" t="str">
            <v>064-0954</v>
          </cell>
          <cell r="G785" t="str">
            <v>中央区宮の森４－５－１－１３</v>
          </cell>
          <cell r="H785" t="str">
            <v>611-1076</v>
          </cell>
          <cell r="I785" t="str">
            <v>611-1076</v>
          </cell>
        </row>
        <row r="786">
          <cell r="A786" t="str">
            <v>14688V</v>
          </cell>
          <cell r="B786" t="str">
            <v>ｺｳﾖｳ</v>
          </cell>
          <cell r="C786" t="str">
            <v>（株）コウヨウ</v>
          </cell>
          <cell r="D786" t="str">
            <v>大塚 弘一郎</v>
          </cell>
          <cell r="E786" t="str">
            <v>代表取締役</v>
          </cell>
          <cell r="F786" t="str">
            <v>110-0002</v>
          </cell>
          <cell r="G786" t="str">
            <v>東京都台東区上野桜木２－１０－１２</v>
          </cell>
          <cell r="H786" t="str">
            <v>03-3821-5131</v>
          </cell>
          <cell r="I786" t="str">
            <v>03-3821-5133</v>
          </cell>
        </row>
        <row r="787">
          <cell r="A787" t="str">
            <v>14692X</v>
          </cell>
          <cell r="B787" t="str">
            <v>ﾎｸｵｳｷｶｸ</v>
          </cell>
          <cell r="C787" t="str">
            <v>（有）北央企画</v>
          </cell>
          <cell r="D787" t="str">
            <v>城野 忠夫</v>
          </cell>
          <cell r="E787" t="str">
            <v>代表取締役</v>
          </cell>
          <cell r="F787" t="str">
            <v>060-0001</v>
          </cell>
          <cell r="G787" t="str">
            <v>中央区北１西１９－２</v>
          </cell>
          <cell r="H787" t="str">
            <v>611-2166</v>
          </cell>
          <cell r="I787" t="str">
            <v>611-2166</v>
          </cell>
        </row>
        <row r="788">
          <cell r="A788" t="str">
            <v>14700Y</v>
          </cell>
          <cell r="B788" t="str">
            <v>ｺｼｲｼｹｲﾘｮｳｷ</v>
          </cell>
          <cell r="C788" t="str">
            <v>輿石計量機（株）</v>
          </cell>
          <cell r="D788" t="str">
            <v>進藤 素和</v>
          </cell>
          <cell r="E788" t="str">
            <v>代表取締役</v>
          </cell>
          <cell r="F788" t="str">
            <v>062-0003</v>
          </cell>
          <cell r="G788" t="str">
            <v>豊平区美園３－７－１－３</v>
          </cell>
          <cell r="H788" t="str">
            <v>821-1265</v>
          </cell>
          <cell r="I788" t="str">
            <v>811-6797</v>
          </cell>
        </row>
        <row r="789">
          <cell r="A789" t="str">
            <v>14702T</v>
          </cell>
          <cell r="B789" t="str">
            <v>ｺｱ</v>
          </cell>
          <cell r="C789" t="str">
            <v>（株）コア</v>
          </cell>
          <cell r="D789" t="str">
            <v>種村 良平</v>
          </cell>
          <cell r="E789" t="str">
            <v>代表取締役会長</v>
          </cell>
          <cell r="F789" t="str">
            <v>154-8552</v>
          </cell>
          <cell r="G789" t="str">
            <v>東京都世田谷区三軒茶屋１－２２－３</v>
          </cell>
          <cell r="H789" t="str">
            <v>03-3795-5111</v>
          </cell>
          <cell r="I789" t="str">
            <v>03-3795-5100</v>
          </cell>
        </row>
        <row r="790">
          <cell r="A790" t="str">
            <v>14703R</v>
          </cell>
          <cell r="B790" t="str">
            <v>ｺﾊﾞﾔｼｳﾝﾕ</v>
          </cell>
          <cell r="C790" t="str">
            <v>小林運輸（株）</v>
          </cell>
          <cell r="D790" t="str">
            <v>小林 久勝</v>
          </cell>
          <cell r="E790" t="str">
            <v>代表取締役</v>
          </cell>
          <cell r="F790" t="str">
            <v>003-0871</v>
          </cell>
          <cell r="G790" t="str">
            <v>白石区米里１－２－１０－５</v>
          </cell>
          <cell r="H790" t="str">
            <v>874-1911</v>
          </cell>
          <cell r="I790" t="str">
            <v>872-5128</v>
          </cell>
        </row>
        <row r="791">
          <cell r="A791" t="str">
            <v>14705X</v>
          </cell>
          <cell r="B791" t="str">
            <v>ｺﾝﾍﾞﾝｼｮﾝﾜｰｸｽ</v>
          </cell>
          <cell r="C791" t="str">
            <v>（有）コンベンションワークス</v>
          </cell>
          <cell r="D791" t="str">
            <v>田中 由利</v>
          </cell>
          <cell r="E791" t="str">
            <v>代表取締役</v>
          </cell>
          <cell r="F791" t="str">
            <v>001-0027</v>
          </cell>
          <cell r="G791" t="str">
            <v>北区北２７西１５－６－３</v>
          </cell>
          <cell r="H791" t="str">
            <v>727-7738</v>
          </cell>
          <cell r="I791" t="str">
            <v>727-7739</v>
          </cell>
        </row>
        <row r="792">
          <cell r="A792" t="str">
            <v>14706V</v>
          </cell>
          <cell r="B792" t="str">
            <v>ｺｽﾓﾒﾃﾞｨｱ</v>
          </cell>
          <cell r="C792" t="str">
            <v>（株）コスモメディア</v>
          </cell>
          <cell r="D792" t="str">
            <v>尾崎 巖</v>
          </cell>
          <cell r="E792" t="str">
            <v>代表取締役社長</v>
          </cell>
          <cell r="F792" t="str">
            <v>060-0063</v>
          </cell>
          <cell r="G792" t="str">
            <v>中央区南３西１－１－４</v>
          </cell>
          <cell r="H792" t="str">
            <v>218-5077</v>
          </cell>
          <cell r="I792" t="str">
            <v>222-3687</v>
          </cell>
        </row>
        <row r="793">
          <cell r="A793" t="str">
            <v>14708P</v>
          </cell>
          <cell r="B793" t="str">
            <v>ｺｳﾎﾞｳﾔｽｸﾆ</v>
          </cell>
          <cell r="C793" t="str">
            <v>（有）工房安國</v>
          </cell>
          <cell r="D793" t="str">
            <v>安國 芳雄</v>
          </cell>
          <cell r="E793" t="str">
            <v>代表取締役</v>
          </cell>
          <cell r="F793" t="str">
            <v>007-0807</v>
          </cell>
          <cell r="G793" t="str">
            <v>東区東苗穂７－１－１－２１</v>
          </cell>
          <cell r="H793" t="str">
            <v>790-3221</v>
          </cell>
          <cell r="I793" t="str">
            <v>790-3225</v>
          </cell>
        </row>
        <row r="794">
          <cell r="A794" t="str">
            <v>14709Z</v>
          </cell>
          <cell r="B794" t="str">
            <v>ｺｶﾝｷｮｳｹﾝｷｭｳｼﾞｮ</v>
          </cell>
          <cell r="C794" t="str">
            <v>（株）古環境研究所</v>
          </cell>
          <cell r="D794" t="str">
            <v>杉山 真二</v>
          </cell>
          <cell r="E794" t="str">
            <v>代表取締役</v>
          </cell>
          <cell r="F794" t="str">
            <v>331-0062</v>
          </cell>
          <cell r="G794" t="str">
            <v>さいたま市西区土屋１７９５－２４</v>
          </cell>
          <cell r="H794" t="str">
            <v>048-622-0389</v>
          </cell>
          <cell r="I794" t="str">
            <v>048-622-9187</v>
          </cell>
        </row>
        <row r="795">
          <cell r="A795" t="str">
            <v>14712S</v>
          </cell>
          <cell r="B795" t="str">
            <v>ｺｳｱﾂｶﾞｽｺｳｷﾞｮｳ</v>
          </cell>
          <cell r="C795" t="str">
            <v>高圧ガス工業（株）札幌営業所</v>
          </cell>
          <cell r="D795" t="str">
            <v>三浦 克仁</v>
          </cell>
          <cell r="E795" t="str">
            <v>営業所長</v>
          </cell>
          <cell r="F795" t="str">
            <v>065-0043</v>
          </cell>
          <cell r="G795" t="str">
            <v>東区苗穂町１２－１－３６</v>
          </cell>
          <cell r="H795" t="str">
            <v>752-5301</v>
          </cell>
          <cell r="I795" t="str">
            <v>753-3761</v>
          </cell>
        </row>
        <row r="796">
          <cell r="A796" t="str">
            <v>14713P</v>
          </cell>
          <cell r="B796" t="str">
            <v>ｺﾝﾋﾟｭｰﾀｰ･ﾋﾞｼﾞﾈｽ</v>
          </cell>
          <cell r="C796" t="str">
            <v>（株）コンピューター・ビジネス</v>
          </cell>
          <cell r="D796" t="str">
            <v>関 仁</v>
          </cell>
          <cell r="E796" t="str">
            <v>代表取締役社長</v>
          </cell>
          <cell r="F796" t="str">
            <v>078-8801</v>
          </cell>
          <cell r="G796" t="str">
            <v>旭川市緑ヶ丘東１－４－２－１４</v>
          </cell>
          <cell r="H796" t="str">
            <v>0166-65-4511</v>
          </cell>
          <cell r="I796" t="str">
            <v>0166-65-9540</v>
          </cell>
        </row>
        <row r="797">
          <cell r="A797" t="str">
            <v>14718N</v>
          </cell>
          <cell r="B797" t="str">
            <v>ｺｳﾖｳﾋﾞﾙｶﾝﾘ</v>
          </cell>
          <cell r="C797" t="str">
            <v>紅葉ビル管理（株）</v>
          </cell>
          <cell r="D797" t="str">
            <v>武田 昭夫</v>
          </cell>
          <cell r="E797" t="str">
            <v>代表取締役</v>
          </cell>
          <cell r="F797" t="str">
            <v>004-0872</v>
          </cell>
          <cell r="G797" t="str">
            <v>清田区平岡２－２－６－６</v>
          </cell>
          <cell r="H797" t="str">
            <v>883-2333</v>
          </cell>
          <cell r="I797" t="str">
            <v>866-8264</v>
          </cell>
        </row>
        <row r="798">
          <cell r="A798" t="str">
            <v>14720W</v>
          </cell>
          <cell r="B798" t="str">
            <v>ｺｳｷﾞｹﾝｷｭｳｼｮ</v>
          </cell>
          <cell r="C798" t="str">
            <v>（株）工技研究所札幌支店</v>
          </cell>
          <cell r="D798" t="str">
            <v>石川 浩一</v>
          </cell>
          <cell r="E798" t="str">
            <v>支店長</v>
          </cell>
          <cell r="F798" t="str">
            <v>065-0019</v>
          </cell>
          <cell r="G798" t="str">
            <v>東区北１９東２２－５－２３</v>
          </cell>
          <cell r="H798" t="str">
            <v>785-1361</v>
          </cell>
          <cell r="I798" t="str">
            <v>785-1365</v>
          </cell>
        </row>
        <row r="799">
          <cell r="A799" t="str">
            <v>14721T</v>
          </cell>
          <cell r="B799" t="str">
            <v>ｺｳｹﾝｼｬ</v>
          </cell>
          <cell r="C799" t="str">
            <v>（株）鉱建社</v>
          </cell>
          <cell r="D799" t="str">
            <v>高田 洋一</v>
          </cell>
          <cell r="E799" t="str">
            <v>代表取締役</v>
          </cell>
          <cell r="F799" t="str">
            <v>060-0002</v>
          </cell>
          <cell r="G799" t="str">
            <v>中央区北２西３－１－１９</v>
          </cell>
          <cell r="H799" t="str">
            <v>219-2788</v>
          </cell>
          <cell r="I799" t="str">
            <v>219-2789</v>
          </cell>
        </row>
        <row r="800">
          <cell r="A800" t="str">
            <v>14723N</v>
          </cell>
          <cell r="B800" t="str">
            <v>ｺｳﾅﾝｹﾝｾﾂ</v>
          </cell>
          <cell r="C800" t="str">
            <v>公南建設（株）</v>
          </cell>
          <cell r="D800" t="str">
            <v>佐々木 豊和</v>
          </cell>
          <cell r="E800" t="str">
            <v>代表取締役社長</v>
          </cell>
          <cell r="F800" t="str">
            <v>068-0028</v>
          </cell>
          <cell r="G800" t="str">
            <v>岩見沢市８西２３－１</v>
          </cell>
          <cell r="H800" t="str">
            <v>0126-22-2345</v>
          </cell>
          <cell r="I800" t="str">
            <v>0126-22-5217</v>
          </cell>
        </row>
        <row r="801">
          <cell r="A801" t="str">
            <v>14725V</v>
          </cell>
          <cell r="B801" t="str">
            <v>ｺｳｼﾝ</v>
          </cell>
          <cell r="C801" t="str">
            <v>（株）康信</v>
          </cell>
          <cell r="D801" t="str">
            <v>田澤 徹男</v>
          </cell>
          <cell r="E801" t="str">
            <v>代表取締役</v>
          </cell>
          <cell r="F801" t="str">
            <v>063-0811</v>
          </cell>
          <cell r="G801" t="str">
            <v>西区琴似１－２－２－２－５０９</v>
          </cell>
          <cell r="H801" t="str">
            <v>642-4748</v>
          </cell>
          <cell r="I801" t="str">
            <v>611-9910</v>
          </cell>
        </row>
        <row r="802">
          <cell r="A802" t="str">
            <v>14726S</v>
          </cell>
          <cell r="B802" t="str">
            <v>ｺｸﾖﾎｯｶｲﾄﾞｳﾊﾝﾊﾞｲ</v>
          </cell>
          <cell r="C802" t="str">
            <v>コクヨ北海道販売（株）</v>
          </cell>
          <cell r="D802" t="str">
            <v>齊藤 伊三郎</v>
          </cell>
          <cell r="E802" t="str">
            <v>代表取締役</v>
          </cell>
          <cell r="F802" t="str">
            <v>003-0005</v>
          </cell>
          <cell r="G802" t="str">
            <v>白石区東札幌５－５－１－７</v>
          </cell>
          <cell r="H802" t="str">
            <v>815-5940</v>
          </cell>
          <cell r="I802" t="str">
            <v>811-4716</v>
          </cell>
        </row>
        <row r="803">
          <cell r="A803" t="str">
            <v>14727P</v>
          </cell>
          <cell r="B803" t="str">
            <v>ｺｼﾞﾏ</v>
          </cell>
          <cell r="C803" t="str">
            <v>（株）コジマ法人営業部</v>
          </cell>
          <cell r="D803" t="str">
            <v>岩出 芳夫</v>
          </cell>
          <cell r="E803" t="str">
            <v>法人営業部長</v>
          </cell>
          <cell r="F803" t="str">
            <v>320-8528</v>
          </cell>
          <cell r="G803" t="str">
            <v>区栃木県宇都宮市星が丘２－１－８</v>
          </cell>
          <cell r="H803" t="str">
            <v>028-621-0008</v>
          </cell>
          <cell r="I803" t="str">
            <v>028-621-1991</v>
          </cell>
        </row>
        <row r="804">
          <cell r="A804" t="str">
            <v>14728Z</v>
          </cell>
          <cell r="B804" t="str">
            <v>ｺｱｽﾞ</v>
          </cell>
          <cell r="C804" t="str">
            <v>（株）コアズ北海道支社</v>
          </cell>
          <cell r="D804" t="str">
            <v>高木 総一郎</v>
          </cell>
          <cell r="E804" t="str">
            <v>支社長</v>
          </cell>
          <cell r="F804" t="str">
            <v>060-0031</v>
          </cell>
          <cell r="G804" t="str">
            <v>中央区北１東２－５－２ 札幌泉第一ビル</v>
          </cell>
          <cell r="H804" t="str">
            <v>290-7055</v>
          </cell>
          <cell r="I804" t="str">
            <v>290-7056</v>
          </cell>
        </row>
        <row r="805">
          <cell r="A805" t="str">
            <v>14730V</v>
          </cell>
          <cell r="B805" t="str">
            <v>ｺﾆｶﾐﾉﾙﾀﾌﾟﾗﾈﾀﾘｳﾑ</v>
          </cell>
          <cell r="C805" t="str">
            <v>コニカミノルタプラネタリウム（株）</v>
          </cell>
          <cell r="D805" t="str">
            <v>今井 裕司</v>
          </cell>
          <cell r="E805" t="str">
            <v>取締役社長</v>
          </cell>
          <cell r="F805" t="str">
            <v>550-0005</v>
          </cell>
          <cell r="G805" t="str">
            <v>大阪市西区西本町２－３－１０</v>
          </cell>
          <cell r="H805" t="str">
            <v>06-6110-0570</v>
          </cell>
          <cell r="I805" t="str">
            <v>06-6110-0572</v>
          </cell>
        </row>
        <row r="806">
          <cell r="A806" t="str">
            <v>14731S</v>
          </cell>
          <cell r="B806" t="str">
            <v>ｺﾔﾅｷﾞｷｮｳﾄﾞｳ</v>
          </cell>
          <cell r="C806" t="str">
            <v>小柳協同（株）</v>
          </cell>
          <cell r="D806" t="str">
            <v>上野 厚</v>
          </cell>
          <cell r="E806" t="str">
            <v>常務取締役</v>
          </cell>
          <cell r="F806" t="str">
            <v>060-0035</v>
          </cell>
          <cell r="G806" t="str">
            <v>中央区北５東３－４</v>
          </cell>
          <cell r="H806" t="str">
            <v>231-5337</v>
          </cell>
          <cell r="I806" t="str">
            <v>232-0002</v>
          </cell>
        </row>
        <row r="807">
          <cell r="A807" t="str">
            <v>14732P</v>
          </cell>
          <cell r="B807" t="str">
            <v>ｺｳﾕｳﾘｰｽ</v>
          </cell>
          <cell r="C807" t="str">
            <v>広友リース（株）札幌支店</v>
          </cell>
          <cell r="D807" t="str">
            <v>西 淳一</v>
          </cell>
          <cell r="E807" t="str">
            <v>支店長</v>
          </cell>
          <cell r="F807" t="str">
            <v>007-0870</v>
          </cell>
          <cell r="G807" t="str">
            <v>東区伏古１０－４－３－１</v>
          </cell>
          <cell r="H807" t="str">
            <v>784-1321</v>
          </cell>
          <cell r="I807" t="str">
            <v>784-7333</v>
          </cell>
        </row>
        <row r="808">
          <cell r="A808" t="str">
            <v>14733Z</v>
          </cell>
          <cell r="B808" t="str">
            <v>ｺｳｾﾝ</v>
          </cell>
          <cell r="C808" t="str">
            <v>（株）交宣北海道営業所</v>
          </cell>
          <cell r="D808" t="str">
            <v>木村 陽路</v>
          </cell>
          <cell r="E808" t="str">
            <v>所長</v>
          </cell>
          <cell r="F808" t="str">
            <v>060-0032</v>
          </cell>
          <cell r="G808" t="str">
            <v>中央区北２東１－２－１０ 日宝北２条ビル８Ｆ</v>
          </cell>
          <cell r="H808" t="str">
            <v>261-8801</v>
          </cell>
          <cell r="I808" t="str">
            <v>261-8802</v>
          </cell>
        </row>
        <row r="809">
          <cell r="A809" t="str">
            <v>15003W</v>
          </cell>
          <cell r="B809" t="str">
            <v>ｻｯｿﾝ</v>
          </cell>
          <cell r="C809" t="str">
            <v>（株）サッソン</v>
          </cell>
          <cell r="D809" t="str">
            <v>小林 浩子</v>
          </cell>
          <cell r="E809" t="str">
            <v>代表取締役</v>
          </cell>
          <cell r="F809" t="str">
            <v>006-0836</v>
          </cell>
          <cell r="G809" t="str">
            <v>手稲区曙６－２－３－６</v>
          </cell>
          <cell r="H809" t="str">
            <v>682-1233</v>
          </cell>
          <cell r="I809" t="str">
            <v>682-6523</v>
          </cell>
        </row>
        <row r="810">
          <cell r="A810" t="str">
            <v>15004T</v>
          </cell>
          <cell r="B810" t="str">
            <v>ﾏﾙｺｻｯﾎﾟﾛｼｮｸﾊﾝ</v>
          </cell>
          <cell r="C810" t="str">
            <v>マルコさっぽろ食販（株）</v>
          </cell>
          <cell r="D810" t="str">
            <v>小山 進</v>
          </cell>
          <cell r="E810" t="str">
            <v>代表取締役</v>
          </cell>
          <cell r="F810" t="str">
            <v>001-0921</v>
          </cell>
          <cell r="G810" t="str">
            <v>北区新川１－４－４－７</v>
          </cell>
          <cell r="H810" t="str">
            <v>764-1147</v>
          </cell>
          <cell r="I810" t="str">
            <v>764-1338</v>
          </cell>
        </row>
        <row r="811">
          <cell r="A811" t="str">
            <v>15005P</v>
          </cell>
          <cell r="B811" t="str">
            <v>ｻﾝﾕｳﾌﾞｯｻﾝ</v>
          </cell>
          <cell r="C811" t="str">
            <v>三友物産（株）</v>
          </cell>
          <cell r="D811" t="str">
            <v>山尾 勲</v>
          </cell>
          <cell r="E811" t="str">
            <v>代表取締役</v>
          </cell>
          <cell r="F811" t="str">
            <v>062-0039</v>
          </cell>
          <cell r="G811" t="str">
            <v>豊平区西岡５３２－１８</v>
          </cell>
          <cell r="H811" t="str">
            <v>582-4211</v>
          </cell>
          <cell r="I811" t="str">
            <v>583-1620</v>
          </cell>
        </row>
        <row r="812">
          <cell r="A812" t="str">
            <v>15009S</v>
          </cell>
          <cell r="B812" t="str">
            <v>ｻｯﾎﾟﾛﾆｯﾄ</v>
          </cell>
          <cell r="C812" t="str">
            <v>（株）札幌ニット</v>
          </cell>
          <cell r="D812" t="str">
            <v>武田 寿</v>
          </cell>
          <cell r="E812" t="str">
            <v>代表取締役</v>
          </cell>
          <cell r="F812" t="str">
            <v>003-0024</v>
          </cell>
          <cell r="G812" t="str">
            <v>白石区本郷通４南２－９</v>
          </cell>
          <cell r="H812" t="str">
            <v>864-3477</v>
          </cell>
          <cell r="I812" t="str">
            <v>865-5364</v>
          </cell>
        </row>
        <row r="813">
          <cell r="A813" t="str">
            <v>15011Z</v>
          </cell>
          <cell r="B813" t="str">
            <v>ｻｯﾎﾟﾛﾗｼﾞｴｰﾀｰｺｳｷﾞｮｳ</v>
          </cell>
          <cell r="C813" t="str">
            <v>札幌ラジエーター工業（株）</v>
          </cell>
          <cell r="D813" t="str">
            <v>大隅 正</v>
          </cell>
          <cell r="E813" t="str">
            <v>代表取締役</v>
          </cell>
          <cell r="F813" t="str">
            <v>003-0821</v>
          </cell>
          <cell r="G813" t="str">
            <v>白石区菊水本町１－１－３－２４</v>
          </cell>
          <cell r="H813" t="str">
            <v>873-6055</v>
          </cell>
          <cell r="I813" t="str">
            <v>873-6056</v>
          </cell>
        </row>
        <row r="814">
          <cell r="A814" t="str">
            <v>15012X</v>
          </cell>
          <cell r="B814" t="str">
            <v>ｻｯﾎﾟﾛﾀﾞｲﾆｺﾄﾞﾓﾉﾄﾓｼｬ</v>
          </cell>
          <cell r="C814" t="str">
            <v>札幌第二こどものとも社</v>
          </cell>
          <cell r="D814" t="str">
            <v>大道 泰幸</v>
          </cell>
          <cell r="E814" t="str">
            <v>代表</v>
          </cell>
          <cell r="F814" t="str">
            <v>063-0844</v>
          </cell>
          <cell r="G814" t="str">
            <v>西区八軒４西３－２－２</v>
          </cell>
          <cell r="H814" t="str">
            <v>631-2527</v>
          </cell>
          <cell r="I814" t="str">
            <v>631-2519</v>
          </cell>
        </row>
        <row r="815">
          <cell r="A815" t="str">
            <v>15013V</v>
          </cell>
          <cell r="B815" t="str">
            <v>ｻﾝｺｳﾓｰﾀｰｽ</v>
          </cell>
          <cell r="C815" t="str">
            <v>三興モータース（株）</v>
          </cell>
          <cell r="D815" t="str">
            <v>木村 勝義</v>
          </cell>
          <cell r="E815" t="str">
            <v>代表取締役</v>
          </cell>
          <cell r="F815" t="str">
            <v>060-0010</v>
          </cell>
          <cell r="G815" t="str">
            <v>中央区北１０西２１－１－１０</v>
          </cell>
          <cell r="H815" t="str">
            <v>611-7731</v>
          </cell>
          <cell r="I815" t="str">
            <v>611-7742</v>
          </cell>
        </row>
        <row r="816">
          <cell r="A816" t="str">
            <v>15014S</v>
          </cell>
          <cell r="B816" t="str">
            <v>ｻｯﾎﾟﾛｺｳｷｭｳｲﾓﾉ</v>
          </cell>
          <cell r="C816" t="str">
            <v>札幌高級鋳物（株）</v>
          </cell>
          <cell r="D816" t="str">
            <v>高橋 典夫</v>
          </cell>
          <cell r="E816" t="str">
            <v>代表取締役</v>
          </cell>
          <cell r="F816" t="str">
            <v>063-0833</v>
          </cell>
          <cell r="G816" t="str">
            <v>西区発寒１３－１２－２－１</v>
          </cell>
          <cell r="H816" t="str">
            <v>661-3333</v>
          </cell>
          <cell r="I816" t="str">
            <v>661-3292</v>
          </cell>
        </row>
        <row r="817">
          <cell r="A817" t="str">
            <v>15016Y</v>
          </cell>
          <cell r="B817" t="str">
            <v>ｻｯﾎﾟﾛﾀﾞｲｲﾁｺｳｻﾝ</v>
          </cell>
          <cell r="C817" t="str">
            <v>札幌第一興産（株）</v>
          </cell>
          <cell r="D817" t="str">
            <v>武田 治</v>
          </cell>
          <cell r="E817" t="str">
            <v>代表取締役</v>
          </cell>
          <cell r="F817" t="str">
            <v>060-0004</v>
          </cell>
          <cell r="G817" t="str">
            <v>中央区北４西１６－１ 第一ビル６Ｆ</v>
          </cell>
          <cell r="H817" t="str">
            <v>640-3111</v>
          </cell>
          <cell r="I817" t="str">
            <v>621-0597</v>
          </cell>
        </row>
        <row r="818">
          <cell r="A818" t="str">
            <v>15018T</v>
          </cell>
          <cell r="B818" t="str">
            <v>ｸﾗﾘｵﾝﾊﾝﾊﾞｲ</v>
          </cell>
          <cell r="C818" t="str">
            <v>クラリオン販売（株）札幌営業所</v>
          </cell>
          <cell r="D818" t="str">
            <v>佐藤 修</v>
          </cell>
          <cell r="E818" t="str">
            <v>札幌営業所所長</v>
          </cell>
          <cell r="F818" t="str">
            <v>064-0920</v>
          </cell>
          <cell r="G818" t="str">
            <v>中央区南２０西１１－１－５</v>
          </cell>
          <cell r="H818" t="str">
            <v>561-2211</v>
          </cell>
          <cell r="I818" t="str">
            <v>563-9141</v>
          </cell>
        </row>
        <row r="819">
          <cell r="A819" t="str">
            <v>15019R</v>
          </cell>
          <cell r="B819" t="str">
            <v>ｻﾝﾜｼｬｯﾀｰｺｳｷﾞｮｳ</v>
          </cell>
          <cell r="C819" t="str">
            <v>三和シャッター工業（株）札幌支店</v>
          </cell>
          <cell r="D819" t="str">
            <v>斉藤 昭二</v>
          </cell>
          <cell r="E819" t="str">
            <v>支店長</v>
          </cell>
          <cell r="F819" t="str">
            <v>060-0001</v>
          </cell>
          <cell r="G819" t="str">
            <v>中央区北１西１０－１－２６</v>
          </cell>
          <cell r="H819" t="str">
            <v>231-8016</v>
          </cell>
          <cell r="I819" t="str">
            <v>221-0934</v>
          </cell>
        </row>
        <row r="820">
          <cell r="A820" t="str">
            <v>15022W</v>
          </cell>
          <cell r="B820" t="str">
            <v>ｻｯﾎﾟﾛﾒｰﾙｻｰﾋﾞｽ</v>
          </cell>
          <cell r="C820" t="str">
            <v>（株）札幌メールサービス</v>
          </cell>
          <cell r="D820" t="str">
            <v>竹内 武司</v>
          </cell>
          <cell r="E820" t="str">
            <v>代表取締役</v>
          </cell>
          <cell r="F820" t="str">
            <v>065-0008</v>
          </cell>
          <cell r="G820" t="str">
            <v>東区北８東１１－１－３９</v>
          </cell>
          <cell r="H820" t="str">
            <v>704-2111</v>
          </cell>
          <cell r="I820" t="str">
            <v>704-2121</v>
          </cell>
        </row>
        <row r="821">
          <cell r="A821" t="str">
            <v>15023T</v>
          </cell>
          <cell r="B821" t="str">
            <v>ｻｯﾎﾟﾛﾄﾞｳﾛｲｼﾞｺｳｼｬ</v>
          </cell>
          <cell r="C821" t="str">
            <v>（株）札幌道路維持公社</v>
          </cell>
          <cell r="D821" t="str">
            <v>福迫 尚一郎</v>
          </cell>
          <cell r="E821" t="str">
            <v>代表取締役社長</v>
          </cell>
          <cell r="F821" t="str">
            <v>060-0001</v>
          </cell>
          <cell r="G821" t="str">
            <v>中央区北１西３－３ 札幌ＭＮビル４Ｆ</v>
          </cell>
          <cell r="H821" t="str">
            <v>242-2110</v>
          </cell>
          <cell r="I821" t="str">
            <v>242-2115</v>
          </cell>
        </row>
        <row r="822">
          <cell r="A822" t="str">
            <v>15029P</v>
          </cell>
          <cell r="B822" t="str">
            <v>ﾀﾞｲﾊﾂﾎｯｶｲﾄﾞｳﾊﾝﾊﾞｲ</v>
          </cell>
          <cell r="C822" t="str">
            <v>ダイハツ北海道販売（株）</v>
          </cell>
          <cell r="D822" t="str">
            <v>植松 俊隆</v>
          </cell>
          <cell r="E822" t="str">
            <v>代表取締役</v>
          </cell>
          <cell r="F822" t="str">
            <v>003-8640</v>
          </cell>
          <cell r="G822" t="str">
            <v>白石区本通１８南２－１７</v>
          </cell>
          <cell r="H822" t="str">
            <v>864-2720</v>
          </cell>
          <cell r="I822" t="str">
            <v>864-2161</v>
          </cell>
        </row>
        <row r="823">
          <cell r="A823" t="str">
            <v>15031X</v>
          </cell>
          <cell r="B823" t="str">
            <v>ｻﾄｳｼｬﾘｮｳﾌﾞﾋﾝ</v>
          </cell>
          <cell r="C823" t="str">
            <v>佐藤車輌部品（株）</v>
          </cell>
          <cell r="D823" t="str">
            <v>佐藤 喜勝</v>
          </cell>
          <cell r="E823" t="str">
            <v>代表取締役</v>
          </cell>
          <cell r="F823" t="str">
            <v>007-0847</v>
          </cell>
          <cell r="G823" t="str">
            <v>東区北４７東８－２－１</v>
          </cell>
          <cell r="H823" t="str">
            <v>721-1311</v>
          </cell>
          <cell r="I823" t="str">
            <v>721-1625</v>
          </cell>
        </row>
        <row r="824">
          <cell r="A824" t="str">
            <v>15032V</v>
          </cell>
          <cell r="B824" t="str">
            <v>ｻﾝﾖｳﾎｯｶｲﾄﾞｳｻﾝｷｼｽﾃﾑ</v>
          </cell>
          <cell r="C824" t="str">
            <v>三洋北海道産機システム（株）</v>
          </cell>
          <cell r="D824" t="str">
            <v>高橋 祥一</v>
          </cell>
          <cell r="E824" t="str">
            <v>代表取締役</v>
          </cell>
          <cell r="F824" t="str">
            <v>065-0018</v>
          </cell>
          <cell r="G824" t="str">
            <v>東区北１８東１８－１－２</v>
          </cell>
          <cell r="H824" t="str">
            <v>783-1134</v>
          </cell>
          <cell r="I824" t="str">
            <v>783-1267</v>
          </cell>
        </row>
        <row r="825">
          <cell r="A825" t="str">
            <v>15033S</v>
          </cell>
          <cell r="B825" t="str">
            <v>ｻﾝﾜｼｮｳｺｳ</v>
          </cell>
          <cell r="C825" t="str">
            <v>三和商行（株）</v>
          </cell>
          <cell r="D825" t="str">
            <v>白勢 信成</v>
          </cell>
          <cell r="E825" t="str">
            <v>代表取締役</v>
          </cell>
          <cell r="F825" t="str">
            <v>007-0868</v>
          </cell>
          <cell r="G825" t="str">
            <v>東区伏古８－４－７－２２</v>
          </cell>
          <cell r="H825" t="str">
            <v>786-7101</v>
          </cell>
          <cell r="I825" t="str">
            <v>786-7106</v>
          </cell>
        </row>
        <row r="826">
          <cell r="A826" t="str">
            <v>15034P</v>
          </cell>
          <cell r="B826" t="str">
            <v>ｻｯﾂｳｼﾞﾄﾞｳｼｬｺｳｷﾞｮｳ</v>
          </cell>
          <cell r="C826" t="str">
            <v>札通自動車工業（株）</v>
          </cell>
          <cell r="D826" t="str">
            <v>稲井 範夫</v>
          </cell>
          <cell r="E826" t="str">
            <v>代表取締役</v>
          </cell>
          <cell r="F826" t="str">
            <v>003-0011</v>
          </cell>
          <cell r="G826" t="str">
            <v>白石区中央１－３－４－８</v>
          </cell>
          <cell r="H826" t="str">
            <v>821-2002</v>
          </cell>
          <cell r="I826" t="str">
            <v>842-7685</v>
          </cell>
        </row>
        <row r="827">
          <cell r="A827" t="str">
            <v>15035Y</v>
          </cell>
          <cell r="B827" t="str">
            <v>ｻﾞｲｴﾝｽ</v>
          </cell>
          <cell r="C827" t="str">
            <v>（株）ザイエンス札幌支店</v>
          </cell>
          <cell r="D827" t="str">
            <v>平本 秀夫</v>
          </cell>
          <cell r="E827" t="str">
            <v>常務取締役支店長</v>
          </cell>
          <cell r="F827" t="str">
            <v>064-0808</v>
          </cell>
          <cell r="G827" t="str">
            <v>中央区南８西１３－２－１４</v>
          </cell>
          <cell r="H827" t="str">
            <v>563-5551</v>
          </cell>
          <cell r="I827" t="str">
            <v>561-1541</v>
          </cell>
        </row>
        <row r="828">
          <cell r="A828" t="str">
            <v>15037T</v>
          </cell>
          <cell r="B828" t="str">
            <v>ｻｯﾎﾟﾛﾋｮｳﾊﾞﾝｾｲｻｸｼｮ</v>
          </cell>
          <cell r="C828" t="str">
            <v>（株）札幌標板製作所</v>
          </cell>
          <cell r="D828" t="str">
            <v>小藤田 良彦</v>
          </cell>
          <cell r="E828" t="str">
            <v>代表取締役</v>
          </cell>
          <cell r="F828" t="str">
            <v>065-0028</v>
          </cell>
          <cell r="G828" t="str">
            <v>東区北２８東１－２－１０</v>
          </cell>
          <cell r="H828" t="str">
            <v>721-5148</v>
          </cell>
          <cell r="I828" t="str">
            <v>711-6839</v>
          </cell>
        </row>
        <row r="829">
          <cell r="A829" t="str">
            <v>15038R</v>
          </cell>
          <cell r="B829" t="str">
            <v>ｻｯﾎﾟﾛｿｯｷｼﾞﾑｼｮ</v>
          </cell>
          <cell r="C829" t="str">
            <v>（有）札幌速記事務所</v>
          </cell>
          <cell r="D829" t="str">
            <v>岡田 亘裕</v>
          </cell>
          <cell r="E829" t="str">
            <v>代表取締役</v>
          </cell>
          <cell r="F829" t="str">
            <v>064-0912</v>
          </cell>
          <cell r="G829" t="str">
            <v>中央区南１２西１１－１－２５</v>
          </cell>
          <cell r="H829" t="str">
            <v>561-2859</v>
          </cell>
          <cell r="I829" t="str">
            <v>561-2859</v>
          </cell>
        </row>
        <row r="830">
          <cell r="A830" t="str">
            <v>15039N</v>
          </cell>
          <cell r="B830" t="str">
            <v>ｻｯﾎﾟﾛﾘｻｲｸﾙｺﾂｻﾞｲ</v>
          </cell>
          <cell r="C830" t="str">
            <v>札幌リサイクル骨材（株）</v>
          </cell>
          <cell r="D830" t="str">
            <v>石川 淳一</v>
          </cell>
          <cell r="E830" t="str">
            <v>代表取締役</v>
          </cell>
          <cell r="F830" t="str">
            <v>007-0890</v>
          </cell>
          <cell r="G830" t="str">
            <v>東区中沼町４５－２６</v>
          </cell>
          <cell r="H830" t="str">
            <v>792-4087</v>
          </cell>
          <cell r="I830" t="str">
            <v>792-4086</v>
          </cell>
        </row>
        <row r="831">
          <cell r="A831" t="str">
            <v>15040Y</v>
          </cell>
          <cell r="B831" t="str">
            <v>ｻﾝｺｳｼｬｷｶｲ</v>
          </cell>
          <cell r="C831" t="str">
            <v>三工舎機械（株）</v>
          </cell>
          <cell r="D831" t="str">
            <v>遠藤 一雄</v>
          </cell>
          <cell r="E831" t="str">
            <v>代表取締役</v>
          </cell>
          <cell r="F831" t="str">
            <v>060-0033</v>
          </cell>
          <cell r="G831" t="str">
            <v>中央区北３東３－１</v>
          </cell>
          <cell r="H831" t="str">
            <v>221-9161</v>
          </cell>
          <cell r="I831" t="str">
            <v>221-9166</v>
          </cell>
        </row>
        <row r="832">
          <cell r="A832" t="str">
            <v>15042T</v>
          </cell>
          <cell r="B832" t="str">
            <v>ｻｯﾎﾟﾛﾆｯｼｮｳｼﾞﾄﾞｳｼｬ</v>
          </cell>
          <cell r="C832" t="str">
            <v>サッポロ日昭自動車（株）</v>
          </cell>
          <cell r="D832" t="str">
            <v>赤地 克比古</v>
          </cell>
          <cell r="E832" t="str">
            <v>代表取締役</v>
          </cell>
          <cell r="F832" t="str">
            <v>004-0006</v>
          </cell>
          <cell r="G832" t="str">
            <v>厚別区厚別町小野幌２５１１－１</v>
          </cell>
          <cell r="H832" t="str">
            <v>892-2484</v>
          </cell>
          <cell r="I832" t="str">
            <v>892-1001</v>
          </cell>
        </row>
        <row r="833">
          <cell r="A833" t="str">
            <v>15044N</v>
          </cell>
          <cell r="B833" t="str">
            <v>ｻｯﾎﾟﾛﾓｯｺｳｾﾝﾀｰ</v>
          </cell>
          <cell r="C833" t="str">
            <v>（協）札幌木工センター</v>
          </cell>
          <cell r="D833" t="str">
            <v>高松 正</v>
          </cell>
          <cell r="E833" t="str">
            <v>代表理事</v>
          </cell>
          <cell r="F833" t="str">
            <v>063-0828</v>
          </cell>
          <cell r="G833" t="str">
            <v>西区発寒８－１２－１－２１</v>
          </cell>
          <cell r="H833" t="str">
            <v>661-1311</v>
          </cell>
          <cell r="I833" t="str">
            <v>662-1634</v>
          </cell>
        </row>
        <row r="834">
          <cell r="A834" t="str">
            <v>15045X</v>
          </cell>
          <cell r="B834" t="str">
            <v>ｻﾝｺｰ</v>
          </cell>
          <cell r="C834" t="str">
            <v>（株）サンコー</v>
          </cell>
          <cell r="D834" t="str">
            <v>山田 修三</v>
          </cell>
          <cell r="E834" t="str">
            <v>代表取締役</v>
          </cell>
          <cell r="F834" t="str">
            <v>060-0002</v>
          </cell>
          <cell r="G834" t="str">
            <v>中央区北２西２－３２</v>
          </cell>
          <cell r="H834" t="str">
            <v>252-3511</v>
          </cell>
          <cell r="I834" t="str">
            <v>252-1788</v>
          </cell>
        </row>
        <row r="835">
          <cell r="A835" t="str">
            <v>15046V</v>
          </cell>
          <cell r="B835" t="str">
            <v>ｻﾝｺｰｼﾞﾑｷ</v>
          </cell>
          <cell r="C835" t="str">
            <v>サンコー事務機（株）</v>
          </cell>
          <cell r="D835" t="str">
            <v>澤飯 博</v>
          </cell>
          <cell r="E835" t="str">
            <v>代表取締役</v>
          </cell>
          <cell r="F835" t="str">
            <v>060-0013</v>
          </cell>
          <cell r="G835" t="str">
            <v>中央区北１３西１８－３６－９０</v>
          </cell>
          <cell r="H835" t="str">
            <v>614-2255</v>
          </cell>
          <cell r="I835" t="str">
            <v>614-5245</v>
          </cell>
        </row>
        <row r="836">
          <cell r="A836" t="str">
            <v>15047S</v>
          </cell>
          <cell r="B836" t="str">
            <v>ｻｯﾎﾟﾛ･ｽﾀｼﾞｵ</v>
          </cell>
          <cell r="C836" t="str">
            <v>（株）サッポロ・スタジオ</v>
          </cell>
          <cell r="D836" t="str">
            <v>浜辺 秀樹</v>
          </cell>
          <cell r="E836" t="str">
            <v>代表取締役</v>
          </cell>
          <cell r="F836" t="str">
            <v>064-0913</v>
          </cell>
          <cell r="G836" t="str">
            <v>中央区南１３西２３－５－１５</v>
          </cell>
          <cell r="H836" t="str">
            <v>561-5320</v>
          </cell>
          <cell r="I836" t="str">
            <v>563-1156</v>
          </cell>
        </row>
        <row r="837">
          <cell r="A837" t="str">
            <v>15048P</v>
          </cell>
          <cell r="B837" t="str">
            <v>ｻﾝｹｲ</v>
          </cell>
          <cell r="C837" t="str">
            <v>（株）さんけい</v>
          </cell>
          <cell r="D837" t="str">
            <v>高橋 光雄</v>
          </cell>
          <cell r="E837" t="str">
            <v>代表取締役</v>
          </cell>
          <cell r="F837" t="str">
            <v>063-0850</v>
          </cell>
          <cell r="G837" t="str">
            <v>西区八軒１０西１２－２－４８</v>
          </cell>
          <cell r="H837" t="str">
            <v>611-8866</v>
          </cell>
          <cell r="I837" t="str">
            <v>611-0422</v>
          </cell>
        </row>
        <row r="838">
          <cell r="A838" t="str">
            <v>15052S</v>
          </cell>
          <cell r="B838" t="str">
            <v>ｻﾝｱｲｼﾞﾄﾞｳｼｬｺｳｷﾞｮｳ</v>
          </cell>
          <cell r="C838" t="str">
            <v>三愛自動車工業（株）</v>
          </cell>
          <cell r="D838" t="str">
            <v>大畑 範義</v>
          </cell>
          <cell r="E838" t="str">
            <v>代表取締役</v>
          </cell>
          <cell r="F838" t="str">
            <v>007-0842</v>
          </cell>
          <cell r="G838" t="str">
            <v>東区北４２東１９－１－１</v>
          </cell>
          <cell r="H838" t="str">
            <v>781-9111</v>
          </cell>
          <cell r="I838" t="str">
            <v>781-3913</v>
          </cell>
        </row>
        <row r="839">
          <cell r="A839" t="str">
            <v>15053P</v>
          </cell>
          <cell r="B839" t="str">
            <v>ｻｸﾗｺｳｹﾞｲ</v>
          </cell>
          <cell r="C839" t="str">
            <v>（有）サクラ工芸</v>
          </cell>
          <cell r="D839" t="str">
            <v>桜木 亘</v>
          </cell>
          <cell r="E839" t="str">
            <v>代表取締役</v>
          </cell>
          <cell r="F839" t="str">
            <v>005-0850</v>
          </cell>
          <cell r="G839" t="str">
            <v>南区石山東３－７－２６</v>
          </cell>
          <cell r="H839" t="str">
            <v>592-2811</v>
          </cell>
          <cell r="I839" t="str">
            <v>593-9663</v>
          </cell>
        </row>
        <row r="840">
          <cell r="A840" t="str">
            <v>15055W</v>
          </cell>
          <cell r="B840" t="str">
            <v>ｻｯﾎﾟﾛｼｶﾝｷｮｳｼﾞｷﾞｮｳｺｳｼｬ</v>
          </cell>
          <cell r="C840" t="str">
            <v>（財）札幌市環境事業公社</v>
          </cell>
          <cell r="D840" t="str">
            <v>川瀬 洋三</v>
          </cell>
          <cell r="E840" t="str">
            <v>理事長</v>
          </cell>
          <cell r="F840" t="str">
            <v>060-0031</v>
          </cell>
          <cell r="G840" t="str">
            <v>中央区北１東１－４－１ サン経成ビル内</v>
          </cell>
          <cell r="H840" t="str">
            <v>219-5353</v>
          </cell>
          <cell r="I840" t="str">
            <v>219-0053</v>
          </cell>
        </row>
        <row r="841">
          <cell r="A841" t="str">
            <v>15056T</v>
          </cell>
          <cell r="B841" t="str">
            <v>ｻﾜﾑﾗｼｮｳﾃﾝ</v>
          </cell>
          <cell r="C841" t="str">
            <v>（有）澤村商店</v>
          </cell>
          <cell r="D841" t="str">
            <v>澤村 秀記</v>
          </cell>
          <cell r="E841" t="str">
            <v>代表取締役</v>
          </cell>
          <cell r="F841" t="str">
            <v>006-0031</v>
          </cell>
          <cell r="G841" t="str">
            <v>手稲区稲穂１－１－１１－５</v>
          </cell>
          <cell r="H841" t="str">
            <v>683-7171</v>
          </cell>
          <cell r="I841" t="str">
            <v>683-7177</v>
          </cell>
        </row>
        <row r="842">
          <cell r="A842" t="str">
            <v>15057R</v>
          </cell>
          <cell r="B842" t="str">
            <v>ｻｯﾎﾟﾛｾｰｺｰ</v>
          </cell>
          <cell r="C842" t="str">
            <v>（株）札幌セーコー</v>
          </cell>
          <cell r="D842" t="str">
            <v>駿河 勝洋</v>
          </cell>
          <cell r="E842" t="str">
            <v>代表取締役</v>
          </cell>
          <cell r="F842" t="str">
            <v>063-0847</v>
          </cell>
          <cell r="G842" t="str">
            <v>西区八軒７西４－１－１２</v>
          </cell>
          <cell r="H842" t="str">
            <v>643-1811</v>
          </cell>
          <cell r="I842" t="str">
            <v>643-1815</v>
          </cell>
        </row>
        <row r="843">
          <cell r="A843" t="str">
            <v>15058N</v>
          </cell>
          <cell r="B843" t="str">
            <v>ｻｯﾎﾟﾛﾀﾞｲﾄﾞｳｲﾝｻﾂ</v>
          </cell>
          <cell r="C843" t="str">
            <v>札幌大同印刷（株）</v>
          </cell>
          <cell r="D843" t="str">
            <v>本間 暁</v>
          </cell>
          <cell r="E843" t="str">
            <v>代表取締役</v>
          </cell>
          <cell r="F843" t="str">
            <v>004-0003</v>
          </cell>
          <cell r="G843" t="str">
            <v>厚別区厚別東３－２－１－１</v>
          </cell>
          <cell r="H843" t="str">
            <v>823-6115</v>
          </cell>
          <cell r="I843" t="str">
            <v>823-8049</v>
          </cell>
        </row>
        <row r="844">
          <cell r="A844" t="str">
            <v>15060W</v>
          </cell>
          <cell r="B844" t="str">
            <v>ｻﾄｳｲﾝｻﾂ</v>
          </cell>
          <cell r="C844" t="str">
            <v>佐藤印刷（株）</v>
          </cell>
          <cell r="D844" t="str">
            <v>佐藤 泰光</v>
          </cell>
          <cell r="E844" t="str">
            <v>代表取締役</v>
          </cell>
          <cell r="F844" t="str">
            <v>060-0807</v>
          </cell>
          <cell r="G844" t="str">
            <v>北区北７西８－１－２０</v>
          </cell>
          <cell r="H844" t="str">
            <v>726-3345</v>
          </cell>
          <cell r="I844" t="str">
            <v>726-2170</v>
          </cell>
        </row>
        <row r="845">
          <cell r="A845" t="str">
            <v>15061T</v>
          </cell>
          <cell r="B845" t="str">
            <v>ｻｯｼﾝﾃﾞﾝｷｺｳｷﾞｮｳ</v>
          </cell>
          <cell r="C845" t="str">
            <v>札新電気工業（株）</v>
          </cell>
          <cell r="D845" t="str">
            <v>新木 嘉夫</v>
          </cell>
          <cell r="E845" t="str">
            <v>代表取締役</v>
          </cell>
          <cell r="F845" t="str">
            <v>062-0054</v>
          </cell>
          <cell r="G845" t="str">
            <v>豊平区月寒東４－７－５－６</v>
          </cell>
          <cell r="H845" t="str">
            <v>851-0868</v>
          </cell>
          <cell r="I845" t="str">
            <v>851-3558</v>
          </cell>
        </row>
        <row r="846">
          <cell r="A846" t="str">
            <v>15063N</v>
          </cell>
          <cell r="B846" t="str">
            <v>ｿｳｺﾞｳｼｮｳｹﾝ</v>
          </cell>
          <cell r="C846" t="str">
            <v>総合商研（株）</v>
          </cell>
          <cell r="D846" t="str">
            <v>加藤 優</v>
          </cell>
          <cell r="E846" t="str">
            <v>代表取締役</v>
          </cell>
          <cell r="F846" t="str">
            <v>007-0802</v>
          </cell>
          <cell r="G846" t="str">
            <v>東区東苗穂２－３－４－４８</v>
          </cell>
          <cell r="H846" t="str">
            <v>780-3605</v>
          </cell>
          <cell r="I846" t="str">
            <v>780-5785</v>
          </cell>
        </row>
        <row r="847">
          <cell r="A847" t="str">
            <v>15065V</v>
          </cell>
          <cell r="B847" t="str">
            <v>ｻﾝﾄﾞｳｻﾝﾖｳｲﾝｻﾂ</v>
          </cell>
          <cell r="C847" t="str">
            <v>山藤三陽印刷（株）</v>
          </cell>
          <cell r="D847" t="str">
            <v>山藤 敬一</v>
          </cell>
          <cell r="E847" t="str">
            <v>代表取締役</v>
          </cell>
          <cell r="F847" t="str">
            <v>063-0051</v>
          </cell>
          <cell r="G847" t="str">
            <v>西区宮の沢１－４－１６－１</v>
          </cell>
          <cell r="H847" t="str">
            <v>661-7161</v>
          </cell>
          <cell r="I847" t="str">
            <v>661-7173</v>
          </cell>
        </row>
        <row r="848">
          <cell r="A848" t="str">
            <v>15066S</v>
          </cell>
          <cell r="B848" t="str">
            <v>ﾎｯｶｲﾄﾞｳｳﾝﾊﾟﾝｷ</v>
          </cell>
          <cell r="C848" t="str">
            <v>北海道運搬機（株）札幌支店</v>
          </cell>
          <cell r="D848" t="str">
            <v>山田 新一</v>
          </cell>
          <cell r="E848" t="str">
            <v>取締役札幌支店長</v>
          </cell>
          <cell r="F848" t="str">
            <v>063-0836</v>
          </cell>
          <cell r="G848" t="str">
            <v>西区発寒１６－１３－７</v>
          </cell>
          <cell r="H848" t="str">
            <v>661-0595</v>
          </cell>
          <cell r="I848" t="str">
            <v>665-0927</v>
          </cell>
        </row>
        <row r="849">
          <cell r="A849" t="str">
            <v>15067P</v>
          </cell>
          <cell r="B849" t="str">
            <v>ｻｯﾎﾟﾛｷｺｳｾｲﾋﾞ</v>
          </cell>
          <cell r="C849" t="str">
            <v>札幌機工整備（株）</v>
          </cell>
          <cell r="D849" t="str">
            <v>渋田 敏</v>
          </cell>
          <cell r="E849" t="str">
            <v>代表取締役社長</v>
          </cell>
          <cell r="F849" t="str">
            <v>003-0012</v>
          </cell>
          <cell r="G849" t="str">
            <v>白石区中央２－５－２－４４</v>
          </cell>
          <cell r="H849" t="str">
            <v>383-1411</v>
          </cell>
          <cell r="I849" t="str">
            <v>383-1495</v>
          </cell>
        </row>
        <row r="850">
          <cell r="A850" t="str">
            <v>15068Z</v>
          </cell>
          <cell r="B850" t="str">
            <v>ｻｯﾎﾟﾛｶｲｷﾞﾛｸｾﾝﾀｰ</v>
          </cell>
          <cell r="C850" t="str">
            <v>（株）札幌会議録センター</v>
          </cell>
          <cell r="D850" t="str">
            <v>黒澤 秀樹</v>
          </cell>
          <cell r="E850" t="str">
            <v>代表取締役</v>
          </cell>
          <cell r="F850" t="str">
            <v>060-0003</v>
          </cell>
          <cell r="G850" t="str">
            <v>中央区北３西２カミヤマビル３Ｆ</v>
          </cell>
          <cell r="H850" t="str">
            <v>221-6320</v>
          </cell>
          <cell r="I850" t="str">
            <v>221-6694</v>
          </cell>
        </row>
        <row r="851">
          <cell r="A851" t="str">
            <v>15069X</v>
          </cell>
          <cell r="B851" t="str">
            <v>ｻﾂﾃﾞﾝ</v>
          </cell>
          <cell r="C851" t="str">
            <v>（株）さつでん</v>
          </cell>
          <cell r="D851" t="str">
            <v>早川 幸廣</v>
          </cell>
          <cell r="E851" t="str">
            <v>代表取締役社長</v>
          </cell>
          <cell r="F851" t="str">
            <v>065-8511</v>
          </cell>
          <cell r="G851" t="str">
            <v>東区北１３東４－１－５０</v>
          </cell>
          <cell r="H851" t="str">
            <v>722-6111</v>
          </cell>
          <cell r="I851" t="str">
            <v>722-6565</v>
          </cell>
        </row>
        <row r="852">
          <cell r="A852" t="str">
            <v>15070V</v>
          </cell>
          <cell r="B852" t="str">
            <v>ｻﾄﾘﾃﾞﾝｷ</v>
          </cell>
          <cell r="C852" t="str">
            <v>佐鳥電機（株）札幌支店</v>
          </cell>
          <cell r="D852" t="str">
            <v>小玉 雅尚</v>
          </cell>
          <cell r="E852" t="str">
            <v>支店長</v>
          </cell>
          <cell r="F852" t="str">
            <v>060-0061</v>
          </cell>
          <cell r="G852" t="str">
            <v>中央区南１西６－１１ 札幌北辰ビル４Ｆ</v>
          </cell>
          <cell r="H852" t="str">
            <v>221-6530</v>
          </cell>
          <cell r="I852" t="str">
            <v>222-4368</v>
          </cell>
        </row>
        <row r="853">
          <cell r="A853" t="str">
            <v>15071S</v>
          </cell>
          <cell r="B853" t="str">
            <v>ﾎｯｶｲﾄﾞｳｴﾅｼﾞﾃｨｯｸ</v>
          </cell>
          <cell r="C853" t="str">
            <v>北海道エナジティック（株）</v>
          </cell>
          <cell r="D853" t="str">
            <v>山田 文雄</v>
          </cell>
          <cell r="E853" t="str">
            <v>代表取締役</v>
          </cell>
          <cell r="F853" t="str">
            <v>003-0003</v>
          </cell>
          <cell r="G853" t="str">
            <v>白石区東札幌３－１－１－１８</v>
          </cell>
          <cell r="H853" t="str">
            <v>822-0171</v>
          </cell>
          <cell r="I853" t="str">
            <v>842-0311</v>
          </cell>
        </row>
        <row r="854">
          <cell r="A854" t="str">
            <v>15073Z</v>
          </cell>
          <cell r="B854" t="str">
            <v>ｻｯﾎﾟﾛｱﾎﾟﾛｾｷﾕ</v>
          </cell>
          <cell r="C854" t="str">
            <v>札幌アポロ石油（株）</v>
          </cell>
          <cell r="D854" t="str">
            <v>井門 克郷</v>
          </cell>
          <cell r="E854" t="str">
            <v>代表取締役</v>
          </cell>
          <cell r="F854" t="str">
            <v>064-0805</v>
          </cell>
          <cell r="G854" t="str">
            <v>中央区南５西１０－１０１５</v>
          </cell>
          <cell r="H854" t="str">
            <v>532-1111</v>
          </cell>
          <cell r="I854" t="str">
            <v>511-8220</v>
          </cell>
        </row>
        <row r="855">
          <cell r="A855" t="str">
            <v>15076R</v>
          </cell>
          <cell r="B855" t="str">
            <v>ｺﾏﾂﾎｯｶｲﾄﾞｳ</v>
          </cell>
          <cell r="C855" t="str">
            <v>コマツ北海道（株）</v>
          </cell>
          <cell r="D855" t="str">
            <v>塩坂 秀尚</v>
          </cell>
          <cell r="E855" t="str">
            <v>代表取締役</v>
          </cell>
          <cell r="F855" t="str">
            <v>061-3241</v>
          </cell>
          <cell r="G855" t="str">
            <v>石狩市新港西３－７３７－１３</v>
          </cell>
          <cell r="H855" t="str">
            <v>0133-73-9191</v>
          </cell>
          <cell r="I855" t="str">
            <v>0133-73-9421</v>
          </cell>
        </row>
        <row r="856">
          <cell r="A856" t="str">
            <v>15077N</v>
          </cell>
          <cell r="B856" t="str">
            <v>ｻﾝｺｳｼｮｳｶｲ</v>
          </cell>
          <cell r="C856" t="str">
            <v>（株）三幸商会</v>
          </cell>
          <cell r="D856" t="str">
            <v>新妻 顕典</v>
          </cell>
          <cell r="E856" t="str">
            <v>代表取締役</v>
          </cell>
          <cell r="F856" t="str">
            <v>063-0062</v>
          </cell>
          <cell r="G856" t="str">
            <v>西区西町南１７－２－４４</v>
          </cell>
          <cell r="H856" t="str">
            <v>661-0171</v>
          </cell>
          <cell r="I856" t="str">
            <v>661-4888</v>
          </cell>
        </row>
        <row r="857">
          <cell r="A857" t="str">
            <v>15078Y</v>
          </cell>
          <cell r="B857" t="str">
            <v>ﾎｯｶｲﾄﾞｳﾋﾉｼﾞﾄﾞｳｼｬ</v>
          </cell>
          <cell r="C857" t="str">
            <v>北海道日野自動車（株）</v>
          </cell>
          <cell r="D857" t="str">
            <v>任田 慧</v>
          </cell>
          <cell r="E857" t="str">
            <v>代表取締役</v>
          </cell>
          <cell r="F857" t="str">
            <v>007-8507</v>
          </cell>
          <cell r="G857" t="str">
            <v>東区東苗穂２－３－２－１５</v>
          </cell>
          <cell r="H857" t="str">
            <v>781-2121</v>
          </cell>
          <cell r="I857" t="str">
            <v>781-3386</v>
          </cell>
        </row>
        <row r="858">
          <cell r="A858" t="str">
            <v>15079W</v>
          </cell>
          <cell r="B858" t="str">
            <v>ｻｯﾎﾟﾛﾄﾖﾍﾟｯﾄ</v>
          </cell>
          <cell r="C858" t="str">
            <v>札幌トヨペット（株）</v>
          </cell>
          <cell r="D858" t="str">
            <v>河瀬 雅英</v>
          </cell>
          <cell r="E858" t="str">
            <v>代表取締役</v>
          </cell>
          <cell r="F858" t="str">
            <v>062-8558</v>
          </cell>
          <cell r="G858" t="str">
            <v>豊平区月寒東１－１４－１－１</v>
          </cell>
          <cell r="H858" t="str">
            <v>858-8110</v>
          </cell>
          <cell r="I858" t="str">
            <v>858-8123</v>
          </cell>
        </row>
        <row r="859">
          <cell r="A859" t="str">
            <v>15080T</v>
          </cell>
          <cell r="B859" t="str">
            <v>ｻｯﾎﾟﾛﾆｯｻﾝｼﾞﾄﾞｳｼｬ</v>
          </cell>
          <cell r="C859" t="str">
            <v>札幌日産自動車（株）</v>
          </cell>
          <cell r="D859" t="str">
            <v>杉本 亙</v>
          </cell>
          <cell r="E859" t="str">
            <v>代表取締役</v>
          </cell>
          <cell r="F859" t="str">
            <v>060-8523</v>
          </cell>
          <cell r="G859" t="str">
            <v>中央区大通西１７－１－２３</v>
          </cell>
          <cell r="H859" t="str">
            <v>613-1123</v>
          </cell>
          <cell r="I859" t="str">
            <v>613-4210</v>
          </cell>
        </row>
        <row r="860">
          <cell r="A860" t="str">
            <v>15081R</v>
          </cell>
          <cell r="B860" t="str">
            <v>ｻｯﾎﾟﾛﾄﾖﾀｼﾞﾄﾞｳｼｬ</v>
          </cell>
          <cell r="C860" t="str">
            <v>札幌トヨタ自動車（株）</v>
          </cell>
          <cell r="D860" t="str">
            <v>相茶 俊介</v>
          </cell>
          <cell r="E860" t="str">
            <v>取締役社長</v>
          </cell>
          <cell r="F860" t="str">
            <v>060-0001</v>
          </cell>
          <cell r="G860" t="str">
            <v>中央区北１西７－３－８</v>
          </cell>
          <cell r="H860" t="str">
            <v>231-9711</v>
          </cell>
          <cell r="I860" t="str">
            <v>272-0093</v>
          </cell>
        </row>
        <row r="861">
          <cell r="A861" t="str">
            <v>15083Y</v>
          </cell>
          <cell r="B861" t="str">
            <v>ｻｯﾎﾟﾛｾｲｿｳ</v>
          </cell>
          <cell r="C861" t="str">
            <v>札幌清掃（協業）</v>
          </cell>
          <cell r="D861" t="str">
            <v>木村 昭三</v>
          </cell>
          <cell r="E861" t="str">
            <v>代表理事</v>
          </cell>
          <cell r="F861" t="str">
            <v>007-0880</v>
          </cell>
          <cell r="G861" t="str">
            <v>東区丘珠町３１６－１</v>
          </cell>
          <cell r="H861" t="str">
            <v>782-5300</v>
          </cell>
          <cell r="I861" t="str">
            <v>782-3031</v>
          </cell>
        </row>
        <row r="862">
          <cell r="A862" t="str">
            <v>15085S</v>
          </cell>
          <cell r="B862" t="str">
            <v>ﾄﾞｰﾚﾝ</v>
          </cell>
          <cell r="C862" t="str">
            <v>（株）ドーレン</v>
          </cell>
          <cell r="D862" t="str">
            <v>木村 光則</v>
          </cell>
          <cell r="E862" t="str">
            <v>代表取締役</v>
          </cell>
          <cell r="F862" t="str">
            <v>006-0816</v>
          </cell>
          <cell r="G862" t="str">
            <v>手稲区前田６－１６－４－２７</v>
          </cell>
          <cell r="H862" t="str">
            <v>683-1088</v>
          </cell>
          <cell r="I862" t="str">
            <v>683-0166</v>
          </cell>
        </row>
        <row r="863">
          <cell r="A863" t="str">
            <v>15086P</v>
          </cell>
          <cell r="B863" t="str">
            <v>ｻｯﾎﾟﾛﾊｸｲ</v>
          </cell>
          <cell r="C863" t="str">
            <v>（株）札幌白衣</v>
          </cell>
          <cell r="D863" t="str">
            <v>山内 俊弥</v>
          </cell>
          <cell r="E863" t="str">
            <v>代表取締役</v>
          </cell>
          <cell r="F863" t="str">
            <v>062-0003</v>
          </cell>
          <cell r="G863" t="str">
            <v>豊平区美園３－４－３－５</v>
          </cell>
          <cell r="H863" t="str">
            <v>815-6111</v>
          </cell>
          <cell r="I863" t="str">
            <v>815-6801</v>
          </cell>
        </row>
        <row r="864">
          <cell r="A864" t="str">
            <v>15089V</v>
          </cell>
          <cell r="B864" t="str">
            <v>ｻｯﾎﾟﾛﾋﾞｼﾞﾈｽ･ｻﾎﾟｰﾄ</v>
          </cell>
          <cell r="C864" t="str">
            <v>札幌ビジネス・サポート（株）</v>
          </cell>
          <cell r="D864" t="str">
            <v>渡辺 崇彦</v>
          </cell>
          <cell r="E864" t="str">
            <v>代表取締役</v>
          </cell>
          <cell r="F864" t="str">
            <v>065-0016</v>
          </cell>
          <cell r="G864" t="str">
            <v>東区北１６東１９－１－１４</v>
          </cell>
          <cell r="H864" t="str">
            <v>780-1135</v>
          </cell>
          <cell r="I864" t="str">
            <v>780-1132</v>
          </cell>
        </row>
        <row r="865">
          <cell r="A865" t="str">
            <v>15091P</v>
          </cell>
          <cell r="B865" t="str">
            <v>ｻﾂｲﾁ</v>
          </cell>
          <cell r="C865" t="str">
            <v>（株）サツイチ</v>
          </cell>
          <cell r="D865" t="str">
            <v>佐藤 寿雄</v>
          </cell>
          <cell r="E865" t="str">
            <v>代表取締役</v>
          </cell>
          <cell r="F865" t="str">
            <v>001-0927</v>
          </cell>
          <cell r="G865" t="str">
            <v>北区新川７－１６－７０８－３</v>
          </cell>
          <cell r="H865" t="str">
            <v>765-4411</v>
          </cell>
          <cell r="I865" t="str">
            <v>765-7000</v>
          </cell>
        </row>
        <row r="866">
          <cell r="A866" t="str">
            <v>15092Z</v>
          </cell>
          <cell r="B866" t="str">
            <v>ｻﾜｸﾞﾁｸﾘｰﾆﾝｸﾞｼｮｳｶｲ</v>
          </cell>
          <cell r="C866" t="str">
            <v>沢口クリーニング商会</v>
          </cell>
          <cell r="D866" t="str">
            <v>沢口 浩一</v>
          </cell>
          <cell r="E866" t="str">
            <v>代表</v>
          </cell>
          <cell r="F866" t="str">
            <v>003-0024</v>
          </cell>
          <cell r="G866" t="str">
            <v>白石区本郷通７南３－１１</v>
          </cell>
          <cell r="H866" t="str">
            <v>861-3531</v>
          </cell>
          <cell r="I866" t="str">
            <v/>
          </cell>
        </row>
        <row r="867">
          <cell r="A867" t="str">
            <v>15094V</v>
          </cell>
          <cell r="B867" t="str">
            <v>ﾄﾞｳﾄｶｶﾞｸｻﾝｷﾞｮｳ</v>
          </cell>
          <cell r="C867" t="str">
            <v>道都化学産業（株）</v>
          </cell>
          <cell r="D867" t="str">
            <v>馬渕 明</v>
          </cell>
          <cell r="E867" t="str">
            <v>代表取締役</v>
          </cell>
          <cell r="F867" t="str">
            <v>060-0005</v>
          </cell>
          <cell r="G867" t="str">
            <v>中央区北５西６－１－２３</v>
          </cell>
          <cell r="H867" t="str">
            <v>222-2311</v>
          </cell>
          <cell r="I867" t="str">
            <v>241-4241</v>
          </cell>
        </row>
        <row r="868">
          <cell r="A868" t="str">
            <v>15095R</v>
          </cell>
          <cell r="B868" t="str">
            <v>ｻｯﾎﾟﾛﾀﾞｲｲﾁｶﾝｺｳﾊﾞｽ</v>
          </cell>
          <cell r="C868" t="str">
            <v>札幌第一観光バス（株）</v>
          </cell>
          <cell r="D868" t="str">
            <v>川北 幸二</v>
          </cell>
          <cell r="E868" t="str">
            <v>代表取締役社長</v>
          </cell>
          <cell r="F868" t="str">
            <v>065-0021</v>
          </cell>
          <cell r="G868" t="str">
            <v>東区北２１東１－１－３９</v>
          </cell>
          <cell r="H868" t="str">
            <v>721-7251</v>
          </cell>
          <cell r="I868" t="str">
            <v>704-0917</v>
          </cell>
        </row>
        <row r="869">
          <cell r="A869" t="str">
            <v>15096N</v>
          </cell>
          <cell r="B869" t="str">
            <v>ｻｯﾎﾟﾛﾕｼ</v>
          </cell>
          <cell r="C869" t="str">
            <v>（株）札幌油脂</v>
          </cell>
          <cell r="D869" t="str">
            <v>千葉 耕作</v>
          </cell>
          <cell r="E869" t="str">
            <v>代表取締役</v>
          </cell>
          <cell r="F869" t="str">
            <v>047-0261</v>
          </cell>
          <cell r="G869" t="str">
            <v>小樽市銭函３－５２２－６</v>
          </cell>
          <cell r="H869" t="str">
            <v>0134-62-7592</v>
          </cell>
          <cell r="I869" t="str">
            <v>0134-62-7731</v>
          </cell>
        </row>
        <row r="870">
          <cell r="A870" t="str">
            <v>15097Y</v>
          </cell>
          <cell r="B870" t="str">
            <v>ｻｯﾎﾟﾛｹﾝｼﾞｮｳﾎｳｻﾝｷﾞｮｳｼﾞｷﾞｮｳ</v>
          </cell>
          <cell r="C870" t="str">
            <v>札幌圏情報産業事業（協）</v>
          </cell>
          <cell r="D870" t="str">
            <v>若原 秀明</v>
          </cell>
          <cell r="E870" t="str">
            <v>理事長</v>
          </cell>
          <cell r="F870" t="str">
            <v>060-0051</v>
          </cell>
          <cell r="G870" t="str">
            <v>中央区南１東７－１７－１ 福田ビル</v>
          </cell>
          <cell r="H870" t="str">
            <v>231-9791</v>
          </cell>
          <cell r="I870" t="str">
            <v>218-5532</v>
          </cell>
        </row>
        <row r="871">
          <cell r="A871" t="str">
            <v>15098W</v>
          </cell>
          <cell r="B871" t="str">
            <v>ｻｯﾎﾟﾛｻﾝｼﾝｿｳｺ</v>
          </cell>
          <cell r="C871" t="str">
            <v>札幌三信倉庫（株）</v>
          </cell>
          <cell r="D871" t="str">
            <v>小野 博史</v>
          </cell>
          <cell r="E871" t="str">
            <v>代表取締役</v>
          </cell>
          <cell r="F871" t="str">
            <v>003-0006</v>
          </cell>
          <cell r="G871" t="str">
            <v>白石区東札幌６－１－２－３０</v>
          </cell>
          <cell r="H871" t="str">
            <v>833-3434</v>
          </cell>
          <cell r="I871" t="str">
            <v>821-8485</v>
          </cell>
        </row>
        <row r="872">
          <cell r="A872" t="str">
            <v>15099T</v>
          </cell>
          <cell r="B872" t="str">
            <v>ｻｯﾎﾟﾛｶﾈｷﾅﾝﾊﾞｼｮｳﾃﾝ</v>
          </cell>
          <cell r="C872" t="str">
            <v>（株）札幌カネキ南波商店</v>
          </cell>
          <cell r="D872" t="str">
            <v>南波 宏之</v>
          </cell>
          <cell r="E872" t="str">
            <v>代表取締役</v>
          </cell>
          <cell r="F872" t="str">
            <v>007-0863</v>
          </cell>
          <cell r="G872" t="str">
            <v>東区伏古３－４－１－１</v>
          </cell>
          <cell r="H872" t="str">
            <v>783-6919</v>
          </cell>
          <cell r="I872" t="str">
            <v>784-0088</v>
          </cell>
        </row>
        <row r="873">
          <cell r="A873" t="str">
            <v>15105Z</v>
          </cell>
          <cell r="B873" t="str">
            <v>ｻﾝﾜﾌﾞﾂﾘｭｳｻｰﾋﾞｽ</v>
          </cell>
          <cell r="C873" t="str">
            <v>三和物流サービス（株）</v>
          </cell>
          <cell r="D873" t="str">
            <v>金子 幸男</v>
          </cell>
          <cell r="E873" t="str">
            <v>代表取締役</v>
          </cell>
          <cell r="F873" t="str">
            <v>004-0839</v>
          </cell>
          <cell r="G873" t="str">
            <v>清田区真栄６４８－２</v>
          </cell>
          <cell r="H873" t="str">
            <v>881-6901</v>
          </cell>
          <cell r="I873" t="str">
            <v>881-6968</v>
          </cell>
        </row>
        <row r="874">
          <cell r="A874" t="str">
            <v>15106X</v>
          </cell>
          <cell r="B874" t="str">
            <v>ｻｯﾎﾟﾛｻｲｾｷｷｮｳﾊﾝ</v>
          </cell>
          <cell r="C874" t="str">
            <v>札幌砕石共販（協）</v>
          </cell>
          <cell r="D874" t="str">
            <v>岡本 繁美</v>
          </cell>
          <cell r="E874" t="str">
            <v>理事長</v>
          </cell>
          <cell r="F874" t="str">
            <v>005-0021</v>
          </cell>
          <cell r="G874" t="str">
            <v>南区真駒内本町１－１－１</v>
          </cell>
          <cell r="H874" t="str">
            <v>823-2567</v>
          </cell>
          <cell r="I874" t="str">
            <v>823-2539</v>
          </cell>
        </row>
        <row r="875">
          <cell r="A875" t="str">
            <v>15107V</v>
          </cell>
          <cell r="B875" t="str">
            <v>ﾊﾗﾀﾞｻﾝｷﾞｮｳ</v>
          </cell>
          <cell r="C875" t="str">
            <v>ハラダ産業（株）</v>
          </cell>
          <cell r="D875" t="str">
            <v>原田 紘一</v>
          </cell>
          <cell r="E875" t="str">
            <v>代表取締役</v>
          </cell>
          <cell r="F875" t="str">
            <v>005-0818</v>
          </cell>
          <cell r="G875" t="str">
            <v>南区川沿１８－２－３－６</v>
          </cell>
          <cell r="H875" t="str">
            <v>571-5630</v>
          </cell>
          <cell r="I875" t="str">
            <v>571-5631</v>
          </cell>
        </row>
        <row r="876">
          <cell r="A876" t="str">
            <v>15108S</v>
          </cell>
          <cell r="B876" t="str">
            <v>ｻｯﾎﾟﾛｼｾｷﾕｾｲﾋﾝﾊﾝﾊﾞｲ</v>
          </cell>
          <cell r="C876" t="str">
            <v>札幌市石油製品販売（協）</v>
          </cell>
          <cell r="D876" t="str">
            <v>上林 登</v>
          </cell>
          <cell r="E876" t="str">
            <v>代表理事</v>
          </cell>
          <cell r="F876" t="str">
            <v>001-0024</v>
          </cell>
          <cell r="G876" t="str">
            <v>北区北２４西６－２－２</v>
          </cell>
          <cell r="H876" t="str">
            <v>736-9896</v>
          </cell>
          <cell r="I876" t="str">
            <v>736-9896</v>
          </cell>
        </row>
        <row r="877">
          <cell r="A877" t="str">
            <v>15109P</v>
          </cell>
          <cell r="B877" t="str">
            <v>ｻﾝｷﾞｮｳｼﾝｺｳ</v>
          </cell>
          <cell r="C877" t="str">
            <v>産業振興（株）室蘭事業所</v>
          </cell>
          <cell r="D877" t="str">
            <v>青山 隆一</v>
          </cell>
          <cell r="E877" t="str">
            <v>所長</v>
          </cell>
          <cell r="F877" t="str">
            <v>050-0087</v>
          </cell>
          <cell r="G877" t="str">
            <v>区室蘭市仲町１２</v>
          </cell>
          <cell r="H877" t="str">
            <v>0143-44-5334</v>
          </cell>
          <cell r="I877" t="str">
            <v>0143-43-1535</v>
          </cell>
        </row>
        <row r="878">
          <cell r="A878" t="str">
            <v>15112V</v>
          </cell>
          <cell r="B878" t="str">
            <v>ｻﾝﾖｳｺﾏｰｼｬﾙｻｰﾋﾞｽ</v>
          </cell>
          <cell r="C878" t="str">
            <v>三洋コマーシャルサービス（株）札幌サポートステーション</v>
          </cell>
          <cell r="D878" t="str">
            <v>小松原 明</v>
          </cell>
          <cell r="E878" t="str">
            <v>所長</v>
          </cell>
          <cell r="F878" t="str">
            <v>060-0042</v>
          </cell>
          <cell r="G878" t="str">
            <v>中央区大通西１３－４</v>
          </cell>
          <cell r="H878" t="str">
            <v>271-1966</v>
          </cell>
          <cell r="I878" t="str">
            <v>261-5931</v>
          </cell>
        </row>
        <row r="879">
          <cell r="A879" t="str">
            <v>15114P</v>
          </cell>
          <cell r="B879" t="str">
            <v>ｱﾄﾗﾝ</v>
          </cell>
          <cell r="C879" t="str">
            <v>（株）アトラン</v>
          </cell>
          <cell r="D879" t="str">
            <v>山崎 勲</v>
          </cell>
          <cell r="E879" t="str">
            <v>代表取締役</v>
          </cell>
          <cell r="F879" t="str">
            <v>007-0844</v>
          </cell>
          <cell r="G879" t="str">
            <v>東区北４４東１－２－２８</v>
          </cell>
          <cell r="H879" t="str">
            <v>721-1395</v>
          </cell>
          <cell r="I879" t="str">
            <v>704-1919</v>
          </cell>
        </row>
        <row r="880">
          <cell r="A880" t="str">
            <v>15117T</v>
          </cell>
          <cell r="B880" t="str">
            <v>ｼｸﾞﾅﾙ</v>
          </cell>
          <cell r="C880" t="str">
            <v>（有）シグナル</v>
          </cell>
          <cell r="D880" t="str">
            <v>月居 吉彦</v>
          </cell>
          <cell r="E880" t="str">
            <v>代表取締役</v>
          </cell>
          <cell r="F880" t="str">
            <v>065-0015</v>
          </cell>
          <cell r="G880" t="str">
            <v>東区北１５東１８－１－２６</v>
          </cell>
          <cell r="H880" t="str">
            <v>783-9090</v>
          </cell>
          <cell r="I880" t="str">
            <v>783-9555</v>
          </cell>
        </row>
        <row r="881">
          <cell r="A881" t="str">
            <v>15119N</v>
          </cell>
          <cell r="B881" t="str">
            <v>ｻﾝｴｲｺｳｷﾞｮｳ</v>
          </cell>
          <cell r="C881" t="str">
            <v>三英鋼業（株）</v>
          </cell>
          <cell r="D881" t="str">
            <v>村上 英穂</v>
          </cell>
          <cell r="E881" t="str">
            <v>代表取締役</v>
          </cell>
          <cell r="F881" t="str">
            <v>063-0837</v>
          </cell>
          <cell r="G881" t="str">
            <v>西区発寒１７－４－１－６５</v>
          </cell>
          <cell r="H881" t="str">
            <v>662-6112</v>
          </cell>
          <cell r="I881" t="str">
            <v>662-8615</v>
          </cell>
        </row>
        <row r="882">
          <cell r="A882" t="str">
            <v>15123R</v>
          </cell>
          <cell r="B882" t="str">
            <v>ｻｻｷ</v>
          </cell>
          <cell r="C882" t="str">
            <v>（株）ササキ札幌営業所</v>
          </cell>
          <cell r="D882" t="str">
            <v>三山 幸男</v>
          </cell>
          <cell r="E882" t="str">
            <v>営業所長</v>
          </cell>
          <cell r="F882" t="str">
            <v>060-0032</v>
          </cell>
          <cell r="G882" t="str">
            <v>中央区北２東１０</v>
          </cell>
          <cell r="H882" t="str">
            <v>241-8735</v>
          </cell>
          <cell r="I882" t="str">
            <v>221-1673</v>
          </cell>
        </row>
        <row r="883">
          <cell r="A883" t="str">
            <v>15124N</v>
          </cell>
          <cell r="B883" t="str">
            <v>ｻｯﾎﾟﾛｸﾘｴｰﾄ</v>
          </cell>
          <cell r="C883" t="str">
            <v>（株）札幌クリエート</v>
          </cell>
          <cell r="D883" t="str">
            <v>中川 義久</v>
          </cell>
          <cell r="E883" t="str">
            <v>代表取締役</v>
          </cell>
          <cell r="F883" t="str">
            <v>060-0052</v>
          </cell>
          <cell r="G883" t="str">
            <v>中央区南２東２－９</v>
          </cell>
          <cell r="H883" t="str">
            <v>200-2755</v>
          </cell>
          <cell r="I883" t="str">
            <v>200-2756</v>
          </cell>
        </row>
        <row r="884">
          <cell r="A884" t="str">
            <v>15126V</v>
          </cell>
          <cell r="B884" t="str">
            <v>ｻｯﾎﾟﾛﾒｲｼｮｳﾄﾞｳ</v>
          </cell>
          <cell r="C884" t="str">
            <v>（株）札幌明正堂</v>
          </cell>
          <cell r="D884" t="str">
            <v>山口 忠志</v>
          </cell>
          <cell r="E884" t="str">
            <v>代表取締役</v>
          </cell>
          <cell r="F884" t="str">
            <v>060-0062</v>
          </cell>
          <cell r="G884" t="str">
            <v>中央区南２西１２－３２３</v>
          </cell>
          <cell r="H884" t="str">
            <v>231-1230</v>
          </cell>
          <cell r="I884" t="str">
            <v>231-6755</v>
          </cell>
        </row>
        <row r="885">
          <cell r="A885" t="str">
            <v>15127S</v>
          </cell>
          <cell r="B885" t="str">
            <v>ｲｽｽﾞﾓｰﾀｰﾎｯｶｲﾄﾞｳ</v>
          </cell>
          <cell r="C885" t="str">
            <v>いすゞモーター北海道（株）</v>
          </cell>
          <cell r="D885" t="str">
            <v>野口 典一</v>
          </cell>
          <cell r="E885" t="str">
            <v>代表取締役社長</v>
          </cell>
          <cell r="F885" t="str">
            <v>004-8505</v>
          </cell>
          <cell r="G885" t="str">
            <v>清田区清田２－２－１６－１</v>
          </cell>
          <cell r="H885" t="str">
            <v>885-2251</v>
          </cell>
          <cell r="I885" t="str">
            <v>885-2701</v>
          </cell>
        </row>
        <row r="886">
          <cell r="A886" t="str">
            <v>15130X</v>
          </cell>
          <cell r="B886" t="str">
            <v>ｻｯﾎﾟﾛｼﾝｾｲｼﾞﾄﾞｳｼｬ</v>
          </cell>
          <cell r="C886" t="str">
            <v>札幌新世自動車（株）</v>
          </cell>
          <cell r="D886" t="str">
            <v>田川 昭年</v>
          </cell>
          <cell r="E886" t="str">
            <v>代表取締役</v>
          </cell>
          <cell r="F886" t="str">
            <v>007-0820</v>
          </cell>
          <cell r="G886" t="str">
            <v>東区東雁来町１０６－１２</v>
          </cell>
          <cell r="H886" t="str">
            <v>781-2111</v>
          </cell>
          <cell r="I886" t="str">
            <v>781-2113</v>
          </cell>
        </row>
        <row r="887">
          <cell r="A887" t="str">
            <v>15131V</v>
          </cell>
          <cell r="B887" t="str">
            <v>ｻｯﾎﾟﾛｼｶｷｻﾞｲ</v>
          </cell>
          <cell r="C887" t="str">
            <v>札幌歯科器材（株）</v>
          </cell>
          <cell r="D887" t="str">
            <v>斎藤 裕</v>
          </cell>
          <cell r="E887" t="str">
            <v>代表取締役</v>
          </cell>
          <cell r="F887" t="str">
            <v>060-0063</v>
          </cell>
          <cell r="G887" t="str">
            <v>中央区南３西９－９９９</v>
          </cell>
          <cell r="H887" t="str">
            <v>231-4033</v>
          </cell>
          <cell r="I887" t="str">
            <v>231-4045</v>
          </cell>
        </row>
        <row r="888">
          <cell r="A888" t="str">
            <v>15133P</v>
          </cell>
          <cell r="B888" t="str">
            <v>ｻﾝｼﾝｻﾝｷﾞｮｳ</v>
          </cell>
          <cell r="C888" t="str">
            <v>三信産業（株）</v>
          </cell>
          <cell r="D888" t="str">
            <v>竹内 好記</v>
          </cell>
          <cell r="E888" t="str">
            <v>代表取締役</v>
          </cell>
          <cell r="F888" t="str">
            <v>060-0002</v>
          </cell>
          <cell r="G888" t="str">
            <v>中央区北２西３－１</v>
          </cell>
          <cell r="H888" t="str">
            <v>251-5231</v>
          </cell>
          <cell r="I888" t="str">
            <v>251-7140</v>
          </cell>
        </row>
        <row r="889">
          <cell r="A889" t="str">
            <v>15135W</v>
          </cell>
          <cell r="B889" t="str">
            <v>ｻﾝﾜｲﾝｻﾂ</v>
          </cell>
          <cell r="C889" t="str">
            <v>三和印刷（株）</v>
          </cell>
          <cell r="D889" t="str">
            <v>愛洲 義嗣</v>
          </cell>
          <cell r="E889" t="str">
            <v>代表取締役</v>
          </cell>
          <cell r="F889" t="str">
            <v>060-0061</v>
          </cell>
          <cell r="G889" t="str">
            <v>中央区南１西９－１</v>
          </cell>
          <cell r="H889" t="str">
            <v>221-2973</v>
          </cell>
          <cell r="I889" t="str">
            <v>281-0890</v>
          </cell>
        </row>
        <row r="890">
          <cell r="A890" t="str">
            <v>15138N</v>
          </cell>
          <cell r="B890" t="str">
            <v>ｻｯﾎﾟﾛｶﾜﾍﾞｾｷﾕ</v>
          </cell>
          <cell r="C890" t="str">
            <v>札幌河辺石油（株）</v>
          </cell>
          <cell r="D890" t="str">
            <v>河辺 善一</v>
          </cell>
          <cell r="E890" t="str">
            <v>代表取締役社長</v>
          </cell>
          <cell r="F890" t="str">
            <v>064-8520</v>
          </cell>
          <cell r="G890" t="str">
            <v>中央区南９西７－２－５</v>
          </cell>
          <cell r="H890" t="str">
            <v>511-6181</v>
          </cell>
          <cell r="I890" t="str">
            <v>511-3160</v>
          </cell>
        </row>
        <row r="891">
          <cell r="A891" t="str">
            <v>15139Y</v>
          </cell>
          <cell r="B891" t="str">
            <v>ｻﾝｽﾁｰﾙｺｳｷﾞｮｳ</v>
          </cell>
          <cell r="C891" t="str">
            <v>サンスチール工業（株）</v>
          </cell>
          <cell r="D891" t="str">
            <v>八島 一郎</v>
          </cell>
          <cell r="E891" t="str">
            <v>代表取締役</v>
          </cell>
          <cell r="F891" t="str">
            <v>003-0013</v>
          </cell>
          <cell r="G891" t="str">
            <v>白石区中央３－３－６－３７</v>
          </cell>
          <cell r="H891" t="str">
            <v>811-2311</v>
          </cell>
          <cell r="I891" t="str">
            <v>824-2788</v>
          </cell>
        </row>
        <row r="892">
          <cell r="A892" t="str">
            <v>15140W</v>
          </cell>
          <cell r="B892" t="str">
            <v>ｴｽｹｰｻﾝｷﾞｮｳ</v>
          </cell>
          <cell r="C892" t="str">
            <v>エスケー産業（株）</v>
          </cell>
          <cell r="D892" t="str">
            <v>久保田 実</v>
          </cell>
          <cell r="E892" t="str">
            <v>代表取締役</v>
          </cell>
          <cell r="F892" t="str">
            <v>003-0001</v>
          </cell>
          <cell r="G892" t="str">
            <v>白石区東札幌１－４－８－１</v>
          </cell>
          <cell r="H892" t="str">
            <v>811-6600</v>
          </cell>
          <cell r="I892" t="str">
            <v>811-3540</v>
          </cell>
        </row>
        <row r="893">
          <cell r="A893" t="str">
            <v>15141T</v>
          </cell>
          <cell r="B893" t="str">
            <v>ﾌﾚｰﾍﾞﾙｶﾝ</v>
          </cell>
          <cell r="C893" t="str">
            <v>（株）フレーベル館北海道支社</v>
          </cell>
          <cell r="D893" t="str">
            <v>関本 松雄</v>
          </cell>
          <cell r="E893" t="str">
            <v>支社長</v>
          </cell>
          <cell r="F893" t="str">
            <v>062-0906</v>
          </cell>
          <cell r="G893" t="str">
            <v>豊平区豊平６－３－５－１８</v>
          </cell>
          <cell r="H893" t="str">
            <v>821-4993</v>
          </cell>
          <cell r="I893" t="str">
            <v>813-4909</v>
          </cell>
        </row>
        <row r="894">
          <cell r="A894" t="str">
            <v>15142R</v>
          </cell>
          <cell r="B894" t="str">
            <v>ｻｯﾎﾟﾛｷｺｳｼｮｳｶｲ</v>
          </cell>
          <cell r="C894" t="str">
            <v>（株）札幌機工商会</v>
          </cell>
          <cell r="D894" t="str">
            <v>川合 猛士</v>
          </cell>
          <cell r="E894" t="str">
            <v>代表取締役</v>
          </cell>
          <cell r="F894" t="str">
            <v>060-0034</v>
          </cell>
          <cell r="G894" t="str">
            <v>中央区北４東２－８－１</v>
          </cell>
          <cell r="H894" t="str">
            <v>261-6681</v>
          </cell>
          <cell r="I894" t="str">
            <v>221-3304</v>
          </cell>
        </row>
        <row r="895">
          <cell r="A895" t="str">
            <v>15144Y</v>
          </cell>
          <cell r="B895" t="str">
            <v>ｱｸﾃｯｸ</v>
          </cell>
          <cell r="C895" t="str">
            <v>アクテック（株）</v>
          </cell>
          <cell r="D895" t="str">
            <v>越田 英樹</v>
          </cell>
          <cell r="E895" t="str">
            <v>代表取締役</v>
          </cell>
          <cell r="F895" t="str">
            <v>062-0002</v>
          </cell>
          <cell r="G895" t="str">
            <v>豊平区美園２－３－２－２５</v>
          </cell>
          <cell r="H895" t="str">
            <v>811-4137</v>
          </cell>
          <cell r="I895" t="str">
            <v>822-5253</v>
          </cell>
        </row>
        <row r="896">
          <cell r="A896" t="str">
            <v>15145V</v>
          </cell>
          <cell r="B896" t="str">
            <v>ｻｯﾎﾟﾛｺｳﾂｳｷｶｲ</v>
          </cell>
          <cell r="C896" t="str">
            <v>札幌交通機械（株）</v>
          </cell>
          <cell r="D896" t="str">
            <v>竹内 清</v>
          </cell>
          <cell r="E896" t="str">
            <v>代表取締役社長</v>
          </cell>
          <cell r="F896" t="str">
            <v>060-0003</v>
          </cell>
          <cell r="G896" t="str">
            <v>中央区北３西２－８</v>
          </cell>
          <cell r="H896" t="str">
            <v>222-1861</v>
          </cell>
          <cell r="I896" t="str">
            <v>222-1883</v>
          </cell>
        </row>
        <row r="897">
          <cell r="A897" t="str">
            <v>15147P</v>
          </cell>
          <cell r="B897" t="str">
            <v>ｻﾝｺｳｿﾞｳｴﾝﾄﾞﾎﾞｸ</v>
          </cell>
          <cell r="C897" t="str">
            <v>三鉱造園土木（株）</v>
          </cell>
          <cell r="D897" t="str">
            <v>坪川 富士雄</v>
          </cell>
          <cell r="E897" t="str">
            <v>代表取締役</v>
          </cell>
          <cell r="F897" t="str">
            <v>064-0914</v>
          </cell>
          <cell r="G897" t="str">
            <v>中央区南１４西１３－２－１５</v>
          </cell>
          <cell r="H897" t="str">
            <v>561-4038</v>
          </cell>
          <cell r="I897" t="str">
            <v>551-4406</v>
          </cell>
        </row>
        <row r="898">
          <cell r="A898" t="str">
            <v>15151S</v>
          </cell>
          <cell r="B898" t="str">
            <v>ｱｲ･ｴｽ･ｹｰ</v>
          </cell>
          <cell r="C898" t="str">
            <v>（株）アイ・エス・ケー</v>
          </cell>
          <cell r="D898" t="str">
            <v>笹田 一男</v>
          </cell>
          <cell r="E898" t="str">
            <v>代表取締役</v>
          </cell>
          <cell r="F898" t="str">
            <v>064-0803</v>
          </cell>
          <cell r="G898" t="str">
            <v>中央区南３西２２－１－２５</v>
          </cell>
          <cell r="H898" t="str">
            <v>631-7207</v>
          </cell>
          <cell r="I898" t="str">
            <v>612-7232</v>
          </cell>
        </row>
        <row r="899">
          <cell r="A899" t="str">
            <v>15152P</v>
          </cell>
          <cell r="B899" t="str">
            <v>ｻｯﾎﾟﾛﾋﾞﾃﾞｵｵﾝｷｮｳ</v>
          </cell>
          <cell r="C899" t="str">
            <v>（株）札幌ビデオ音響</v>
          </cell>
          <cell r="D899" t="str">
            <v>越後 孝弘</v>
          </cell>
          <cell r="E899" t="str">
            <v>代表取締役</v>
          </cell>
          <cell r="F899" t="str">
            <v>065-0020</v>
          </cell>
          <cell r="G899" t="str">
            <v>東区北２０東１－３２５</v>
          </cell>
          <cell r="H899" t="str">
            <v>741-1076</v>
          </cell>
          <cell r="I899" t="str">
            <v>722-1955</v>
          </cell>
        </row>
        <row r="900">
          <cell r="A900" t="str">
            <v>15157N</v>
          </cell>
          <cell r="B900" t="str">
            <v>ｻﾝｺｳ</v>
          </cell>
          <cell r="C900" t="str">
            <v>（株）山幸</v>
          </cell>
          <cell r="D900" t="str">
            <v>山崎 幸夫</v>
          </cell>
          <cell r="E900" t="str">
            <v>代表取締役</v>
          </cell>
          <cell r="F900" t="str">
            <v>062-0007</v>
          </cell>
          <cell r="G900" t="str">
            <v>豊平区美園７－７－２－１８</v>
          </cell>
          <cell r="H900" t="str">
            <v>823-2055</v>
          </cell>
          <cell r="I900" t="str">
            <v>823-2242</v>
          </cell>
        </row>
        <row r="901">
          <cell r="A901" t="str">
            <v>15158Y</v>
          </cell>
          <cell r="B901" t="str">
            <v>ｻﾝｼﾝﾕｷﾞｮｳ</v>
          </cell>
          <cell r="C901" t="str">
            <v>サンシン油業（株）</v>
          </cell>
          <cell r="D901" t="str">
            <v>上村 仁</v>
          </cell>
          <cell r="E901" t="str">
            <v>代表取締役</v>
          </cell>
          <cell r="F901" t="str">
            <v>063-0061</v>
          </cell>
          <cell r="G901" t="str">
            <v>西区西町北３－３－１</v>
          </cell>
          <cell r="H901" t="str">
            <v>662-1733</v>
          </cell>
          <cell r="I901" t="str">
            <v>661-1587</v>
          </cell>
        </row>
        <row r="902">
          <cell r="A902" t="str">
            <v>15159W</v>
          </cell>
          <cell r="B902" t="str">
            <v>ｻｯﾎﾟﾛｷｮｳｻﾞｲｼｬ</v>
          </cell>
          <cell r="C902" t="str">
            <v>（有）札幌教材社</v>
          </cell>
          <cell r="D902" t="str">
            <v>長原 幸悦</v>
          </cell>
          <cell r="E902" t="str">
            <v>代表取締役</v>
          </cell>
          <cell r="F902" t="str">
            <v>005-0004</v>
          </cell>
          <cell r="G902" t="str">
            <v>南区澄川４－４－２－７</v>
          </cell>
          <cell r="H902" t="str">
            <v>812-5461</v>
          </cell>
          <cell r="I902" t="str">
            <v>812-5465</v>
          </cell>
        </row>
        <row r="903">
          <cell r="A903" t="str">
            <v>15165S</v>
          </cell>
          <cell r="B903" t="str">
            <v>ｻｯﾎﾟﾛｷｮｳｼﾝｲﾝｻﾂ</v>
          </cell>
          <cell r="C903" t="str">
            <v>（有）札幌協進印刷</v>
          </cell>
          <cell r="D903" t="str">
            <v>福田 正志</v>
          </cell>
          <cell r="E903" t="str">
            <v>代表取締役</v>
          </cell>
          <cell r="F903" t="str">
            <v>062-0907</v>
          </cell>
          <cell r="G903" t="str">
            <v>豊平区豊平７－７－１－１５</v>
          </cell>
          <cell r="H903" t="str">
            <v>823-9537</v>
          </cell>
          <cell r="I903" t="str">
            <v>832-8728</v>
          </cell>
        </row>
        <row r="904">
          <cell r="A904" t="str">
            <v>15167Z</v>
          </cell>
          <cell r="B904" t="str">
            <v>ｻｯﾎﾟﾛｺﾄﾞﾓﾉｸﾆｼｬ</v>
          </cell>
          <cell r="C904" t="str">
            <v>（有）札幌こどものくに社</v>
          </cell>
          <cell r="D904" t="str">
            <v>和田 博一</v>
          </cell>
          <cell r="E904" t="str">
            <v>代表取締役</v>
          </cell>
          <cell r="F904" t="str">
            <v>002-0854</v>
          </cell>
          <cell r="G904" t="str">
            <v>北区屯田４－２－６－２７</v>
          </cell>
          <cell r="H904" t="str">
            <v>772-5886</v>
          </cell>
          <cell r="I904" t="str">
            <v>771-9735</v>
          </cell>
        </row>
        <row r="905">
          <cell r="A905" t="str">
            <v>15168X</v>
          </cell>
          <cell r="B905" t="str">
            <v>ｻﾝｼﾞｮｳｲﾝｻﾂ</v>
          </cell>
          <cell r="C905" t="str">
            <v>三条印刷（株）</v>
          </cell>
          <cell r="D905" t="str">
            <v>川口 亨</v>
          </cell>
          <cell r="E905" t="str">
            <v>代表取締役</v>
          </cell>
          <cell r="F905" t="str">
            <v>065-0010</v>
          </cell>
          <cell r="G905" t="str">
            <v>東区北１０東１３－１４</v>
          </cell>
          <cell r="H905" t="str">
            <v>742-2769</v>
          </cell>
          <cell r="I905" t="str">
            <v>702-8197</v>
          </cell>
        </row>
        <row r="906">
          <cell r="A906" t="str">
            <v>15172Z</v>
          </cell>
          <cell r="B906" t="str">
            <v>ｻｯﾎﾟﾛﾆｯｼﾝｼｮｳｶｲ</v>
          </cell>
          <cell r="C906" t="str">
            <v>（有）札幌日新商会</v>
          </cell>
          <cell r="D906" t="str">
            <v>伊藤 好美</v>
          </cell>
          <cell r="E906" t="str">
            <v>代表取締役</v>
          </cell>
          <cell r="F906" t="str">
            <v>007-0803</v>
          </cell>
          <cell r="G906" t="str">
            <v>東区東苗穂３－３－１－２７</v>
          </cell>
          <cell r="H906" t="str">
            <v>781-3873</v>
          </cell>
          <cell r="I906" t="str">
            <v>781-4516</v>
          </cell>
        </row>
        <row r="907">
          <cell r="A907" t="str">
            <v>15173X</v>
          </cell>
          <cell r="B907" t="str">
            <v>ｻｲｺﾞｸ</v>
          </cell>
          <cell r="C907" t="str">
            <v>サイゴク（株）</v>
          </cell>
          <cell r="D907" t="str">
            <v>西國 宏治</v>
          </cell>
          <cell r="E907" t="str">
            <v>代表取締役</v>
          </cell>
          <cell r="F907" t="str">
            <v>062-0039</v>
          </cell>
          <cell r="G907" t="str">
            <v>豊平区西岡４８０－１１</v>
          </cell>
          <cell r="H907" t="str">
            <v>583-5678</v>
          </cell>
          <cell r="I907" t="str">
            <v>583-5680</v>
          </cell>
        </row>
        <row r="908">
          <cell r="A908" t="str">
            <v>15175R</v>
          </cell>
          <cell r="B908" t="str">
            <v>ｻｯﾎﾟﾛﾁﾎｳｾｷﾕｷﾞｮｳ</v>
          </cell>
          <cell r="C908" t="str">
            <v>札幌地方石油業（協）</v>
          </cell>
          <cell r="D908" t="str">
            <v>高濵 一義</v>
          </cell>
          <cell r="E908" t="str">
            <v>理事長</v>
          </cell>
          <cell r="F908" t="str">
            <v>062-0931</v>
          </cell>
          <cell r="G908" t="str">
            <v>豊平区平岸１－６－３－４７</v>
          </cell>
          <cell r="H908" t="str">
            <v>822-8114</v>
          </cell>
          <cell r="I908" t="str">
            <v>814-0302</v>
          </cell>
        </row>
        <row r="909">
          <cell r="A909" t="str">
            <v>15176N</v>
          </cell>
          <cell r="B909" t="str">
            <v>ｻｯﾎﾟﾛﾁﾞｰｾﾞﾙ</v>
          </cell>
          <cell r="C909" t="str">
            <v>札幌ヂーゼル（株）</v>
          </cell>
          <cell r="D909" t="str">
            <v>尾田 義雄</v>
          </cell>
          <cell r="E909" t="str">
            <v>代表取締役</v>
          </cell>
          <cell r="F909" t="str">
            <v>063-0836</v>
          </cell>
          <cell r="G909" t="str">
            <v>西区発寒１６－４－２－４５</v>
          </cell>
          <cell r="H909" t="str">
            <v>661-7264</v>
          </cell>
          <cell r="I909" t="str">
            <v>661-7250</v>
          </cell>
        </row>
        <row r="910">
          <cell r="A910" t="str">
            <v>15177Y</v>
          </cell>
          <cell r="B910" t="str">
            <v>ﾄﾖﾀｴﾙｱﾝﾄﾞｴﾌｻｯﾎﾟﾛ</v>
          </cell>
          <cell r="C910" t="str">
            <v>トヨタエルアンドエフ札幌（株）</v>
          </cell>
          <cell r="D910" t="str">
            <v>池田 保</v>
          </cell>
          <cell r="E910" t="str">
            <v>取締役社長</v>
          </cell>
          <cell r="F910" t="str">
            <v>062-0020</v>
          </cell>
          <cell r="G910" t="str">
            <v>豊平区月寒中央通７－７－１７</v>
          </cell>
          <cell r="H910" t="str">
            <v>851-6211</v>
          </cell>
          <cell r="I910" t="str">
            <v>852-4717</v>
          </cell>
        </row>
        <row r="911">
          <cell r="A911" t="str">
            <v>15179T</v>
          </cell>
          <cell r="B911" t="str">
            <v>ｻﾝｾｲﾄﾞｳｼｮﾃﾝ</v>
          </cell>
          <cell r="C911" t="str">
            <v>（株）三省堂書店札幌営業所</v>
          </cell>
          <cell r="D911" t="str">
            <v>太田 純</v>
          </cell>
          <cell r="E911" t="str">
            <v>所長</v>
          </cell>
          <cell r="F911" t="str">
            <v>065-0022</v>
          </cell>
          <cell r="G911" t="str">
            <v>東区北２２東２－２－１７ 美香保公園ビル１Ｆ</v>
          </cell>
          <cell r="H911" t="str">
            <v>722-2088</v>
          </cell>
          <cell r="I911" t="str">
            <v>722-4588</v>
          </cell>
        </row>
        <row r="912">
          <cell r="A912" t="str">
            <v>15187X</v>
          </cell>
          <cell r="B912" t="str">
            <v>ｻｯﾎﾟﾛｻｲｼｭｴﾝ</v>
          </cell>
          <cell r="C912" t="str">
            <v>（株）札幌採種園</v>
          </cell>
          <cell r="D912" t="str">
            <v>望月 正実</v>
          </cell>
          <cell r="E912" t="str">
            <v>代表取締役</v>
          </cell>
          <cell r="F912" t="str">
            <v>003-0811</v>
          </cell>
          <cell r="G912" t="str">
            <v>白石区菊水上町１－２－１００</v>
          </cell>
          <cell r="H912" t="str">
            <v>811-3276</v>
          </cell>
          <cell r="I912" t="str">
            <v>811-3278</v>
          </cell>
        </row>
        <row r="913">
          <cell r="A913" t="str">
            <v>15196Y</v>
          </cell>
          <cell r="B913" t="str">
            <v>ｻｯﾎﾟﾛﾁｭｳｵｳﾌﾞﾄﾞｳｸﾞﾃﾝ</v>
          </cell>
          <cell r="C913" t="str">
            <v>札幌中央武道具店</v>
          </cell>
          <cell r="D913" t="str">
            <v>平島 文雄</v>
          </cell>
          <cell r="E913" t="str">
            <v>代表者</v>
          </cell>
          <cell r="F913" t="str">
            <v>060-0041</v>
          </cell>
          <cell r="G913" t="str">
            <v>中央区大通東５－４</v>
          </cell>
          <cell r="H913" t="str">
            <v>231-2640</v>
          </cell>
          <cell r="I913" t="str">
            <v>231-2640</v>
          </cell>
        </row>
        <row r="914">
          <cell r="A914" t="str">
            <v>15201W</v>
          </cell>
          <cell r="B914" t="str">
            <v>ｻﾝﾎﾟｳｻﾝｷﾞｮｳ</v>
          </cell>
          <cell r="C914" t="str">
            <v>三宝産業（株）</v>
          </cell>
          <cell r="D914" t="str">
            <v>菅原 一朗</v>
          </cell>
          <cell r="E914" t="str">
            <v>代表取締役</v>
          </cell>
          <cell r="F914" t="str">
            <v>063-0827</v>
          </cell>
          <cell r="G914" t="str">
            <v>西区発寒７－１１－１－１</v>
          </cell>
          <cell r="H914" t="str">
            <v>663-8101</v>
          </cell>
          <cell r="I914" t="str">
            <v>663-8129</v>
          </cell>
        </row>
        <row r="915">
          <cell r="A915" t="str">
            <v>15204N</v>
          </cell>
          <cell r="B915" t="str">
            <v>ｻｲﾄｳﾌﾞﾗｼｾｲｻｸｼｮ</v>
          </cell>
          <cell r="C915" t="str">
            <v>（株）斉藤ブラシ製作所</v>
          </cell>
          <cell r="D915" t="str">
            <v>齋藤 健二</v>
          </cell>
          <cell r="E915" t="str">
            <v>代表取締役</v>
          </cell>
          <cell r="F915" t="str">
            <v>060-0041</v>
          </cell>
          <cell r="G915" t="str">
            <v>中央区大通東２－８</v>
          </cell>
          <cell r="H915" t="str">
            <v>231-3734</v>
          </cell>
          <cell r="I915" t="str">
            <v>231-2742</v>
          </cell>
        </row>
        <row r="916">
          <cell r="A916" t="str">
            <v>15205X</v>
          </cell>
          <cell r="B916" t="str">
            <v>ｻﾆｸﾘｰﾝﾎｯｶｲﾄﾞｳ</v>
          </cell>
          <cell r="C916" t="str">
            <v>（株）サニクリーン北海道</v>
          </cell>
          <cell r="D916" t="str">
            <v>森 修</v>
          </cell>
          <cell r="E916" t="str">
            <v>代表取締役</v>
          </cell>
          <cell r="F916" t="str">
            <v>062-0933</v>
          </cell>
          <cell r="G916" t="str">
            <v>豊平区平岸３－９－１５－２４</v>
          </cell>
          <cell r="H916" t="str">
            <v>820-2929</v>
          </cell>
          <cell r="I916" t="str">
            <v>820-2880</v>
          </cell>
        </row>
        <row r="917">
          <cell r="A917" t="str">
            <v>15209Z</v>
          </cell>
          <cell r="B917" t="str">
            <v>ｼﾞｮﾝｿﾝｺﾝﾄﾛｰﾙｽﾞ</v>
          </cell>
          <cell r="C917" t="str">
            <v>ジョンソンコントロールズ（株）北海道支店</v>
          </cell>
          <cell r="D917" t="str">
            <v>沢村 哲也</v>
          </cell>
          <cell r="E917" t="str">
            <v>支店長</v>
          </cell>
          <cell r="F917" t="str">
            <v>060-0002</v>
          </cell>
          <cell r="G917" t="str">
            <v>中央区北２西１－１ マルイト札幌ビル</v>
          </cell>
          <cell r="H917" t="str">
            <v>271-5911</v>
          </cell>
          <cell r="I917" t="str">
            <v>271-5950</v>
          </cell>
        </row>
        <row r="918">
          <cell r="A918" t="str">
            <v>15210X</v>
          </cell>
          <cell r="B918" t="str">
            <v>ｻｯﾎﾟﾛｼﾞｸｳｹｺｳｸﾞ</v>
          </cell>
          <cell r="C918" t="str">
            <v>札幌軸受工具（株）</v>
          </cell>
          <cell r="D918" t="str">
            <v>渡邊 郁美</v>
          </cell>
          <cell r="E918" t="str">
            <v>代表取締役</v>
          </cell>
          <cell r="F918" t="str">
            <v>060-0031</v>
          </cell>
          <cell r="G918" t="str">
            <v>中央区北１東３－１－５</v>
          </cell>
          <cell r="H918" t="str">
            <v>261-7101</v>
          </cell>
          <cell r="I918" t="str">
            <v>222-3694</v>
          </cell>
        </row>
        <row r="919">
          <cell r="A919" t="str">
            <v>15211V</v>
          </cell>
          <cell r="B919" t="str">
            <v>ｻｯﾎﾟﾛｽｲｻﾞｲ</v>
          </cell>
          <cell r="C919" t="str">
            <v>札幌水材（株）</v>
          </cell>
          <cell r="D919" t="str">
            <v>宮 藤夫</v>
          </cell>
          <cell r="E919" t="str">
            <v>代表取締役</v>
          </cell>
          <cell r="F919" t="str">
            <v>060-0010</v>
          </cell>
          <cell r="G919" t="str">
            <v>中央区北１０西２０－２－３</v>
          </cell>
          <cell r="H919" t="str">
            <v>642-1271</v>
          </cell>
          <cell r="I919" t="str">
            <v>642-5438</v>
          </cell>
        </row>
        <row r="920">
          <cell r="A920" t="str">
            <v>15214Z</v>
          </cell>
          <cell r="B920" t="str">
            <v>ｻﾝﾜﾃｯｷ</v>
          </cell>
          <cell r="C920" t="str">
            <v>三和テッキ（株）札幌営業所</v>
          </cell>
          <cell r="D920" t="str">
            <v>榎本 広美</v>
          </cell>
          <cell r="E920" t="str">
            <v>所長</v>
          </cell>
          <cell r="F920" t="str">
            <v>060-0061</v>
          </cell>
          <cell r="G920" t="str">
            <v>中央区南１西１－４ 第一有楽ビル３</v>
          </cell>
          <cell r="H920" t="str">
            <v>221-5105</v>
          </cell>
          <cell r="I920" t="str">
            <v>221-7944</v>
          </cell>
        </row>
        <row r="921">
          <cell r="A921" t="str">
            <v>15229X</v>
          </cell>
          <cell r="B921" t="str">
            <v>ｼﾐｽﾞｻﾝｷﾞｮｳ</v>
          </cell>
          <cell r="C921" t="str">
            <v>シミズ産業（株）</v>
          </cell>
          <cell r="D921" t="str">
            <v>清水 諭</v>
          </cell>
          <cell r="E921" t="str">
            <v>代表取締役</v>
          </cell>
          <cell r="F921" t="str">
            <v>063-0802</v>
          </cell>
          <cell r="G921" t="str">
            <v>西区二十四軒２－７－２－２５</v>
          </cell>
          <cell r="H921" t="str">
            <v>644-8191</v>
          </cell>
          <cell r="I921" t="str">
            <v>642-2532</v>
          </cell>
        </row>
        <row r="922">
          <cell r="A922" t="str">
            <v>15232P</v>
          </cell>
          <cell r="B922" t="str">
            <v>ｻｯﾎﾟﾛﾎﾞﾃﾞｰｺｳｷﾞｮｳ</v>
          </cell>
          <cell r="C922" t="str">
            <v>札幌ボデー工業（株）</v>
          </cell>
          <cell r="D922" t="str">
            <v>堀田 彰</v>
          </cell>
          <cell r="E922" t="str">
            <v>代表取締役</v>
          </cell>
          <cell r="F922" t="str">
            <v>063-0835</v>
          </cell>
          <cell r="G922" t="str">
            <v>西区発寒１５－１３－４－６０</v>
          </cell>
          <cell r="H922" t="str">
            <v>662-2511</v>
          </cell>
          <cell r="I922" t="str">
            <v>662-4342</v>
          </cell>
        </row>
        <row r="923">
          <cell r="A923" t="str">
            <v>15233Z</v>
          </cell>
          <cell r="B923" t="str">
            <v>ﾎｯｶｲﾄﾞｳｺﾏﾂﾌｫｰｸﾘﾌﾄ</v>
          </cell>
          <cell r="C923" t="str">
            <v>北海道小松フォークリフト（株）</v>
          </cell>
          <cell r="D923" t="str">
            <v>宮内 秀夫</v>
          </cell>
          <cell r="E923" t="str">
            <v>代表取締役</v>
          </cell>
          <cell r="F923" t="str">
            <v>003-0027</v>
          </cell>
          <cell r="G923" t="str">
            <v>白石区本通２１北１－８</v>
          </cell>
          <cell r="H923" t="str">
            <v>860-5000</v>
          </cell>
          <cell r="I923" t="str">
            <v>860-5001</v>
          </cell>
        </row>
        <row r="924">
          <cell r="A924" t="str">
            <v>15234X</v>
          </cell>
          <cell r="B924" t="str">
            <v>ﾎｯｶｲﾄﾞｳｽﾊﾞﾙ</v>
          </cell>
          <cell r="C924" t="str">
            <v>北海道スバル（株）</v>
          </cell>
          <cell r="D924" t="str">
            <v>伊藤 章博</v>
          </cell>
          <cell r="E924" t="str">
            <v>代表取締役社長</v>
          </cell>
          <cell r="F924" t="str">
            <v>063-0062</v>
          </cell>
          <cell r="G924" t="str">
            <v>西区西町南１４－１－１</v>
          </cell>
          <cell r="H924" t="str">
            <v>668-2111</v>
          </cell>
          <cell r="I924" t="str">
            <v>664-5602</v>
          </cell>
        </row>
        <row r="925">
          <cell r="A925" t="str">
            <v>15237N</v>
          </cell>
          <cell r="B925" t="str">
            <v>ｻｲﾀﾞ</v>
          </cell>
          <cell r="C925" t="str">
            <v>（株）サイダ</v>
          </cell>
          <cell r="D925" t="str">
            <v>斎田 義孝</v>
          </cell>
          <cell r="E925" t="str">
            <v>代表取締役</v>
          </cell>
          <cell r="F925" t="str">
            <v>047-0013</v>
          </cell>
          <cell r="G925" t="str">
            <v>小樽市奥沢１－２５－２３</v>
          </cell>
          <cell r="H925" t="str">
            <v>0134-33-7711</v>
          </cell>
          <cell r="I925" t="str">
            <v>0134-33-7713</v>
          </cell>
        </row>
        <row r="926">
          <cell r="A926" t="str">
            <v>15241R</v>
          </cell>
          <cell r="B926" t="str">
            <v>ｼﾝｻｯﾎﾟﾛﾆｭｳｷﾞｮｳ</v>
          </cell>
          <cell r="C926" t="str">
            <v>新札幌乳業（株）</v>
          </cell>
          <cell r="D926" t="str">
            <v>竹内 久夫</v>
          </cell>
          <cell r="E926" t="str">
            <v>代表取締役</v>
          </cell>
          <cell r="F926" t="str">
            <v>004-0004</v>
          </cell>
          <cell r="G926" t="str">
            <v>厚別区厚別東４－１－１－７</v>
          </cell>
          <cell r="H926" t="str">
            <v>897-1661</v>
          </cell>
          <cell r="I926" t="str">
            <v>897-1670</v>
          </cell>
        </row>
        <row r="927">
          <cell r="A927" t="str">
            <v>15242N</v>
          </cell>
          <cell r="B927" t="str">
            <v>ｻﾂﾗｸﾉｳｷﾞｮｳ</v>
          </cell>
          <cell r="C927" t="str">
            <v>サツラク農業（協）市乳事業部</v>
          </cell>
          <cell r="D927" t="str">
            <v>押川 一則</v>
          </cell>
          <cell r="E927" t="str">
            <v>部長</v>
          </cell>
          <cell r="F927" t="str">
            <v>007-8511</v>
          </cell>
          <cell r="G927" t="str">
            <v>東区丘珠町５７３－２７</v>
          </cell>
          <cell r="H927" t="str">
            <v>785-7800</v>
          </cell>
          <cell r="I927" t="str">
            <v>785-8992</v>
          </cell>
        </row>
        <row r="928">
          <cell r="A928" t="str">
            <v>15243Y</v>
          </cell>
          <cell r="B928" t="str">
            <v>ｻｯﾎﾟﾛﾌｼﾞﾁﾁｭｳｼﾞｮｳﾎｳ</v>
          </cell>
          <cell r="C928" t="str">
            <v>札幌フジ地中情報（株）</v>
          </cell>
          <cell r="D928" t="str">
            <v>柳瀬 隆三</v>
          </cell>
          <cell r="E928" t="str">
            <v>代表取締役</v>
          </cell>
          <cell r="F928" t="str">
            <v>003-0029</v>
          </cell>
          <cell r="G928" t="str">
            <v>白石区平和通１０北７－３７</v>
          </cell>
          <cell r="H928" t="str">
            <v>863-9355</v>
          </cell>
          <cell r="I928" t="str">
            <v>863-1959</v>
          </cell>
        </row>
        <row r="929">
          <cell r="A929" t="str">
            <v>15244W</v>
          </cell>
          <cell r="B929" t="str">
            <v>ｻﾂﾍﾞｲ</v>
          </cell>
          <cell r="C929" t="str">
            <v>（株）札米</v>
          </cell>
          <cell r="D929" t="str">
            <v>酒匂 隆光</v>
          </cell>
          <cell r="E929" t="str">
            <v>代表取締役社長</v>
          </cell>
          <cell r="F929" t="str">
            <v>060-0909</v>
          </cell>
          <cell r="G929" t="str">
            <v>東区北９東１－３－１０</v>
          </cell>
          <cell r="H929" t="str">
            <v>721-3285</v>
          </cell>
          <cell r="I929" t="str">
            <v>721-3812</v>
          </cell>
        </row>
        <row r="930">
          <cell r="A930" t="str">
            <v>15254V</v>
          </cell>
          <cell r="B930" t="str">
            <v>ｻﾄｳｼﾞﾑｷ</v>
          </cell>
          <cell r="C930" t="str">
            <v>（株）さとう事務機</v>
          </cell>
          <cell r="D930" t="str">
            <v>中谷 弘夫</v>
          </cell>
          <cell r="E930" t="str">
            <v>代表取締役</v>
          </cell>
          <cell r="F930" t="str">
            <v>003-0827</v>
          </cell>
          <cell r="G930" t="str">
            <v>白石区菊水元町７－４－１－６</v>
          </cell>
          <cell r="H930" t="str">
            <v>871-8880</v>
          </cell>
          <cell r="I930" t="str">
            <v>871-5880</v>
          </cell>
        </row>
        <row r="931">
          <cell r="A931" t="str">
            <v>15256N</v>
          </cell>
          <cell r="B931" t="str">
            <v>ｻｯﾎﾟﾛｶﾞﾗｽ</v>
          </cell>
          <cell r="C931" t="str">
            <v>札幌硝子（株）</v>
          </cell>
          <cell r="D931" t="str">
            <v>望月 祥弘</v>
          </cell>
          <cell r="E931" t="str">
            <v>代表取締役</v>
          </cell>
          <cell r="F931" t="str">
            <v>003-0807</v>
          </cell>
          <cell r="G931" t="str">
            <v>白石区菊水７－３－７－１２</v>
          </cell>
          <cell r="H931" t="str">
            <v>811-7780</v>
          </cell>
          <cell r="I931" t="str">
            <v>811-2447</v>
          </cell>
        </row>
        <row r="932">
          <cell r="A932" t="str">
            <v>15258W</v>
          </cell>
          <cell r="B932" t="str">
            <v>ｻｯﾎﾟﾛｼｮｳﾜｶｶﾞｸｹﾝｷｭｳｼｮ</v>
          </cell>
          <cell r="C932" t="str">
            <v>（株）札幌昭和化学研究所</v>
          </cell>
          <cell r="D932" t="str">
            <v>小野 茂</v>
          </cell>
          <cell r="E932" t="str">
            <v>代表取締役</v>
          </cell>
          <cell r="F932" t="str">
            <v>060-0042</v>
          </cell>
          <cell r="G932" t="str">
            <v>中央区大通西１８－２</v>
          </cell>
          <cell r="H932" t="str">
            <v>611-1933</v>
          </cell>
          <cell r="I932" t="str">
            <v>631-9145</v>
          </cell>
        </row>
        <row r="933">
          <cell r="A933" t="str">
            <v>15259T</v>
          </cell>
          <cell r="B933" t="str">
            <v>ｻﾂﾅｴｼｮﾃﾝ</v>
          </cell>
          <cell r="C933" t="str">
            <v>札苗書店</v>
          </cell>
          <cell r="D933" t="str">
            <v>右田 叶</v>
          </cell>
          <cell r="E933" t="str">
            <v>代表</v>
          </cell>
          <cell r="F933" t="str">
            <v>007-0808</v>
          </cell>
          <cell r="G933" t="str">
            <v>東区東苗穂８－２－１５－１５</v>
          </cell>
          <cell r="H933" t="str">
            <v>791-2727</v>
          </cell>
          <cell r="I933" t="str">
            <v>791-2727</v>
          </cell>
        </row>
        <row r="934">
          <cell r="A934" t="str">
            <v>15264T</v>
          </cell>
          <cell r="B934" t="str">
            <v>ｻﾝｾｲｼｬ</v>
          </cell>
          <cell r="C934" t="str">
            <v>（株）三誠社</v>
          </cell>
          <cell r="D934" t="str">
            <v>板橋 孝司</v>
          </cell>
          <cell r="E934" t="str">
            <v>代表取締役</v>
          </cell>
          <cell r="F934" t="str">
            <v>060-0006</v>
          </cell>
          <cell r="G934" t="str">
            <v>中央区北６西１５－３－７</v>
          </cell>
          <cell r="H934" t="str">
            <v>622-9211</v>
          </cell>
          <cell r="I934" t="str">
            <v>622-9212</v>
          </cell>
        </row>
        <row r="935">
          <cell r="A935" t="str">
            <v>15266Z</v>
          </cell>
          <cell r="B935" t="str">
            <v>ｻｯﾄｳｻﾝｷﾞｮｳ</v>
          </cell>
          <cell r="C935" t="str">
            <v>札東産業（有）</v>
          </cell>
          <cell r="D935" t="str">
            <v>笹嶋 昭雄</v>
          </cell>
          <cell r="E935" t="str">
            <v>代表取締役</v>
          </cell>
          <cell r="F935" t="str">
            <v>065-0011</v>
          </cell>
          <cell r="G935" t="str">
            <v>東区北１１東３－５２</v>
          </cell>
          <cell r="H935" t="str">
            <v>741-1426</v>
          </cell>
          <cell r="I935" t="str">
            <v>741-1426</v>
          </cell>
        </row>
        <row r="936">
          <cell r="A936" t="str">
            <v>15272X</v>
          </cell>
          <cell r="B936" t="str">
            <v>ｻﾝﾎｰﾌﾟﾎｯｶｲﾄﾞｳ</v>
          </cell>
          <cell r="C936" t="str">
            <v>（株）サンホープ北海道</v>
          </cell>
          <cell r="D936" t="str">
            <v>斎藤 圭造</v>
          </cell>
          <cell r="E936" t="str">
            <v>代表取締役</v>
          </cell>
          <cell r="F936" t="str">
            <v>063-0062</v>
          </cell>
          <cell r="G936" t="str">
            <v>西区西町南７－２－２</v>
          </cell>
          <cell r="H936" t="str">
            <v>664-3131</v>
          </cell>
          <cell r="I936" t="str">
            <v>664-3126</v>
          </cell>
        </row>
        <row r="937">
          <cell r="A937" t="str">
            <v>15275N</v>
          </cell>
          <cell r="B937" t="str">
            <v>ｻﾉｼﾞﾄﾞｳｼｬｺｳｷﾞｮｳ</v>
          </cell>
          <cell r="C937" t="str">
            <v>佐野自動車工業（株）</v>
          </cell>
          <cell r="D937" t="str">
            <v>佐野 義雄</v>
          </cell>
          <cell r="E937" t="str">
            <v>代表取締役</v>
          </cell>
          <cell r="F937" t="str">
            <v>062-0009</v>
          </cell>
          <cell r="G937" t="str">
            <v>豊平区美園９－１－５－５</v>
          </cell>
          <cell r="H937" t="str">
            <v>813-3171</v>
          </cell>
          <cell r="I937" t="str">
            <v>813-3173</v>
          </cell>
        </row>
        <row r="938">
          <cell r="A938" t="str">
            <v>15278T</v>
          </cell>
          <cell r="B938" t="str">
            <v>ｻｯﾎﾟﾛｴｲｿﾞｳﾌﾟﾛﾀﾞｸｼｮﾝ</v>
          </cell>
          <cell r="C938" t="str">
            <v>（株）札幌映像プロダクション</v>
          </cell>
          <cell r="D938" t="str">
            <v>小松 直之</v>
          </cell>
          <cell r="E938" t="str">
            <v>代表取締役</v>
          </cell>
          <cell r="F938" t="str">
            <v>060-0001</v>
          </cell>
          <cell r="G938" t="str">
            <v>中央区北１西８－２－４７</v>
          </cell>
          <cell r="H938" t="str">
            <v>271-6418</v>
          </cell>
          <cell r="I938" t="str">
            <v>271-0509</v>
          </cell>
        </row>
        <row r="939">
          <cell r="A939" t="str">
            <v>15279R</v>
          </cell>
          <cell r="B939" t="str">
            <v>ｻｯﾎﾟﾛｷｮｳﾔ</v>
          </cell>
          <cell r="C939" t="str">
            <v>（有）札幌京屋</v>
          </cell>
          <cell r="D939" t="str">
            <v>赤澤 宏哉</v>
          </cell>
          <cell r="E939" t="str">
            <v>代表取締役社長</v>
          </cell>
          <cell r="F939" t="str">
            <v>004-0867</v>
          </cell>
          <cell r="G939" t="str">
            <v>清田区北野７－１－３－２３</v>
          </cell>
          <cell r="H939" t="str">
            <v>882-2553</v>
          </cell>
          <cell r="I939" t="str">
            <v>883-4779</v>
          </cell>
        </row>
        <row r="940">
          <cell r="A940" t="str">
            <v>15280N</v>
          </cell>
          <cell r="B940" t="str">
            <v>ｻｯﾎﾟﾛｹﾝｻｸｺｳｷﾞｮｳ</v>
          </cell>
          <cell r="C940" t="str">
            <v>（有）札幌研削工業</v>
          </cell>
          <cell r="D940" t="str">
            <v>嶋村 健二</v>
          </cell>
          <cell r="E940" t="str">
            <v>代表取締役</v>
          </cell>
          <cell r="F940" t="str">
            <v>063-0834</v>
          </cell>
          <cell r="G940" t="str">
            <v>西区発寒１４－１１－１－４１</v>
          </cell>
          <cell r="H940" t="str">
            <v>663-7288</v>
          </cell>
          <cell r="I940" t="str">
            <v>663-7290</v>
          </cell>
        </row>
        <row r="941">
          <cell r="A941" t="str">
            <v>15284R</v>
          </cell>
          <cell r="B941" t="str">
            <v>ｻｯﾎﾟﾛﾃﾞﾝｷﾃｯｺｳ</v>
          </cell>
          <cell r="C941" t="str">
            <v>札幌電機鉄工（株）</v>
          </cell>
          <cell r="D941" t="str">
            <v>佐藤 實</v>
          </cell>
          <cell r="E941" t="str">
            <v>代表取締役</v>
          </cell>
          <cell r="F941" t="str">
            <v>065-0014</v>
          </cell>
          <cell r="G941" t="str">
            <v>東区北１４東１－５－２ 丹羽木材ビル</v>
          </cell>
          <cell r="H941" t="str">
            <v>753-2081</v>
          </cell>
          <cell r="I941" t="str">
            <v>731-7254</v>
          </cell>
        </row>
        <row r="942">
          <cell r="A942" t="str">
            <v>15287V</v>
          </cell>
          <cell r="B942" t="str">
            <v>ｴｱ･ｳｫｰﾀｰ･ｴﾈﾙｷﾞｰ</v>
          </cell>
          <cell r="C942" t="str">
            <v>エア・ウォーター・エネルギー（株）札幌店</v>
          </cell>
          <cell r="D942" t="str">
            <v>小林 隆</v>
          </cell>
          <cell r="E942" t="str">
            <v>店長</v>
          </cell>
          <cell r="F942" t="str">
            <v>062-0052</v>
          </cell>
          <cell r="G942" t="str">
            <v>豊平区月寒東２－１６－１－６</v>
          </cell>
          <cell r="H942" t="str">
            <v>859-8600</v>
          </cell>
          <cell r="I942" t="str">
            <v>859-8611</v>
          </cell>
        </row>
        <row r="943">
          <cell r="A943" t="str">
            <v>15289P</v>
          </cell>
          <cell r="B943" t="str">
            <v>ｻｯﾎﾟﾛﾔｸﾙﾄﾊﾝﾊﾞｲ</v>
          </cell>
          <cell r="C943" t="str">
            <v>札幌ヤクルト販売（株）</v>
          </cell>
          <cell r="D943" t="str">
            <v>松園 直史</v>
          </cell>
          <cell r="E943" t="str">
            <v>代表取締役</v>
          </cell>
          <cell r="F943" t="str">
            <v>004-0872</v>
          </cell>
          <cell r="G943" t="str">
            <v>清田区平岡２－５－２－３</v>
          </cell>
          <cell r="H943" t="str">
            <v>221-8960</v>
          </cell>
          <cell r="I943" t="str">
            <v>221-0391</v>
          </cell>
        </row>
        <row r="944">
          <cell r="A944" t="str">
            <v>15290Z</v>
          </cell>
          <cell r="B944" t="str">
            <v>ｻﾝｷｮｳｶﾞｯｷ</v>
          </cell>
          <cell r="C944" t="str">
            <v>三響楽器（株）</v>
          </cell>
          <cell r="D944" t="str">
            <v>関谷 博</v>
          </cell>
          <cell r="E944" t="str">
            <v>代表取締役</v>
          </cell>
          <cell r="F944" t="str">
            <v>006-0022</v>
          </cell>
          <cell r="G944" t="str">
            <v>手稲区手稲本町２－３－８－２１</v>
          </cell>
          <cell r="H944" t="str">
            <v>684-1276</v>
          </cell>
          <cell r="I944" t="str">
            <v>684-1449</v>
          </cell>
        </row>
        <row r="945">
          <cell r="A945" t="str">
            <v>15298R</v>
          </cell>
          <cell r="B945" t="str">
            <v>ｻｯﾄｳｼﾞｺｳ</v>
          </cell>
          <cell r="C945" t="str">
            <v>札東自工（株）</v>
          </cell>
          <cell r="D945" t="str">
            <v>茶木 清</v>
          </cell>
          <cell r="E945" t="str">
            <v>代表取締役</v>
          </cell>
          <cell r="F945" t="str">
            <v>003-0028</v>
          </cell>
          <cell r="G945" t="str">
            <v>白石区平和通１４南３－２８</v>
          </cell>
          <cell r="H945" t="str">
            <v>863-3838</v>
          </cell>
          <cell r="I945" t="str">
            <v>863-3841</v>
          </cell>
        </row>
        <row r="946">
          <cell r="A946" t="str">
            <v>15299N</v>
          </cell>
          <cell r="B946" t="str">
            <v>ｻｯﾎﾟﾛｶﾞｯｷ</v>
          </cell>
          <cell r="C946" t="str">
            <v>サッポロ楽器（有）</v>
          </cell>
          <cell r="D946" t="str">
            <v>尾﨑 勲</v>
          </cell>
          <cell r="E946" t="str">
            <v>代表取締役</v>
          </cell>
          <cell r="F946" t="str">
            <v>065-0021</v>
          </cell>
          <cell r="G946" t="str">
            <v>東区北２１東６－１－４１</v>
          </cell>
          <cell r="H946" t="str">
            <v>711-6905</v>
          </cell>
          <cell r="I946" t="str">
            <v>711-8420</v>
          </cell>
        </row>
        <row r="947">
          <cell r="A947" t="str">
            <v>15300W</v>
          </cell>
          <cell r="B947" t="str">
            <v>ｻｯﾎﾟﾛｷｰｾﾝﾀｰ</v>
          </cell>
          <cell r="C947" t="str">
            <v>（有）札幌キーセンター</v>
          </cell>
          <cell r="D947" t="str">
            <v>赤裏 茂</v>
          </cell>
          <cell r="E947" t="str">
            <v>代表取締役</v>
          </cell>
          <cell r="F947" t="str">
            <v>065-0033</v>
          </cell>
          <cell r="G947" t="str">
            <v>東区北３３東８－３ー３</v>
          </cell>
          <cell r="H947" t="str">
            <v>722-0110</v>
          </cell>
          <cell r="I947" t="str">
            <v>742-1295</v>
          </cell>
        </row>
        <row r="948">
          <cell r="A948" t="str">
            <v>15301T</v>
          </cell>
          <cell r="B948" t="str">
            <v>ｻｯﾎﾟﾛｻｲﾄｳﾓｸｻﾞｲ</v>
          </cell>
          <cell r="C948" t="str">
            <v>札幌齊藤木材（株）</v>
          </cell>
          <cell r="D948" t="str">
            <v>髙橋 晃裕</v>
          </cell>
          <cell r="E948" t="str">
            <v>代表取締役</v>
          </cell>
          <cell r="F948" t="str">
            <v>060-0041</v>
          </cell>
          <cell r="G948" t="str">
            <v>中央区大通東２－１５ フジミツビル４Ｆ</v>
          </cell>
          <cell r="H948" t="str">
            <v>231-2082</v>
          </cell>
          <cell r="I948" t="str">
            <v>231-2073</v>
          </cell>
        </row>
        <row r="949">
          <cell r="A949" t="str">
            <v>15302R</v>
          </cell>
          <cell r="B949" t="str">
            <v>ｻｯﾎﾟﾛｼｮｯｷ</v>
          </cell>
          <cell r="C949" t="str">
            <v>サッポロ食器（株）</v>
          </cell>
          <cell r="D949" t="str">
            <v>天白 勝男</v>
          </cell>
          <cell r="E949" t="str">
            <v>代表取締役</v>
          </cell>
          <cell r="F949" t="str">
            <v>062-0001</v>
          </cell>
          <cell r="G949" t="str">
            <v>豊平区美園１－７－１－２５</v>
          </cell>
          <cell r="H949" t="str">
            <v>823-0659</v>
          </cell>
          <cell r="I949" t="str">
            <v>841-2532</v>
          </cell>
        </row>
        <row r="950">
          <cell r="A950" t="str">
            <v>15303N</v>
          </cell>
          <cell r="B950" t="str">
            <v>ｻｯﾎﾟﾛﾀﾞｲｲﾁｺﾄﾞﾓﾉﾄﾓｼｬ</v>
          </cell>
          <cell r="C950" t="str">
            <v>（有）札幌第一こどものとも社</v>
          </cell>
          <cell r="D950" t="str">
            <v>藤田 春義</v>
          </cell>
          <cell r="E950" t="str">
            <v>代表取締役</v>
          </cell>
          <cell r="F950" t="str">
            <v>001-0903</v>
          </cell>
          <cell r="G950" t="str">
            <v>北区新琴似３－１３－３－１９</v>
          </cell>
          <cell r="H950" t="str">
            <v>764-5348</v>
          </cell>
          <cell r="I950" t="str">
            <v>764-5349</v>
          </cell>
        </row>
        <row r="951">
          <cell r="A951" t="str">
            <v>15304Y</v>
          </cell>
          <cell r="B951" t="str">
            <v>ｻｯﾎﾟﾛﾄｸｼｭｼｬﾘｮｳ</v>
          </cell>
          <cell r="C951" t="str">
            <v>札幌特殊車輌（株）</v>
          </cell>
          <cell r="D951" t="str">
            <v>浅野 孝志</v>
          </cell>
          <cell r="E951" t="str">
            <v>代表取締役</v>
          </cell>
          <cell r="F951" t="str">
            <v>003-0005</v>
          </cell>
          <cell r="G951" t="str">
            <v>白石区東札幌５－１－３－１７</v>
          </cell>
          <cell r="H951" t="str">
            <v>831-6178</v>
          </cell>
          <cell r="I951" t="str">
            <v>832-5105</v>
          </cell>
        </row>
        <row r="952">
          <cell r="A952" t="str">
            <v>15317N</v>
          </cell>
          <cell r="B952" t="str">
            <v>ｻｯﾎﾟﾛﾚｲﾀﾞﾝ</v>
          </cell>
          <cell r="C952" t="str">
            <v>サッポロ冷暖（株）</v>
          </cell>
          <cell r="D952" t="str">
            <v>田中 貴好</v>
          </cell>
          <cell r="E952" t="str">
            <v>代表取締役</v>
          </cell>
          <cell r="F952" t="str">
            <v>003-0029</v>
          </cell>
          <cell r="G952" t="str">
            <v>白石区平和通１北８－１９</v>
          </cell>
          <cell r="H952" t="str">
            <v>862-4171</v>
          </cell>
          <cell r="I952" t="str">
            <v>862-6466</v>
          </cell>
        </row>
        <row r="953">
          <cell r="A953" t="str">
            <v>15318Y</v>
          </cell>
          <cell r="B953" t="str">
            <v>ｻｯﾎﾟﾛｵﾌｨｽｺﾝﾋﾟｭｰﾀｰ</v>
          </cell>
          <cell r="C953" t="str">
            <v>札幌オフィスコンピューター（株）</v>
          </cell>
          <cell r="D953" t="str">
            <v>朝倉 幹雄</v>
          </cell>
          <cell r="E953" t="str">
            <v>代表取締役</v>
          </cell>
          <cell r="F953" t="str">
            <v>004-0015</v>
          </cell>
          <cell r="G953" t="str">
            <v>厚別区下野幌テクノパーク１－２－７</v>
          </cell>
          <cell r="H953" t="str">
            <v>807-6350</v>
          </cell>
          <cell r="I953" t="str">
            <v>807-6355</v>
          </cell>
        </row>
        <row r="954">
          <cell r="A954" t="str">
            <v>15319W</v>
          </cell>
          <cell r="B954" t="str">
            <v>ｻｯﾎﾟﾛｶﾞｽ</v>
          </cell>
          <cell r="C954" t="str">
            <v>札幌ガス（協）</v>
          </cell>
          <cell r="D954" t="str">
            <v>星 裕文</v>
          </cell>
          <cell r="E954" t="str">
            <v>理事長</v>
          </cell>
          <cell r="F954" t="str">
            <v>001-0023</v>
          </cell>
          <cell r="G954" t="str">
            <v>北区北２３西４－２－１７</v>
          </cell>
          <cell r="H954" t="str">
            <v>737-6482</v>
          </cell>
          <cell r="I954" t="str">
            <v>737-6482</v>
          </cell>
        </row>
        <row r="955">
          <cell r="A955" t="str">
            <v>15322N</v>
          </cell>
          <cell r="B955" t="str">
            <v>ｻｯﾎﾟﾛｷｮｳｴｲｼｬ</v>
          </cell>
          <cell r="C955" t="str">
            <v>（有）札幌共栄社</v>
          </cell>
          <cell r="D955" t="str">
            <v>鈴木 京子</v>
          </cell>
          <cell r="E955" t="str">
            <v>代表取締役</v>
          </cell>
          <cell r="F955" t="str">
            <v>003-0822</v>
          </cell>
          <cell r="G955" t="str">
            <v>白石区菊水元町２－２－３－１２</v>
          </cell>
          <cell r="H955" t="str">
            <v>875-7921</v>
          </cell>
          <cell r="I955" t="str">
            <v>875-7928</v>
          </cell>
        </row>
        <row r="956">
          <cell r="A956" t="str">
            <v>15323Y</v>
          </cell>
          <cell r="B956" t="str">
            <v>ﾀｲｼｮｳｹﾝｾﾂ</v>
          </cell>
          <cell r="C956" t="str">
            <v>大商建設（株）</v>
          </cell>
          <cell r="D956" t="str">
            <v>金子 正美</v>
          </cell>
          <cell r="E956" t="str">
            <v>代表取締役</v>
          </cell>
          <cell r="F956" t="str">
            <v>001-0908</v>
          </cell>
          <cell r="G956" t="str">
            <v>北区新琴似８－１－１－３４</v>
          </cell>
          <cell r="H956" t="str">
            <v>717-8811</v>
          </cell>
          <cell r="I956" t="str">
            <v>717-8810</v>
          </cell>
        </row>
        <row r="957">
          <cell r="A957" t="str">
            <v>15326P</v>
          </cell>
          <cell r="B957" t="str">
            <v>ｻｯﾎﾟﾛｼﾉｳｷﾞｮｳ</v>
          </cell>
          <cell r="C957" t="str">
            <v>札幌市農業（協）</v>
          </cell>
          <cell r="D957" t="str">
            <v>長尾 欽一</v>
          </cell>
          <cell r="E957" t="str">
            <v>代表理事組合長</v>
          </cell>
          <cell r="F957" t="str">
            <v>060-0010</v>
          </cell>
          <cell r="G957" t="str">
            <v>中央区北１０西２４－１－１０</v>
          </cell>
          <cell r="H957" t="str">
            <v>621-1311</v>
          </cell>
          <cell r="I957" t="str">
            <v>621-1449</v>
          </cell>
        </row>
        <row r="958">
          <cell r="A958" t="str">
            <v>15329V</v>
          </cell>
          <cell r="B958" t="str">
            <v>ｽｷﾞﾉﾕｷｼﾞﾙｼｱｸｾｽ</v>
          </cell>
          <cell r="C958" t="str">
            <v>杉野雪印アクセス（株）</v>
          </cell>
          <cell r="D958" t="str">
            <v>山本 佳宏</v>
          </cell>
          <cell r="E958" t="str">
            <v>代表取締役社長</v>
          </cell>
          <cell r="F958" t="str">
            <v>065-8522</v>
          </cell>
          <cell r="G958" t="str">
            <v>東区苗穂町９－１－１</v>
          </cell>
          <cell r="H958" t="str">
            <v>750-3100</v>
          </cell>
          <cell r="I958" t="str">
            <v>751-0841</v>
          </cell>
        </row>
        <row r="959">
          <cell r="A959" t="str">
            <v>15331P</v>
          </cell>
          <cell r="B959" t="str">
            <v>ｻｯﾎﾟﾛﾘﾝｼｮｳｹﾝｻｾﾝﾀｰ</v>
          </cell>
          <cell r="C959" t="str">
            <v>札幌臨床検査センター（株）</v>
          </cell>
          <cell r="D959" t="str">
            <v>高瀬 亮</v>
          </cell>
          <cell r="E959" t="str">
            <v>代表取締役社長</v>
          </cell>
          <cell r="F959" t="str">
            <v>060-0005</v>
          </cell>
          <cell r="G959" t="str">
            <v>中央区北５西１８－９－１</v>
          </cell>
          <cell r="H959" t="str">
            <v>641-6311</v>
          </cell>
          <cell r="I959" t="str">
            <v>641-9802</v>
          </cell>
        </row>
        <row r="960">
          <cell r="A960" t="str">
            <v>15332Z</v>
          </cell>
          <cell r="B960" t="str">
            <v>ｻﾄｳﾈﾝﾘｮｳｼﾞｭｳｾﾂ</v>
          </cell>
          <cell r="C960" t="str">
            <v>佐藤燃料住設（株）</v>
          </cell>
          <cell r="D960" t="str">
            <v>佐藤 清</v>
          </cell>
          <cell r="E960" t="str">
            <v>代表取締役</v>
          </cell>
          <cell r="F960" t="str">
            <v>007-0864</v>
          </cell>
          <cell r="G960" t="str">
            <v>東区伏古４－３－４－２１</v>
          </cell>
          <cell r="H960" t="str">
            <v>781-9281</v>
          </cell>
          <cell r="I960" t="str">
            <v>781-9438</v>
          </cell>
        </row>
        <row r="961">
          <cell r="A961" t="str">
            <v>15340R</v>
          </cell>
          <cell r="B961" t="str">
            <v>ｻｯﾎﾟﾛｶﾜｼﾞｭｳｼｬﾘｮｳｴﾝｼﾞﾆｱﾘﾝｸﾞ</v>
          </cell>
          <cell r="C961" t="str">
            <v>札幌川重車両エンジニアリング（株）</v>
          </cell>
          <cell r="D961" t="str">
            <v>服部 晃</v>
          </cell>
          <cell r="E961" t="str">
            <v>代表取締役社長</v>
          </cell>
          <cell r="F961" t="str">
            <v>060-0031</v>
          </cell>
          <cell r="G961" t="str">
            <v>中央区北１東１－２－５</v>
          </cell>
          <cell r="H961" t="str">
            <v>281-3701</v>
          </cell>
          <cell r="I961" t="str">
            <v>281-3702</v>
          </cell>
        </row>
        <row r="962">
          <cell r="A962" t="str">
            <v>15347X</v>
          </cell>
          <cell r="B962" t="str">
            <v>ｻｯﾎﾟﾛｷｮｳﾄﾞｳｲﾝｻﾂ</v>
          </cell>
          <cell r="C962" t="str">
            <v>札幌共同印刷（株）</v>
          </cell>
          <cell r="D962" t="str">
            <v>渡辺 政秀</v>
          </cell>
          <cell r="E962" t="str">
            <v>代表取締役</v>
          </cell>
          <cell r="F962" t="str">
            <v>007-0804</v>
          </cell>
          <cell r="G962" t="str">
            <v>東区東苗穂４－３－３－１６</v>
          </cell>
          <cell r="H962" t="str">
            <v>781-4878</v>
          </cell>
          <cell r="I962" t="str">
            <v>781-4905</v>
          </cell>
        </row>
        <row r="963">
          <cell r="A963" t="str">
            <v>15349S</v>
          </cell>
          <cell r="B963" t="str">
            <v>ｻｯﾎﾟﾛｷﾑﾗﾔ</v>
          </cell>
          <cell r="C963" t="str">
            <v>（株）札幌キムラヤ</v>
          </cell>
          <cell r="D963" t="str">
            <v>藤崎 昭則</v>
          </cell>
          <cell r="E963" t="str">
            <v>代表取締役</v>
          </cell>
          <cell r="F963" t="str">
            <v>005-0850</v>
          </cell>
          <cell r="G963" t="str">
            <v>南区石山東２－２－３９</v>
          </cell>
          <cell r="H963" t="str">
            <v>591-8834</v>
          </cell>
          <cell r="I963" t="str">
            <v>591-8428</v>
          </cell>
        </row>
        <row r="964">
          <cell r="A964" t="str">
            <v>15353V</v>
          </cell>
          <cell r="B964" t="str">
            <v>ｻｯﾎﾟﾛﾌｸｼｲﾘｮｳｷ</v>
          </cell>
          <cell r="C964" t="str">
            <v>札幌福祉医療器（株）</v>
          </cell>
          <cell r="D964" t="str">
            <v>小林 ひろ子</v>
          </cell>
          <cell r="E964" t="str">
            <v>代表取締役</v>
          </cell>
          <cell r="F964" t="str">
            <v>004-0012</v>
          </cell>
          <cell r="G964" t="str">
            <v>厚別区もみじ台南６－１－５</v>
          </cell>
          <cell r="H964" t="str">
            <v>897-7074</v>
          </cell>
          <cell r="I964" t="str">
            <v>897-9779</v>
          </cell>
        </row>
        <row r="965">
          <cell r="A965" t="str">
            <v>15356Y</v>
          </cell>
          <cell r="B965" t="str">
            <v>ｻﾄﾐｻﾝｷﾞｮｳ</v>
          </cell>
          <cell r="C965" t="str">
            <v>（株）サトミ産業北海道営業所</v>
          </cell>
          <cell r="D965" t="str">
            <v>藤森 精治</v>
          </cell>
          <cell r="E965" t="str">
            <v>所長</v>
          </cell>
          <cell r="F965" t="str">
            <v>061-2283</v>
          </cell>
          <cell r="G965" t="str">
            <v>南区藤野３－７－１－１８</v>
          </cell>
          <cell r="H965" t="str">
            <v>592-2781</v>
          </cell>
          <cell r="I965" t="str">
            <v>592-5896</v>
          </cell>
        </row>
        <row r="966">
          <cell r="A966" t="str">
            <v>15357W</v>
          </cell>
          <cell r="B966" t="str">
            <v>ｻﾝｱｰﾄ</v>
          </cell>
          <cell r="C966" t="str">
            <v>（株）サンアート札幌営業所</v>
          </cell>
          <cell r="D966" t="str">
            <v>児島 英介</v>
          </cell>
          <cell r="E966" t="str">
            <v>所長</v>
          </cell>
          <cell r="F966" t="str">
            <v>064-0802</v>
          </cell>
          <cell r="G966" t="str">
            <v>中央区南２西２５－１－２ リーフ裏参道１Ｆ</v>
          </cell>
          <cell r="H966" t="str">
            <v>616-7027</v>
          </cell>
          <cell r="I966" t="str">
            <v>616-7062</v>
          </cell>
        </row>
        <row r="967">
          <cell r="A967" t="str">
            <v>15364R</v>
          </cell>
          <cell r="B967" t="str">
            <v>ｻﾝﾗｲｽﾞｼｬ</v>
          </cell>
          <cell r="C967" t="str">
            <v>（株）サンライズ社札幌支店</v>
          </cell>
          <cell r="D967" t="str">
            <v>下岡 力</v>
          </cell>
          <cell r="E967" t="str">
            <v>支店長</v>
          </cell>
          <cell r="F967" t="str">
            <v>060-0002</v>
          </cell>
          <cell r="G967" t="str">
            <v>中央区北２西３ ５７山京ビル４Ｆ</v>
          </cell>
          <cell r="H967" t="str">
            <v>241-6051</v>
          </cell>
          <cell r="I967" t="str">
            <v>241-6058</v>
          </cell>
        </row>
        <row r="968">
          <cell r="A968" t="str">
            <v>15366X</v>
          </cell>
          <cell r="B968" t="str">
            <v>ｻﾝﾜｾｲﾋﾞ</v>
          </cell>
          <cell r="C968" t="str">
            <v>（株）三和整備</v>
          </cell>
          <cell r="D968" t="str">
            <v>干場 和夫</v>
          </cell>
          <cell r="E968" t="str">
            <v>代表取締役</v>
          </cell>
          <cell r="F968" t="str">
            <v>004-0053</v>
          </cell>
          <cell r="G968" t="str">
            <v>厚別区厚別中央３－１－１２－３０</v>
          </cell>
          <cell r="H968" t="str">
            <v>892-6671</v>
          </cell>
          <cell r="I968" t="str">
            <v>892-6690</v>
          </cell>
        </row>
        <row r="969">
          <cell r="A969" t="str">
            <v>15367V</v>
          </cell>
          <cell r="B969" t="str">
            <v>ｻﾝｹﾞﾝｼｬｲﾝｻﾂ</v>
          </cell>
          <cell r="C969" t="str">
            <v>三元社印刷（株）</v>
          </cell>
          <cell r="D969" t="str">
            <v>中山 正市</v>
          </cell>
          <cell r="E969" t="str">
            <v>代表取締役</v>
          </cell>
          <cell r="F969" t="str">
            <v>060-0031</v>
          </cell>
          <cell r="G969" t="str">
            <v>中央区北１東１２－２２</v>
          </cell>
          <cell r="H969" t="str">
            <v>241-1841</v>
          </cell>
          <cell r="I969" t="str">
            <v>251-7490</v>
          </cell>
        </row>
        <row r="970">
          <cell r="A970" t="str">
            <v>15370Z</v>
          </cell>
          <cell r="B970" t="str">
            <v>ｻｲﾒﾝ</v>
          </cell>
          <cell r="C970" t="str">
            <v>サイメン（株）</v>
          </cell>
          <cell r="D970" t="str">
            <v>石原 勝利</v>
          </cell>
          <cell r="E970" t="str">
            <v>代表取締役</v>
          </cell>
          <cell r="F970" t="str">
            <v>060-0051</v>
          </cell>
          <cell r="G970" t="str">
            <v>中央区南１東６－１</v>
          </cell>
          <cell r="H970" t="str">
            <v>241-5523</v>
          </cell>
          <cell r="I970" t="str">
            <v>241-5529</v>
          </cell>
        </row>
        <row r="971">
          <cell r="A971" t="str">
            <v>15376W</v>
          </cell>
          <cell r="B971" t="str">
            <v>ｻﾑｶﾜｻﾝｷﾞｮｳ</v>
          </cell>
          <cell r="C971" t="str">
            <v>サムカワ産業（株）</v>
          </cell>
          <cell r="D971" t="str">
            <v>寒川 貞雄</v>
          </cell>
          <cell r="E971" t="str">
            <v>代表取締役</v>
          </cell>
          <cell r="F971" t="str">
            <v>062-0033</v>
          </cell>
          <cell r="G971" t="str">
            <v>豊平区西岡３－１１－９－３</v>
          </cell>
          <cell r="H971" t="str">
            <v>583-0528</v>
          </cell>
          <cell r="I971" t="str">
            <v>583-7689</v>
          </cell>
        </row>
        <row r="972">
          <cell r="A972" t="str">
            <v>15379N</v>
          </cell>
          <cell r="B972" t="str">
            <v>ｻｯﾎﾟﾛｾｲｷ</v>
          </cell>
          <cell r="C972" t="str">
            <v>（株）サッポロ精器</v>
          </cell>
          <cell r="D972" t="str">
            <v>田村 豊彦</v>
          </cell>
          <cell r="E972" t="str">
            <v>代表取締役</v>
          </cell>
          <cell r="F972" t="str">
            <v>060-0032</v>
          </cell>
          <cell r="G972" t="str">
            <v>中央区北２東１１－２３</v>
          </cell>
          <cell r="H972" t="str">
            <v>221-7126</v>
          </cell>
          <cell r="I972" t="str">
            <v>221-7120</v>
          </cell>
        </row>
        <row r="973">
          <cell r="A973" t="str">
            <v>15385X</v>
          </cell>
          <cell r="B973" t="str">
            <v>ｻｯﾎﾟﾛｷｸﾁｷﾝｿﾞｸ</v>
          </cell>
          <cell r="C973" t="str">
            <v>札幌菊地金属（株）</v>
          </cell>
          <cell r="D973" t="str">
            <v>菊地 庸一</v>
          </cell>
          <cell r="E973" t="str">
            <v>代表取締役</v>
          </cell>
          <cell r="F973" t="str">
            <v>062-0043</v>
          </cell>
          <cell r="G973" t="str">
            <v>豊平区福住３－３－９－１</v>
          </cell>
          <cell r="H973" t="str">
            <v>852-2287</v>
          </cell>
          <cell r="I973" t="str">
            <v>383-2513</v>
          </cell>
        </row>
        <row r="974">
          <cell r="A974" t="str">
            <v>15387S</v>
          </cell>
          <cell r="B974" t="str">
            <v>ｻｯﾎﾟﾛｷｮｳｻﾞｲｾｲｻｸｼｮ</v>
          </cell>
          <cell r="C974" t="str">
            <v>（株）札幌教材製作所</v>
          </cell>
          <cell r="D974" t="str">
            <v>上田 邦秀</v>
          </cell>
          <cell r="E974" t="str">
            <v>代表取締役社長</v>
          </cell>
          <cell r="F974" t="str">
            <v>006-0005</v>
          </cell>
          <cell r="G974" t="str">
            <v>手稲区西宮の沢５－１－３５２－２３</v>
          </cell>
          <cell r="H974" t="str">
            <v>661-8130</v>
          </cell>
          <cell r="I974" t="str">
            <v>661-8249</v>
          </cell>
        </row>
        <row r="975">
          <cell r="A975" t="str">
            <v>15392S</v>
          </cell>
          <cell r="B975" t="str">
            <v>ｻｯﾎﾟﾛｼｹﾞｽｲﾄﾞｳｼｹﾞﾝｺｳｼｬ</v>
          </cell>
          <cell r="C975" t="str">
            <v>（財）札幌市下水道資源公社</v>
          </cell>
          <cell r="D975" t="str">
            <v>福迫 尚一郎</v>
          </cell>
          <cell r="E975" t="str">
            <v>理事長</v>
          </cell>
          <cell r="F975" t="str">
            <v>062-0906</v>
          </cell>
          <cell r="G975" t="str">
            <v>豊平区豊平６－３－２－１</v>
          </cell>
          <cell r="H975" t="str">
            <v>818-3670</v>
          </cell>
          <cell r="I975" t="str">
            <v>818-3683</v>
          </cell>
        </row>
        <row r="976">
          <cell r="A976" t="str">
            <v>15398N</v>
          </cell>
          <cell r="B976" t="str">
            <v>ｻﾝｷｮｳﾃﾞﾝｷ</v>
          </cell>
          <cell r="C976" t="str">
            <v>三共電気（株）北海道支店</v>
          </cell>
          <cell r="D976" t="str">
            <v>斉藤 光彦</v>
          </cell>
          <cell r="E976" t="str">
            <v>支店長</v>
          </cell>
          <cell r="F976" t="str">
            <v>007-0870</v>
          </cell>
          <cell r="G976" t="str">
            <v>東区伏古１０－４－１－４</v>
          </cell>
          <cell r="H976" t="str">
            <v>786-5211</v>
          </cell>
          <cell r="I976" t="str">
            <v>786-5216</v>
          </cell>
        </row>
        <row r="977">
          <cell r="A977" t="str">
            <v>15403Y</v>
          </cell>
          <cell r="B977" t="str">
            <v>ｻｯﾎﾟﾛｻﾝｷﾞｮｳ</v>
          </cell>
          <cell r="C977" t="str">
            <v>（有）札幌産業</v>
          </cell>
          <cell r="D977" t="str">
            <v>伊藤 弘行</v>
          </cell>
          <cell r="E977" t="str">
            <v>代表取締役</v>
          </cell>
          <cell r="F977" t="str">
            <v>001-0923</v>
          </cell>
          <cell r="G977" t="str">
            <v>北区新川３－１６－５－３</v>
          </cell>
          <cell r="H977" t="str">
            <v>761-8183</v>
          </cell>
          <cell r="I977" t="str">
            <v>761-8183</v>
          </cell>
        </row>
        <row r="978">
          <cell r="A978" t="str">
            <v>15414V</v>
          </cell>
          <cell r="B978" t="str">
            <v>ｻｯﾎﾟﾛｼﾝｸﾞ</v>
          </cell>
          <cell r="C978" t="str">
            <v>（有）札幌寝具</v>
          </cell>
          <cell r="D978" t="str">
            <v>鷺阪 豊司</v>
          </cell>
          <cell r="E978" t="str">
            <v>代表取締役</v>
          </cell>
          <cell r="F978" t="str">
            <v>062-0935</v>
          </cell>
          <cell r="G978" t="str">
            <v>豊平区平岸５－１０－５－１</v>
          </cell>
          <cell r="H978" t="str">
            <v>842-3655</v>
          </cell>
          <cell r="I978" t="str">
            <v>832-1047</v>
          </cell>
        </row>
        <row r="979">
          <cell r="A979" t="str">
            <v>15419T</v>
          </cell>
          <cell r="B979" t="str">
            <v>ｻｯﾎﾟﾛﾄｳｹﾞｲ</v>
          </cell>
          <cell r="C979" t="str">
            <v>（有）札幌陶芸</v>
          </cell>
          <cell r="D979" t="str">
            <v>中村 紀意子</v>
          </cell>
          <cell r="E979" t="str">
            <v>取締役</v>
          </cell>
          <cell r="F979" t="str">
            <v>003-0021</v>
          </cell>
          <cell r="G979" t="str">
            <v>白石区栄通１５－８－３８</v>
          </cell>
          <cell r="H979" t="str">
            <v>852-2595</v>
          </cell>
          <cell r="I979" t="str">
            <v>852-8771</v>
          </cell>
        </row>
        <row r="980">
          <cell r="A980" t="str">
            <v>15422Y</v>
          </cell>
          <cell r="B980" t="str">
            <v>ｻﾝﾋﾞｰﾑ</v>
          </cell>
          <cell r="C980" t="str">
            <v>サンビーム（株）</v>
          </cell>
          <cell r="D980" t="str">
            <v>南部谷 正明</v>
          </cell>
          <cell r="E980" t="str">
            <v>代表取締役</v>
          </cell>
          <cell r="F980" t="str">
            <v>060-0062</v>
          </cell>
          <cell r="G980" t="str">
            <v>中央区南２西７－８－２</v>
          </cell>
          <cell r="H980" t="str">
            <v>271-2024</v>
          </cell>
          <cell r="I980" t="str">
            <v>261-6923</v>
          </cell>
        </row>
        <row r="981">
          <cell r="A981" t="str">
            <v>15423W</v>
          </cell>
          <cell r="B981" t="str">
            <v>ｻﾝﾀｶﾁﾎ</v>
          </cell>
          <cell r="C981" t="str">
            <v>（株）サン高千穂</v>
          </cell>
          <cell r="D981" t="str">
            <v>安田 勝雄</v>
          </cell>
          <cell r="E981" t="str">
            <v>代表取締役</v>
          </cell>
          <cell r="F981" t="str">
            <v>003-0027</v>
          </cell>
          <cell r="G981" t="str">
            <v>白石区本通１６北１－２０</v>
          </cell>
          <cell r="H981" t="str">
            <v>865-2344</v>
          </cell>
          <cell r="I981" t="str">
            <v>865-4450</v>
          </cell>
        </row>
        <row r="982">
          <cell r="A982" t="str">
            <v>15427X</v>
          </cell>
          <cell r="B982" t="str">
            <v>ｻﾝｷｮｳﾗﾎﾞｻｰﾋﾞｽ</v>
          </cell>
          <cell r="C982" t="str">
            <v>三協ラボサービス（株）札幌営業所</v>
          </cell>
          <cell r="D982" t="str">
            <v>椎橋 明広</v>
          </cell>
          <cell r="E982" t="str">
            <v>代表取締役</v>
          </cell>
          <cell r="F982" t="str">
            <v>004-0802</v>
          </cell>
          <cell r="G982" t="str">
            <v>清田区里塚２－４－９－１２</v>
          </cell>
          <cell r="H982" t="str">
            <v>881-9131</v>
          </cell>
          <cell r="I982" t="str">
            <v>883-1176</v>
          </cell>
        </row>
        <row r="983">
          <cell r="A983" t="str">
            <v>15431Z</v>
          </cell>
          <cell r="B983" t="str">
            <v>ｻﾝｷｲﾝｻﾂ</v>
          </cell>
          <cell r="C983" t="str">
            <v>三基印刷（株）</v>
          </cell>
          <cell r="D983" t="str">
            <v>川崎 京子</v>
          </cell>
          <cell r="E983" t="str">
            <v>代表取締役</v>
          </cell>
          <cell r="F983" t="str">
            <v>065-0012</v>
          </cell>
          <cell r="G983" t="str">
            <v>東区北１２東５－２２３－６９</v>
          </cell>
          <cell r="H983" t="str">
            <v>711-2800</v>
          </cell>
          <cell r="I983" t="str">
            <v>711-2802</v>
          </cell>
        </row>
        <row r="984">
          <cell r="A984" t="str">
            <v>15438T</v>
          </cell>
          <cell r="B984" t="str">
            <v>ｻｯﾎﾟﾛﾏｲｸﾛ</v>
          </cell>
          <cell r="C984" t="str">
            <v>（株）サッポロマイクロ</v>
          </cell>
          <cell r="D984" t="str">
            <v>服部 正</v>
          </cell>
          <cell r="E984" t="str">
            <v>代表取締役</v>
          </cell>
          <cell r="F984" t="str">
            <v>062-0905</v>
          </cell>
          <cell r="G984" t="str">
            <v>豊平区豊平５－５－１８</v>
          </cell>
          <cell r="H984" t="str">
            <v>823-8182</v>
          </cell>
          <cell r="I984" t="str">
            <v>823-8476</v>
          </cell>
        </row>
        <row r="985">
          <cell r="A985" t="str">
            <v>15439R</v>
          </cell>
          <cell r="B985" t="str">
            <v>ｻｯﾎﾟﾛｵﾌｨｽﾊﾝﾊﾞｲ</v>
          </cell>
          <cell r="C985" t="str">
            <v>（株）札幌オフィス販売</v>
          </cell>
          <cell r="D985" t="str">
            <v>岡久 伸一</v>
          </cell>
          <cell r="E985" t="str">
            <v>代表取締役</v>
          </cell>
          <cell r="F985" t="str">
            <v>007-0804</v>
          </cell>
          <cell r="G985" t="str">
            <v>東区東苗穂４－１－１８－２８</v>
          </cell>
          <cell r="H985" t="str">
            <v>783-3013</v>
          </cell>
          <cell r="I985" t="str">
            <v>782-3995</v>
          </cell>
        </row>
        <row r="986">
          <cell r="A986" t="str">
            <v>15442W</v>
          </cell>
          <cell r="B986" t="str">
            <v>ｻｯﾎﾟﾛﾊﾝｷ</v>
          </cell>
          <cell r="C986" t="str">
            <v>（株）札幌汎機</v>
          </cell>
          <cell r="D986" t="str">
            <v>佐藤 健治</v>
          </cell>
          <cell r="E986" t="str">
            <v>代表取締役</v>
          </cell>
          <cell r="F986" t="str">
            <v>003-0802</v>
          </cell>
          <cell r="G986" t="str">
            <v>白石区菊水２－３－１－２１ﾒﾓﾘｱﾙﾊﾟｰｸ札幌３階</v>
          </cell>
          <cell r="H986" t="str">
            <v>821-4601</v>
          </cell>
          <cell r="I986" t="str">
            <v>821-4615</v>
          </cell>
        </row>
        <row r="987">
          <cell r="A987" t="str">
            <v>15446X</v>
          </cell>
          <cell r="B987" t="str">
            <v>ｻﾝﾄｸｺｳｸｳﾃﾞﾝｿｳ</v>
          </cell>
          <cell r="C987" t="str">
            <v>三徳航空電装（株）</v>
          </cell>
          <cell r="D987" t="str">
            <v>飛鳥井 宏全</v>
          </cell>
          <cell r="E987" t="str">
            <v>代表取締役</v>
          </cell>
          <cell r="F987" t="str">
            <v>144-0033</v>
          </cell>
          <cell r="G987" t="str">
            <v>東京都大田区東糀谷２－１４－５</v>
          </cell>
          <cell r="H987" t="str">
            <v>03-3745-7711</v>
          </cell>
          <cell r="I987" t="str">
            <v>03-3745-0151</v>
          </cell>
        </row>
        <row r="988">
          <cell r="A988" t="str">
            <v>15447V</v>
          </cell>
          <cell r="B988" t="str">
            <v>ｻﾝﾖｳｺｳﾊﾂ</v>
          </cell>
          <cell r="C988" t="str">
            <v>三陽興発（株）</v>
          </cell>
          <cell r="D988" t="str">
            <v>三上 勇吉</v>
          </cell>
          <cell r="E988" t="str">
            <v>代表取締役</v>
          </cell>
          <cell r="F988" t="str">
            <v>004-0055</v>
          </cell>
          <cell r="G988" t="str">
            <v>厚別区厚別中央５－１－４－３１</v>
          </cell>
          <cell r="H988" t="str">
            <v>891-1128</v>
          </cell>
          <cell r="I988" t="str">
            <v>891-3446</v>
          </cell>
        </row>
        <row r="989">
          <cell r="A989" t="str">
            <v>15448S</v>
          </cell>
          <cell r="B989" t="str">
            <v>ｱｸﾄ</v>
          </cell>
          <cell r="C989" t="str">
            <v>（株）アクト</v>
          </cell>
          <cell r="D989" t="str">
            <v>菅野 政己</v>
          </cell>
          <cell r="E989" t="str">
            <v>代表取締役</v>
          </cell>
          <cell r="F989" t="str">
            <v>002-8005</v>
          </cell>
          <cell r="G989" t="str">
            <v>北区太平５－６－１－１</v>
          </cell>
          <cell r="H989" t="str">
            <v>775-3511</v>
          </cell>
          <cell r="I989" t="str">
            <v>775-3510</v>
          </cell>
        </row>
        <row r="990">
          <cell r="A990" t="str">
            <v>15457T</v>
          </cell>
          <cell r="B990" t="str">
            <v>ｻﾝｹﾐ</v>
          </cell>
          <cell r="C990" t="str">
            <v>（株）サンケミ</v>
          </cell>
          <cell r="D990" t="str">
            <v>佐々木 定光</v>
          </cell>
          <cell r="E990" t="str">
            <v>代表取締役</v>
          </cell>
          <cell r="F990" t="str">
            <v>003-0804</v>
          </cell>
          <cell r="G990" t="str">
            <v>白石区菊水４－３－２－４０</v>
          </cell>
          <cell r="H990" t="str">
            <v>815-8088</v>
          </cell>
          <cell r="I990" t="str">
            <v>815-8077</v>
          </cell>
        </row>
        <row r="991">
          <cell r="A991" t="str">
            <v>15458R</v>
          </cell>
          <cell r="B991" t="str">
            <v>ｻﾝﾖｳﾃﾞﾝｷ</v>
          </cell>
          <cell r="C991" t="str">
            <v>三洋電機（株）</v>
          </cell>
          <cell r="D991" t="str">
            <v>桑野 幸徳</v>
          </cell>
          <cell r="E991" t="str">
            <v>取締役社長</v>
          </cell>
          <cell r="F991" t="str">
            <v>570-8677</v>
          </cell>
          <cell r="G991" t="str">
            <v>大阪府守口市京阪本通２－５－５</v>
          </cell>
          <cell r="H991" t="str">
            <v>06-6991-1181</v>
          </cell>
          <cell r="I991" t="str">
            <v>06-6994-3784</v>
          </cell>
        </row>
        <row r="992">
          <cell r="A992" t="str">
            <v>15459N</v>
          </cell>
          <cell r="B992" t="str">
            <v>ｻｯﾎﾟﾛﾋｶﾞｼﾁｬｲﾙﾄﾞｼｬ</v>
          </cell>
          <cell r="C992" t="str">
            <v>（有）札幌東チャイルド社</v>
          </cell>
          <cell r="D992" t="str">
            <v>茶畑 浩</v>
          </cell>
          <cell r="E992" t="str">
            <v>代表取締役</v>
          </cell>
          <cell r="F992" t="str">
            <v>067-0023</v>
          </cell>
          <cell r="G992" t="str">
            <v>江別市東光町９８</v>
          </cell>
          <cell r="H992" t="str">
            <v>385-4378</v>
          </cell>
          <cell r="I992" t="str">
            <v>385-4378</v>
          </cell>
        </row>
        <row r="993">
          <cell r="A993" t="str">
            <v>15465X</v>
          </cell>
          <cell r="B993" t="str">
            <v>ｻｯﾎﾟﾛｷﾀﾁｬｲﾙﾄﾞｼｬ</v>
          </cell>
          <cell r="C993" t="str">
            <v>（有）札幌北チャイルド社</v>
          </cell>
          <cell r="D993" t="str">
            <v>川越 滋仁</v>
          </cell>
          <cell r="E993" t="str">
            <v>代表取締役</v>
          </cell>
          <cell r="F993" t="str">
            <v>006-0820</v>
          </cell>
          <cell r="G993" t="str">
            <v>手稲区前田１０－２０－６－７</v>
          </cell>
          <cell r="H993" t="str">
            <v>694-8820</v>
          </cell>
          <cell r="I993" t="str">
            <v>694-9899</v>
          </cell>
        </row>
        <row r="994">
          <cell r="A994" t="str">
            <v>15466V</v>
          </cell>
          <cell r="B994" t="str">
            <v>ﾎｯｶｲﾄﾞｳﾐﾂﾋﾞｼｼﾞﾄﾞｳｼｬﾌﾞﾋﾝﾊﾝﾊﾞｲ</v>
          </cell>
          <cell r="C994" t="str">
            <v>北海道三菱自動車部品販売（株）</v>
          </cell>
          <cell r="D994" t="str">
            <v>平塚 隆男</v>
          </cell>
          <cell r="E994" t="str">
            <v>代表取締役</v>
          </cell>
          <cell r="F994" t="str">
            <v>064-0810</v>
          </cell>
          <cell r="G994" t="str">
            <v>中央区南１０西１０－１－１０</v>
          </cell>
          <cell r="H994" t="str">
            <v>531-3101</v>
          </cell>
          <cell r="I994" t="str">
            <v>513-5643</v>
          </cell>
        </row>
        <row r="995">
          <cell r="A995" t="str">
            <v>15469Z</v>
          </cell>
          <cell r="B995" t="str">
            <v>ｻﾝﾖｳﾃﾞﾝｷｸﾚｼﾞｯﾄ</v>
          </cell>
          <cell r="C995" t="str">
            <v>三洋電機クレジット（株）北日本統括部 札幌営業部</v>
          </cell>
          <cell r="D995" t="str">
            <v>山脇 卓</v>
          </cell>
          <cell r="E995" t="str">
            <v>統括部長</v>
          </cell>
          <cell r="F995" t="str">
            <v>060-0031</v>
          </cell>
          <cell r="G995" t="str">
            <v>中央区北１東１－６ 住商ビル８Ｆ</v>
          </cell>
          <cell r="H995" t="str">
            <v>219-3490</v>
          </cell>
          <cell r="I995" t="str">
            <v>219-3439</v>
          </cell>
        </row>
        <row r="996">
          <cell r="A996" t="str">
            <v>15471V</v>
          </cell>
          <cell r="B996" t="str">
            <v>ｻｯﾎﾟﾛｼｺｳｴﾝﾘｮｯｶｷｮｳｶｲ</v>
          </cell>
          <cell r="C996" t="str">
            <v>（財）札幌市公園緑化協会</v>
          </cell>
          <cell r="D996" t="str">
            <v>福迫 尚一郎</v>
          </cell>
          <cell r="E996" t="str">
            <v>理事長</v>
          </cell>
          <cell r="F996" t="str">
            <v>060-0051</v>
          </cell>
          <cell r="G996" t="str">
            <v>中央区南１東２－１１－４</v>
          </cell>
          <cell r="H996" t="str">
            <v>211-2579</v>
          </cell>
          <cell r="I996" t="str">
            <v>211-2577</v>
          </cell>
        </row>
        <row r="997">
          <cell r="A997" t="str">
            <v>15472S</v>
          </cell>
          <cell r="B997" t="str">
            <v>ｻﾉﾔｽ･ﾋｼﾉﾒｲｼｮｳ</v>
          </cell>
          <cell r="C997" t="str">
            <v>（株）サノヤス・ヒシノ明昌東京支社</v>
          </cell>
          <cell r="D997" t="str">
            <v>中西 克誠</v>
          </cell>
          <cell r="E997" t="str">
            <v>副社長 東京支社長</v>
          </cell>
          <cell r="F997" t="str">
            <v>105-0001</v>
          </cell>
          <cell r="G997" t="str">
            <v>区東京都港区虎ノ門１－６－１２</v>
          </cell>
          <cell r="H997" t="str">
            <v>03-3595-0531</v>
          </cell>
          <cell r="I997" t="str">
            <v>03-3595-2587</v>
          </cell>
        </row>
        <row r="998">
          <cell r="A998" t="str">
            <v>15475W</v>
          </cell>
          <cell r="B998" t="str">
            <v>ｻｳﾝﾄﾞｲﾝｻｯﾎﾟﾛ</v>
          </cell>
          <cell r="C998" t="str">
            <v>（株）サウンドイン札幌</v>
          </cell>
          <cell r="D998" t="str">
            <v>山本 國義</v>
          </cell>
          <cell r="E998" t="str">
            <v>代表取締役</v>
          </cell>
          <cell r="F998" t="str">
            <v>063-0829</v>
          </cell>
          <cell r="G998" t="str">
            <v>西区発寒９－１３－１－３</v>
          </cell>
          <cell r="H998" t="str">
            <v>665-0001</v>
          </cell>
          <cell r="I998" t="str">
            <v>664-1641</v>
          </cell>
        </row>
        <row r="999">
          <cell r="A999" t="str">
            <v>15478N</v>
          </cell>
          <cell r="B999" t="str">
            <v>ｻｯﾎﾟﾛｾｲｷﾞｮｼｽﾃﾑ</v>
          </cell>
          <cell r="C999" t="str">
            <v>札幌制御システム（株）</v>
          </cell>
          <cell r="D999" t="str">
            <v>江端 和也</v>
          </cell>
          <cell r="E999" t="str">
            <v>代表取締役</v>
          </cell>
          <cell r="F999" t="str">
            <v>002-8081</v>
          </cell>
          <cell r="G999" t="str">
            <v>北区百合が原７－１－２０</v>
          </cell>
          <cell r="H999" t="str">
            <v>775-2188</v>
          </cell>
          <cell r="I999" t="str">
            <v>775-2166</v>
          </cell>
        </row>
        <row r="1000">
          <cell r="A1000" t="str">
            <v>15480W</v>
          </cell>
          <cell r="B1000" t="str">
            <v>ｻｯﾎﾟﾛｴﾄｽ</v>
          </cell>
          <cell r="C1000" t="str">
            <v>（株）サッポロエトス</v>
          </cell>
          <cell r="D1000" t="str">
            <v>髙垣 峰男</v>
          </cell>
          <cell r="E1000" t="str">
            <v>代表取締役</v>
          </cell>
          <cell r="F1000" t="str">
            <v>060-0906</v>
          </cell>
          <cell r="G1000" t="str">
            <v>東区北６東２－３－１</v>
          </cell>
          <cell r="H1000" t="str">
            <v>748-7288</v>
          </cell>
          <cell r="I1000" t="str">
            <v>748-7388</v>
          </cell>
        </row>
        <row r="1001">
          <cell r="A1001" t="str">
            <v>15481T</v>
          </cell>
          <cell r="B1001" t="str">
            <v>ﾕｰｴﾌｼﾞｪｲｿｳｺﾞｳｹﾝｷｭｳｼﾞｮ</v>
          </cell>
          <cell r="C1001" t="str">
            <v>（株）ユーエフジェイ総合研究所</v>
          </cell>
          <cell r="D1001" t="str">
            <v>元田 充隆</v>
          </cell>
          <cell r="E1001" t="str">
            <v>取締役社長</v>
          </cell>
          <cell r="F1001" t="str">
            <v>105-0004</v>
          </cell>
          <cell r="G1001" t="str">
            <v>東京都港区新橋１－１１－７</v>
          </cell>
          <cell r="H1001" t="str">
            <v>03-3572-9024</v>
          </cell>
          <cell r="I1001" t="str">
            <v>03-5568-4676</v>
          </cell>
        </row>
        <row r="1002">
          <cell r="A1002" t="str">
            <v>15483N</v>
          </cell>
          <cell r="B1002" t="str">
            <v>ｻﾂｴｲｶﾝｷ</v>
          </cell>
          <cell r="C1002" t="str">
            <v>（株）札栄管機</v>
          </cell>
          <cell r="D1002" t="str">
            <v>南出 重樹</v>
          </cell>
          <cell r="E1002" t="str">
            <v>代表取締役</v>
          </cell>
          <cell r="F1002" t="str">
            <v>003-0028</v>
          </cell>
          <cell r="G1002" t="str">
            <v>白石区平和通２南２－１</v>
          </cell>
          <cell r="H1002" t="str">
            <v>863-4314</v>
          </cell>
          <cell r="I1002" t="str">
            <v>863-4324</v>
          </cell>
        </row>
        <row r="1003">
          <cell r="A1003" t="str">
            <v>15484Y</v>
          </cell>
          <cell r="B1003" t="str">
            <v>ｻﾝｼﾞｮｳ</v>
          </cell>
          <cell r="C1003" t="str">
            <v>（株）三城</v>
          </cell>
          <cell r="D1003" t="str">
            <v>小川 義勝</v>
          </cell>
          <cell r="E1003" t="str">
            <v>代表取締役</v>
          </cell>
          <cell r="F1003" t="str">
            <v>060-0052</v>
          </cell>
          <cell r="G1003" t="str">
            <v>中央区南２東３－１０</v>
          </cell>
          <cell r="H1003" t="str">
            <v>271-9311</v>
          </cell>
          <cell r="I1003" t="str">
            <v>271-9327</v>
          </cell>
        </row>
        <row r="1004">
          <cell r="A1004" t="str">
            <v>15486S</v>
          </cell>
          <cell r="B1004" t="str">
            <v>ｻｯﾎﾟﾛｼﾝｺｳｺｳｼｬ</v>
          </cell>
          <cell r="C1004" t="str">
            <v>（株）札幌振興公社</v>
          </cell>
          <cell r="D1004" t="str">
            <v>星野 尚夫</v>
          </cell>
          <cell r="E1004" t="str">
            <v>代表取締役社長</v>
          </cell>
          <cell r="F1004" t="str">
            <v>060-0012</v>
          </cell>
          <cell r="G1004" t="str">
            <v>中央区北１２西２３－５</v>
          </cell>
          <cell r="H1004" t="str">
            <v>616-1601</v>
          </cell>
          <cell r="I1004" t="str">
            <v>616-1602</v>
          </cell>
        </row>
        <row r="1005">
          <cell r="A1005" t="str">
            <v>15488Z</v>
          </cell>
          <cell r="B1005" t="str">
            <v>ｻﾝﾉｳｸﾞﾗﾌｨｯｸ</v>
          </cell>
          <cell r="C1005" t="str">
            <v>（有）山王グラフィック</v>
          </cell>
          <cell r="D1005" t="str">
            <v>山口 美憲</v>
          </cell>
          <cell r="E1005" t="str">
            <v>代表取締役</v>
          </cell>
          <cell r="F1005" t="str">
            <v>005-0804</v>
          </cell>
          <cell r="G1005" t="str">
            <v>南区川沿４－３－３－７</v>
          </cell>
          <cell r="H1005" t="str">
            <v>572-3215</v>
          </cell>
          <cell r="I1005" t="str">
            <v>572-9976</v>
          </cell>
        </row>
        <row r="1006">
          <cell r="A1006" t="str">
            <v>15490V</v>
          </cell>
          <cell r="B1006" t="str">
            <v>ｻｯﾎﾟﾛﾃﾚﾋﾞﾊｳｽ</v>
          </cell>
          <cell r="C1006" t="str">
            <v>（株）札幌テレビハウス</v>
          </cell>
          <cell r="D1006" t="str">
            <v>大上 四郎</v>
          </cell>
          <cell r="E1006" t="str">
            <v>代表取締役</v>
          </cell>
          <cell r="F1006" t="str">
            <v>064-0951</v>
          </cell>
          <cell r="G1006" t="str">
            <v>中央区宮の森１－１１－２</v>
          </cell>
          <cell r="H1006" t="str">
            <v>612-0505</v>
          </cell>
          <cell r="I1006" t="str">
            <v>612-2535</v>
          </cell>
        </row>
        <row r="1007">
          <cell r="A1007" t="str">
            <v>15491S</v>
          </cell>
          <cell r="B1007" t="str">
            <v>ｻｯｿﾝｼﾞﾄﾞｳｼｬｳﾝﾕ</v>
          </cell>
          <cell r="C1007" t="str">
            <v>札樽自動車運輸（株）</v>
          </cell>
          <cell r="D1007" t="str">
            <v>加藤 稔</v>
          </cell>
          <cell r="E1007" t="str">
            <v>代表取締役社長</v>
          </cell>
          <cell r="F1007" t="str">
            <v>060-0031</v>
          </cell>
          <cell r="G1007" t="str">
            <v>中央区北１東１５－１４０</v>
          </cell>
          <cell r="H1007" t="str">
            <v>231-5511</v>
          </cell>
          <cell r="I1007" t="str">
            <v>231-9830</v>
          </cell>
        </row>
        <row r="1008">
          <cell r="A1008" t="str">
            <v>15492P</v>
          </cell>
          <cell r="B1008" t="str">
            <v>ｻﾝﾌﾗﾜｰ</v>
          </cell>
          <cell r="C1008" t="str">
            <v>（株）サンフラワー</v>
          </cell>
          <cell r="D1008" t="str">
            <v>高橋 正一</v>
          </cell>
          <cell r="E1008" t="str">
            <v>代表取締役</v>
          </cell>
          <cell r="F1008" t="str">
            <v>060-0001</v>
          </cell>
          <cell r="G1008" t="str">
            <v>中央区北１西１０－１－２１ ユーネットビル</v>
          </cell>
          <cell r="H1008" t="str">
            <v>272-7771</v>
          </cell>
          <cell r="I1008" t="str">
            <v>272-0878</v>
          </cell>
        </row>
        <row r="1009">
          <cell r="A1009" t="str">
            <v>15493Z</v>
          </cell>
          <cell r="B1009" t="str">
            <v>ｻﾝ･ｾﾌﾞﾝ</v>
          </cell>
          <cell r="C1009" t="str">
            <v>（株）サン・セブン</v>
          </cell>
          <cell r="D1009" t="str">
            <v>橋本 民夫</v>
          </cell>
          <cell r="E1009" t="str">
            <v>代表取締役</v>
          </cell>
          <cell r="F1009" t="str">
            <v>060-0031</v>
          </cell>
          <cell r="G1009" t="str">
            <v>中央区北１東１３－１</v>
          </cell>
          <cell r="H1009" t="str">
            <v>222-3773</v>
          </cell>
          <cell r="I1009" t="str">
            <v>222-3773</v>
          </cell>
        </row>
        <row r="1010">
          <cell r="A1010" t="str">
            <v>15496R</v>
          </cell>
          <cell r="B1010" t="str">
            <v>ﾌﾛﾝﾃｨｱ･ｻｲｴﾝｽ</v>
          </cell>
          <cell r="C1010" t="str">
            <v>（株）フロンティア・サイエンス</v>
          </cell>
          <cell r="D1010" t="str">
            <v>北本 正男</v>
          </cell>
          <cell r="E1010" t="str">
            <v>代表取締役</v>
          </cell>
          <cell r="F1010" t="str">
            <v>061-3241</v>
          </cell>
          <cell r="G1010" t="str">
            <v>石狩市新港西１－７７７－１２</v>
          </cell>
          <cell r="H1010" t="str">
            <v>0133-73-9181</v>
          </cell>
          <cell r="I1010" t="str">
            <v>0133-73-6624</v>
          </cell>
        </row>
        <row r="1011">
          <cell r="A1011" t="str">
            <v>15498Y</v>
          </cell>
          <cell r="B1011" t="str">
            <v>ｻｯﾎﾟﾛﾋｶﾘﾉｸﾆ</v>
          </cell>
          <cell r="C1011" t="str">
            <v>（有）札幌ひかりのくに</v>
          </cell>
          <cell r="D1011" t="str">
            <v>佐伯 昌夫</v>
          </cell>
          <cell r="E1011" t="str">
            <v>取締役</v>
          </cell>
          <cell r="F1011" t="str">
            <v>003-0804</v>
          </cell>
          <cell r="G1011" t="str">
            <v>白石区菊水４－３－２－３１</v>
          </cell>
          <cell r="H1011" t="str">
            <v>821-7146</v>
          </cell>
          <cell r="I1011" t="str">
            <v>821-7344</v>
          </cell>
        </row>
        <row r="1012">
          <cell r="A1012" t="str">
            <v>15499W</v>
          </cell>
          <cell r="B1012" t="str">
            <v>ｲﾄｳﾁｭｳｴﾈｸｽﾎｰﾑﾗｲﾌﾎｯｶｲﾄﾞｳ</v>
          </cell>
          <cell r="C1012" t="str">
            <v>伊藤忠エネクスホームライフ北海道（株）</v>
          </cell>
          <cell r="D1012" t="str">
            <v>小川 常司</v>
          </cell>
          <cell r="E1012" t="str">
            <v>代表取締役</v>
          </cell>
          <cell r="F1012" t="str">
            <v>003-0027</v>
          </cell>
          <cell r="G1012" t="str">
            <v>白石区本通１９北１－５８</v>
          </cell>
          <cell r="H1012" t="str">
            <v>864-2060</v>
          </cell>
          <cell r="I1012" t="str">
            <v>865-0254</v>
          </cell>
        </row>
        <row r="1013">
          <cell r="A1013" t="str">
            <v>15500P</v>
          </cell>
          <cell r="B1013" t="str">
            <v>ｻﾝ･ｽﾀｯﾌ</v>
          </cell>
          <cell r="C1013" t="str">
            <v>（株）サン・スタッフ</v>
          </cell>
          <cell r="D1013" t="str">
            <v>神野 詔司</v>
          </cell>
          <cell r="E1013" t="str">
            <v>代表取締役</v>
          </cell>
          <cell r="F1013" t="str">
            <v>062-0934</v>
          </cell>
          <cell r="G1013" t="str">
            <v>豊平区平岸４－１０－５－１</v>
          </cell>
          <cell r="H1013" t="str">
            <v>823-5548</v>
          </cell>
          <cell r="I1013" t="str">
            <v>832-0280</v>
          </cell>
        </row>
        <row r="1014">
          <cell r="A1014" t="str">
            <v>15501Z</v>
          </cell>
          <cell r="B1014" t="str">
            <v>ｻｯﾎﾟﾛﾒﾃﾞｨｶﾙｺｰﾎﾟﾚｰｼｮﾝ</v>
          </cell>
          <cell r="C1014" t="str">
            <v>（株）札幌メディカルコーポレーション</v>
          </cell>
          <cell r="D1014" t="str">
            <v>穴田 毅</v>
          </cell>
          <cell r="E1014" t="str">
            <v>代表取締役</v>
          </cell>
          <cell r="F1014" t="str">
            <v>003-0027</v>
          </cell>
          <cell r="G1014" t="str">
            <v>白石区本通３北６－１８</v>
          </cell>
          <cell r="H1014" t="str">
            <v>862-4061</v>
          </cell>
          <cell r="I1014" t="str">
            <v>862-4064</v>
          </cell>
        </row>
        <row r="1015">
          <cell r="A1015" t="str">
            <v>15506Y</v>
          </cell>
          <cell r="B1015" t="str">
            <v>ｻｯﾎﾟﾛｻﾝｼﾞｮｳｾｲｶ</v>
          </cell>
          <cell r="C1015" t="str">
            <v>札幌三条青果（株）</v>
          </cell>
          <cell r="D1015" t="str">
            <v>青山 伸樹</v>
          </cell>
          <cell r="E1015" t="str">
            <v>代表取締役</v>
          </cell>
          <cell r="F1015" t="str">
            <v>007-0842</v>
          </cell>
          <cell r="G1015" t="str">
            <v>東区北４２東３－１－１４</v>
          </cell>
          <cell r="H1015" t="str">
            <v>742-7842</v>
          </cell>
          <cell r="I1015" t="str">
            <v>751-4351</v>
          </cell>
        </row>
        <row r="1016">
          <cell r="A1016" t="str">
            <v>15508T</v>
          </cell>
          <cell r="B1016" t="str">
            <v>ｻﾝｹｲｱｲ</v>
          </cell>
          <cell r="C1016" t="str">
            <v>（株）サンケイアイ北海道支社</v>
          </cell>
          <cell r="D1016" t="str">
            <v>上山 隆三</v>
          </cell>
          <cell r="E1016" t="str">
            <v>支社長</v>
          </cell>
          <cell r="F1016" t="str">
            <v>060-0808</v>
          </cell>
          <cell r="G1016" t="str">
            <v>北区北８西４－１－１</v>
          </cell>
          <cell r="H1016" t="str">
            <v>728-2611</v>
          </cell>
          <cell r="I1016" t="str">
            <v>708-5622</v>
          </cell>
        </row>
        <row r="1017">
          <cell r="A1017" t="str">
            <v>15509R</v>
          </cell>
          <cell r="B1017" t="str">
            <v>ｻｯﾎﾟﾛﾄﾞｼｬﾕｿｳｼﾞｷﾞｮｳ</v>
          </cell>
          <cell r="C1017" t="str">
            <v>札幌土砂輸送事業（協）</v>
          </cell>
          <cell r="D1017" t="str">
            <v>久保 正美</v>
          </cell>
          <cell r="E1017" t="str">
            <v>代表理事</v>
          </cell>
          <cell r="F1017" t="str">
            <v>064-0810</v>
          </cell>
          <cell r="G1017" t="str">
            <v>中央区南１０西１－１－１</v>
          </cell>
          <cell r="H1017" t="str">
            <v>511-2558</v>
          </cell>
          <cell r="I1017" t="str">
            <v>531-4435</v>
          </cell>
        </row>
        <row r="1018">
          <cell r="A1018" t="str">
            <v>15510N</v>
          </cell>
          <cell r="B1018" t="str">
            <v>ｻｯﾎﾟﾛｶﾝﾘｻｲｸﾙ</v>
          </cell>
          <cell r="C1018" t="str">
            <v>（株）札幌カンリサイクル</v>
          </cell>
          <cell r="D1018" t="str">
            <v>橋本 晃一</v>
          </cell>
          <cell r="E1018" t="str">
            <v>代表取締役</v>
          </cell>
          <cell r="F1018" t="str">
            <v>003-0001</v>
          </cell>
          <cell r="G1018" t="str">
            <v>白石区東札幌１－４－１－４３</v>
          </cell>
          <cell r="H1018" t="str">
            <v>820-2752</v>
          </cell>
          <cell r="I1018" t="str">
            <v>820-2836</v>
          </cell>
        </row>
        <row r="1019">
          <cell r="A1019" t="str">
            <v>15511Y</v>
          </cell>
          <cell r="B1019" t="str">
            <v>ｻﾄｳﾃﾞﾝｷｶﾝﾘｼﾞﾑｼｮ</v>
          </cell>
          <cell r="C1019" t="str">
            <v>佐藤電気管理事務所</v>
          </cell>
          <cell r="D1019" t="str">
            <v>佐藤 実</v>
          </cell>
          <cell r="E1019" t="str">
            <v>代表者</v>
          </cell>
          <cell r="F1019" t="str">
            <v>006-0804</v>
          </cell>
          <cell r="G1019" t="str">
            <v>手稲区新発寒４－５－５－３</v>
          </cell>
          <cell r="H1019" t="str">
            <v>683-8346</v>
          </cell>
          <cell r="I1019" t="str">
            <v>683-8346</v>
          </cell>
        </row>
        <row r="1020">
          <cell r="A1020" t="str">
            <v>15512W</v>
          </cell>
          <cell r="B1020" t="str">
            <v>ｻｯﾎﾟﾛｽｷｯﾄﾞ</v>
          </cell>
          <cell r="C1020" t="str">
            <v>（株）サッポロスキッド</v>
          </cell>
          <cell r="D1020" t="str">
            <v>石崎 政憲</v>
          </cell>
          <cell r="E1020" t="str">
            <v>代表取締役</v>
          </cell>
          <cell r="F1020" t="str">
            <v>005-0003</v>
          </cell>
          <cell r="G1020" t="str">
            <v>南区澄川３－５－２－５</v>
          </cell>
          <cell r="H1020" t="str">
            <v>842-2730</v>
          </cell>
          <cell r="I1020" t="str">
            <v>812-6190</v>
          </cell>
        </row>
        <row r="1021">
          <cell r="A1021" t="str">
            <v>15513T</v>
          </cell>
          <cell r="B1021" t="str">
            <v>ｻﾝｴｲｼｬｾｲｻｸｼｮ</v>
          </cell>
          <cell r="C1021" t="str">
            <v>（株）三英社製作所北海道支社</v>
          </cell>
          <cell r="D1021" t="str">
            <v>戸井田 弘</v>
          </cell>
          <cell r="E1021" t="str">
            <v>取締役支社長</v>
          </cell>
          <cell r="F1021" t="str">
            <v>061-1405</v>
          </cell>
          <cell r="G1021" t="str">
            <v>区恵庭市戸磯５７３－１４</v>
          </cell>
          <cell r="H1021" t="str">
            <v>0123-34-3553</v>
          </cell>
          <cell r="I1021" t="str">
            <v>0123-39-2123</v>
          </cell>
        </row>
        <row r="1022">
          <cell r="A1022" t="str">
            <v>15514R</v>
          </cell>
          <cell r="B1022" t="str">
            <v>ｻｯﾎﾟﾛｸﾘｰﾝｴｲﾄﾞ</v>
          </cell>
          <cell r="C1022" t="str">
            <v>（有）札幌クリーンエイド</v>
          </cell>
          <cell r="D1022" t="str">
            <v>高木 英夫</v>
          </cell>
          <cell r="E1022" t="str">
            <v>代表取締役</v>
          </cell>
          <cell r="F1022" t="str">
            <v>006-0813</v>
          </cell>
          <cell r="G1022" t="str">
            <v>手稲区前田３－９－５－２</v>
          </cell>
          <cell r="H1022" t="str">
            <v>682-1829</v>
          </cell>
          <cell r="I1022" t="str">
            <v>682-1829</v>
          </cell>
        </row>
        <row r="1023">
          <cell r="A1023" t="str">
            <v>15519P</v>
          </cell>
          <cell r="B1023" t="str">
            <v>ｻｶﾞﾜｷｭｳﾋﾞﾝ</v>
          </cell>
          <cell r="C1023" t="str">
            <v>佐川急便（株） 北海道支社</v>
          </cell>
          <cell r="D1023" t="str">
            <v>大原 雅樹</v>
          </cell>
          <cell r="E1023" t="str">
            <v>執行役員支社長</v>
          </cell>
          <cell r="F1023" t="str">
            <v>003-0027</v>
          </cell>
          <cell r="G1023" t="str">
            <v>白石区本通１８北４－１</v>
          </cell>
          <cell r="H1023" t="str">
            <v>865-1828</v>
          </cell>
          <cell r="I1023" t="str">
            <v>865-3822</v>
          </cell>
        </row>
        <row r="1024">
          <cell r="A1024" t="str">
            <v>15520Z</v>
          </cell>
          <cell r="B1024" t="str">
            <v>ｻﾝｿﾞｳｶﾝｷｮｳｴﾝｼﾞﾆｱﾘﾝｸﾞ</v>
          </cell>
          <cell r="C1024" t="str">
            <v>三造環境エンジニアリング（株）</v>
          </cell>
          <cell r="D1024" t="str">
            <v>永田 義人</v>
          </cell>
          <cell r="E1024" t="str">
            <v>代表取締役</v>
          </cell>
          <cell r="F1024" t="str">
            <v>134-0088</v>
          </cell>
          <cell r="G1024" t="str">
            <v>東京都江戸川区西葛西８－４－６</v>
          </cell>
          <cell r="H1024" t="str">
            <v>03-3675-2089</v>
          </cell>
          <cell r="I1024" t="str">
            <v>03-3675-2504</v>
          </cell>
        </row>
        <row r="1025">
          <cell r="A1025" t="str">
            <v>15524P</v>
          </cell>
          <cell r="B1025" t="str">
            <v>ｻﾝｷｮｳﾌﾛﾝﾃｱ</v>
          </cell>
          <cell r="C1025" t="str">
            <v>三協フロンテア（株）札幌支店</v>
          </cell>
          <cell r="D1025" t="str">
            <v>高橋 祐二</v>
          </cell>
          <cell r="E1025" t="str">
            <v>支店長</v>
          </cell>
          <cell r="F1025" t="str">
            <v>060-0041</v>
          </cell>
          <cell r="G1025" t="str">
            <v>中央区大通東７－１２ ﾉｰｽｼﾃｨﾃｸﾉﾋﾞﾙ５階</v>
          </cell>
          <cell r="H1025" t="str">
            <v>219-3131</v>
          </cell>
          <cell r="I1025" t="str">
            <v>219-3134</v>
          </cell>
        </row>
        <row r="1026">
          <cell r="A1026" t="str">
            <v>15527T</v>
          </cell>
          <cell r="B1026" t="str">
            <v>ｻﾝｷｶﾝｷｮｳｻｰﾋﾞｽ</v>
          </cell>
          <cell r="C1026" t="str">
            <v>三機環境サービス（株）北海道営業所</v>
          </cell>
          <cell r="D1026" t="str">
            <v>榊原 正良</v>
          </cell>
          <cell r="E1026" t="str">
            <v>所長</v>
          </cell>
          <cell r="F1026" t="str">
            <v>060-0003</v>
          </cell>
          <cell r="G1026" t="str">
            <v>中央区北３西４－１</v>
          </cell>
          <cell r="H1026" t="str">
            <v>261-3220</v>
          </cell>
          <cell r="I1026" t="str">
            <v>241-5494</v>
          </cell>
        </row>
        <row r="1027">
          <cell r="A1027" t="str">
            <v>15529N</v>
          </cell>
          <cell r="B1027" t="str">
            <v>ｻｯﾎﾟﾛﾘｻｲｸﾙｺｳｼｬ</v>
          </cell>
          <cell r="C1027" t="str">
            <v>（株）札幌リサイクル公社</v>
          </cell>
          <cell r="D1027" t="str">
            <v>福迫 尚一郎</v>
          </cell>
          <cell r="E1027" t="str">
            <v>代表取締役社長</v>
          </cell>
          <cell r="F1027" t="str">
            <v>060-0052</v>
          </cell>
          <cell r="G1027" t="str">
            <v>中央区南２東１－１－１４</v>
          </cell>
          <cell r="H1027" t="str">
            <v>251-5300</v>
          </cell>
          <cell r="I1027" t="str">
            <v>232-1153</v>
          </cell>
        </row>
        <row r="1028">
          <cell r="A1028" t="str">
            <v>15530Y</v>
          </cell>
          <cell r="B1028" t="str">
            <v>ｻﾝｱﾒﾆﾃｨ</v>
          </cell>
          <cell r="C1028" t="str">
            <v>（株）サンアメニティ北海道支社</v>
          </cell>
          <cell r="D1028" t="str">
            <v>長谷川 毅</v>
          </cell>
          <cell r="E1028" t="str">
            <v>取締役支社長</v>
          </cell>
          <cell r="F1028" t="str">
            <v>003-0834</v>
          </cell>
          <cell r="G1028" t="str">
            <v>白石区北郷４－１２－１６－２２</v>
          </cell>
          <cell r="H1028" t="str">
            <v>876-3577</v>
          </cell>
          <cell r="I1028" t="str">
            <v>876-3588</v>
          </cell>
        </row>
        <row r="1029">
          <cell r="A1029" t="str">
            <v>15532T</v>
          </cell>
          <cell r="B1029" t="str">
            <v>ｻｯﾎﾟﾛﾄﾖﾋﾗｼﾛｲｼｹﾝｾﾂ</v>
          </cell>
          <cell r="C1029" t="str">
            <v>札幌豊平白石建設（企組）</v>
          </cell>
          <cell r="D1029" t="str">
            <v>石川 正昭</v>
          </cell>
          <cell r="E1029" t="str">
            <v>代表理事</v>
          </cell>
          <cell r="F1029" t="str">
            <v>003-0002</v>
          </cell>
          <cell r="G1029" t="str">
            <v>白石区東札幌２－４－６－３１</v>
          </cell>
          <cell r="H1029" t="str">
            <v>821-1319</v>
          </cell>
          <cell r="I1029" t="str">
            <v>821-1319</v>
          </cell>
        </row>
        <row r="1030">
          <cell r="A1030" t="str">
            <v>15534N</v>
          </cell>
          <cell r="B1030" t="str">
            <v>ｻﾝｺｳ</v>
          </cell>
          <cell r="C1030" t="str">
            <v>三幸（株）北海道支店</v>
          </cell>
          <cell r="D1030" t="str">
            <v>金山 文義</v>
          </cell>
          <cell r="E1030" t="str">
            <v>支店長</v>
          </cell>
          <cell r="F1030" t="str">
            <v>060-0004</v>
          </cell>
          <cell r="G1030" t="str">
            <v>中央区北４西４－１ 第３加森ビル４Ｆ</v>
          </cell>
          <cell r="H1030" t="str">
            <v>261-8753</v>
          </cell>
          <cell r="I1030" t="str">
            <v>261-4780</v>
          </cell>
        </row>
        <row r="1031">
          <cell r="A1031" t="str">
            <v>15536V</v>
          </cell>
          <cell r="B1031" t="str">
            <v>ｻﾝﾖｰｵｰｴｰｻｯﾎﾟﾛ</v>
          </cell>
          <cell r="C1031" t="str">
            <v>（株）サンヨーオーエー札幌</v>
          </cell>
          <cell r="D1031" t="str">
            <v>對馬 康行</v>
          </cell>
          <cell r="E1031" t="str">
            <v>代表取締役</v>
          </cell>
          <cell r="F1031" t="str">
            <v>060-0042</v>
          </cell>
          <cell r="G1031" t="str">
            <v>中央区大通西１３－４－１０３</v>
          </cell>
          <cell r="H1031" t="str">
            <v>272-3414</v>
          </cell>
          <cell r="I1031" t="str">
            <v>272-3401</v>
          </cell>
        </row>
        <row r="1032">
          <cell r="A1032" t="str">
            <v>15537S</v>
          </cell>
          <cell r="B1032" t="str">
            <v>ｻｲﾜｲｼｮｳｼﾞ</v>
          </cell>
          <cell r="C1032" t="str">
            <v>幸商事（株）札幌支店</v>
          </cell>
          <cell r="D1032" t="str">
            <v>大竹 邦男</v>
          </cell>
          <cell r="E1032" t="str">
            <v>支店長</v>
          </cell>
          <cell r="F1032" t="str">
            <v>060-0001</v>
          </cell>
          <cell r="G1032" t="str">
            <v>中央区北１西３－３ 札幌住友信託ビル５</v>
          </cell>
          <cell r="H1032" t="str">
            <v>241-7031</v>
          </cell>
          <cell r="I1032" t="str">
            <v>241-4496</v>
          </cell>
        </row>
        <row r="1033">
          <cell r="A1033" t="str">
            <v>15538P</v>
          </cell>
          <cell r="B1033" t="str">
            <v>ｻｯﾎﾟﾛｼｽﾃﾑｲﾝｻﾂ</v>
          </cell>
          <cell r="C1033" t="str">
            <v>（有）札幌システム印刷</v>
          </cell>
          <cell r="D1033" t="str">
            <v>岩田 守二</v>
          </cell>
          <cell r="E1033" t="str">
            <v>代表取締役</v>
          </cell>
          <cell r="F1033" t="str">
            <v>064-0912</v>
          </cell>
          <cell r="G1033" t="str">
            <v>中央区南１２西８－１－５</v>
          </cell>
          <cell r="H1033" t="str">
            <v>521-0943</v>
          </cell>
          <cell r="I1033" t="str">
            <v>521-7421</v>
          </cell>
        </row>
        <row r="1034">
          <cell r="A1034" t="str">
            <v>15540X</v>
          </cell>
          <cell r="B1034" t="str">
            <v>ｻﾝｷｮｳﾒﾀｰﾚﾝ</v>
          </cell>
          <cell r="C1034" t="str">
            <v>（株）三共メターレン</v>
          </cell>
          <cell r="D1034" t="str">
            <v>佐久間 敏</v>
          </cell>
          <cell r="E1034" t="str">
            <v>代表取締役</v>
          </cell>
          <cell r="F1034" t="str">
            <v>065-0033</v>
          </cell>
          <cell r="G1034" t="str">
            <v>東区北３３東１８－１－９</v>
          </cell>
          <cell r="H1034" t="str">
            <v>782-7666</v>
          </cell>
          <cell r="I1034" t="str">
            <v>782-7677</v>
          </cell>
        </row>
        <row r="1035">
          <cell r="A1035" t="str">
            <v>15541V</v>
          </cell>
          <cell r="B1035" t="str">
            <v>ｻﾝﾖｳﾄﾚｰﾃﾞｨﾝｸﾞ</v>
          </cell>
          <cell r="C1035" t="str">
            <v>（株）三洋トレーディング</v>
          </cell>
          <cell r="D1035" t="str">
            <v>川上 正美</v>
          </cell>
          <cell r="E1035" t="str">
            <v>代表取締役</v>
          </cell>
          <cell r="F1035" t="str">
            <v>047-0008</v>
          </cell>
          <cell r="G1035" t="str">
            <v>小樽市築港８－４</v>
          </cell>
          <cell r="H1035" t="str">
            <v>0134-27-3410</v>
          </cell>
          <cell r="I1035" t="str">
            <v>0134-27-0711</v>
          </cell>
        </row>
        <row r="1036">
          <cell r="A1036" t="str">
            <v>15542S</v>
          </cell>
          <cell r="B1036" t="str">
            <v>ｻｶｴﾌｸｼﾏｻﾝｷﾞｮｳ</v>
          </cell>
          <cell r="C1036" t="str">
            <v>サカエ福島産業（株）</v>
          </cell>
          <cell r="D1036" t="str">
            <v>福島 栄次</v>
          </cell>
          <cell r="E1036" t="str">
            <v>代表取締役</v>
          </cell>
          <cell r="F1036" t="str">
            <v>003-0003</v>
          </cell>
          <cell r="G1036" t="str">
            <v>白石区東札幌３－３－７－２１</v>
          </cell>
          <cell r="H1036" t="str">
            <v>811-4652</v>
          </cell>
          <cell r="I1036" t="str">
            <v>842-3372</v>
          </cell>
        </row>
        <row r="1037">
          <cell r="A1037" t="str">
            <v>15544Z</v>
          </cell>
          <cell r="B1037" t="str">
            <v>ｻﾝｹﾝｺｳｷﾞｮｳ</v>
          </cell>
          <cell r="C1037" t="str">
            <v>三堅工業（株）</v>
          </cell>
          <cell r="D1037" t="str">
            <v>半澤 敬</v>
          </cell>
          <cell r="E1037" t="str">
            <v>代表取締役</v>
          </cell>
          <cell r="F1037" t="str">
            <v>006-0805</v>
          </cell>
          <cell r="G1037" t="str">
            <v>手稲区新発寒５－２－１－３</v>
          </cell>
          <cell r="H1037" t="str">
            <v>763-0452</v>
          </cell>
          <cell r="I1037" t="str">
            <v>763-0836</v>
          </cell>
        </row>
        <row r="1038">
          <cell r="A1038" t="str">
            <v>15546T</v>
          </cell>
          <cell r="B1038" t="str">
            <v>ｻｯﾎﾟﾛｼｭｳﾀﾞﾝｷｭｳｼｮｸｼﾞｷﾞｮｳ</v>
          </cell>
          <cell r="C1038" t="str">
            <v>札幌集団給食事業（協）</v>
          </cell>
          <cell r="D1038" t="str">
            <v>平井 英司</v>
          </cell>
          <cell r="E1038" t="str">
            <v>代表理事</v>
          </cell>
          <cell r="F1038" t="str">
            <v>003-0029</v>
          </cell>
          <cell r="G1038" t="str">
            <v>白石区平和通１７北１３－１５</v>
          </cell>
          <cell r="H1038" t="str">
            <v>846-6651</v>
          </cell>
          <cell r="I1038" t="str">
            <v>846-6652</v>
          </cell>
        </row>
        <row r="1039">
          <cell r="A1039" t="str">
            <v>15547R</v>
          </cell>
          <cell r="B1039" t="str">
            <v>ｻｸﾗｶﾞﾜﾎﾟﾝﾌﾟｾｲｻｸｼｮ</v>
          </cell>
          <cell r="C1039" t="str">
            <v>（株）桜川ポンプ製作所札幌営業所</v>
          </cell>
          <cell r="D1039" t="str">
            <v>堀江 篤彦</v>
          </cell>
          <cell r="E1039" t="str">
            <v>所長</v>
          </cell>
          <cell r="F1039" t="str">
            <v>065-0011</v>
          </cell>
          <cell r="G1039" t="str">
            <v>東区北１１東１７－１－２８</v>
          </cell>
          <cell r="H1039" t="str">
            <v>752-9630</v>
          </cell>
          <cell r="I1039" t="str">
            <v>752-9678</v>
          </cell>
        </row>
        <row r="1040">
          <cell r="A1040" t="str">
            <v>15548N</v>
          </cell>
          <cell r="B1040" t="str">
            <v>ｻﾝｾｲﾕｿｳｷ</v>
          </cell>
          <cell r="C1040" t="str">
            <v>三精輸送機（株）札幌営業所</v>
          </cell>
          <cell r="D1040" t="str">
            <v>石川 弘幸</v>
          </cell>
          <cell r="E1040" t="str">
            <v>所長</v>
          </cell>
          <cell r="F1040" t="str">
            <v>060-0001</v>
          </cell>
          <cell r="G1040" t="str">
            <v>中央区北１西７－１－１</v>
          </cell>
          <cell r="H1040" t="str">
            <v>251-3561</v>
          </cell>
          <cell r="I1040" t="str">
            <v>251-3562</v>
          </cell>
        </row>
        <row r="1041">
          <cell r="A1041" t="str">
            <v>15550W</v>
          </cell>
          <cell r="B1041" t="str">
            <v>ｻﾝ･ｶﾞｰﾃﾞﾝ</v>
          </cell>
          <cell r="C1041" t="str">
            <v>（株）サン・ガーデン</v>
          </cell>
          <cell r="D1041" t="str">
            <v>土谷 秀樹</v>
          </cell>
          <cell r="E1041" t="str">
            <v>代表取締役</v>
          </cell>
          <cell r="F1041" t="str">
            <v>061-1356</v>
          </cell>
          <cell r="G1041" t="str">
            <v>恵庭市西島松５６１－４</v>
          </cell>
          <cell r="H1041" t="str">
            <v>0123-36-8050</v>
          </cell>
          <cell r="I1041" t="str">
            <v>0123-36-8063</v>
          </cell>
        </row>
        <row r="1042">
          <cell r="A1042" t="str">
            <v>15551T</v>
          </cell>
          <cell r="B1042" t="str">
            <v>ｻｯﾎﾟﾛﾀﾞｲｻﾝｺﾄﾞﾓﾉﾄﾓｼｬ</v>
          </cell>
          <cell r="C1042" t="str">
            <v>（有）札幌第三こどものとも社</v>
          </cell>
          <cell r="D1042" t="str">
            <v>畑山 政雄</v>
          </cell>
          <cell r="E1042" t="str">
            <v>代表取締役</v>
          </cell>
          <cell r="F1042" t="str">
            <v>003-0828</v>
          </cell>
          <cell r="G1042" t="str">
            <v>白石区菊水元町８－３－４－１６</v>
          </cell>
          <cell r="H1042" t="str">
            <v>875-7175</v>
          </cell>
          <cell r="I1042" t="str">
            <v>875-7178</v>
          </cell>
        </row>
        <row r="1043">
          <cell r="A1043" t="str">
            <v>15553N</v>
          </cell>
          <cell r="B1043" t="str">
            <v>ｻｯﾎﾟﾛﾌﾞﾂﾘｭｳ</v>
          </cell>
          <cell r="C1043" t="str">
            <v>（株）札幌物流</v>
          </cell>
          <cell r="D1043" t="str">
            <v>森山 勝己</v>
          </cell>
          <cell r="E1043" t="str">
            <v>代表取締役</v>
          </cell>
          <cell r="F1043" t="str">
            <v>060-0054</v>
          </cell>
          <cell r="G1043" t="str">
            <v>中央区南４東１－５－２</v>
          </cell>
          <cell r="H1043" t="str">
            <v>233-0075</v>
          </cell>
          <cell r="I1043" t="str">
            <v>233-7521</v>
          </cell>
        </row>
        <row r="1044">
          <cell r="A1044" t="str">
            <v>15554Y</v>
          </cell>
          <cell r="B1044" t="str">
            <v>ｸﾗﾔｻﾝｾｲﾄﾞｳ</v>
          </cell>
          <cell r="C1044" t="str">
            <v>（株）クラヤ三星堂</v>
          </cell>
          <cell r="D1044" t="str">
            <v>渡辺 秀一</v>
          </cell>
          <cell r="E1044" t="str">
            <v>代表取締役社長</v>
          </cell>
          <cell r="F1044" t="str">
            <v>104-8464</v>
          </cell>
          <cell r="G1044" t="str">
            <v>東京都中央区八重洲２－７－１５</v>
          </cell>
          <cell r="H1044" t="str">
            <v>03-3517-5050</v>
          </cell>
          <cell r="I1044" t="str">
            <v>03-3517-5011</v>
          </cell>
        </row>
        <row r="1045">
          <cell r="A1045" t="str">
            <v>15557P</v>
          </cell>
          <cell r="B1045" t="str">
            <v>ｻﾝﾜｻｰﾋﾞｽ</v>
          </cell>
          <cell r="C1045" t="str">
            <v>三和サービス（株）</v>
          </cell>
          <cell r="D1045" t="str">
            <v>阿部 幸吉</v>
          </cell>
          <cell r="E1045" t="str">
            <v>代表取締役</v>
          </cell>
          <cell r="F1045" t="str">
            <v>063-0832</v>
          </cell>
          <cell r="G1045" t="str">
            <v>西区発寒１２－１２－１－５</v>
          </cell>
          <cell r="H1045" t="str">
            <v>665-1177</v>
          </cell>
          <cell r="I1045" t="str">
            <v>665-8484</v>
          </cell>
        </row>
        <row r="1046">
          <cell r="A1046" t="str">
            <v>15558Z</v>
          </cell>
          <cell r="B1046" t="str">
            <v>ｻﾆｰﾌﾟﾚｲｽ</v>
          </cell>
          <cell r="C1046" t="str">
            <v>（株）サニープレイス</v>
          </cell>
          <cell r="D1046" t="str">
            <v>笠原 信男</v>
          </cell>
          <cell r="E1046" t="str">
            <v>代表取締役</v>
          </cell>
          <cell r="F1046" t="str">
            <v>003-0834</v>
          </cell>
          <cell r="G1046" t="str">
            <v>白石区北郷４－１０－２－１４</v>
          </cell>
          <cell r="H1046" t="str">
            <v>875-5551</v>
          </cell>
          <cell r="I1046" t="str">
            <v>875-5552</v>
          </cell>
        </row>
        <row r="1047">
          <cell r="A1047" t="str">
            <v>15562P</v>
          </cell>
          <cell r="B1047" t="str">
            <v>ｻｯﾎﾟﾛﾌﾟﾘﾝﾄﾋﾟｱ</v>
          </cell>
          <cell r="C1047" t="str">
            <v>（協）札幌プリントピア</v>
          </cell>
          <cell r="D1047" t="str">
            <v>加藤 優</v>
          </cell>
          <cell r="E1047" t="str">
            <v>代表理事</v>
          </cell>
          <cell r="F1047" t="str">
            <v>007-0802</v>
          </cell>
          <cell r="G1047" t="str">
            <v>東区東苗穂２－３－４－４８</v>
          </cell>
          <cell r="H1047" t="str">
            <v>780-5231</v>
          </cell>
          <cell r="I1047" t="str">
            <v>780-5438</v>
          </cell>
        </row>
        <row r="1048">
          <cell r="A1048" t="str">
            <v>15563Z</v>
          </cell>
          <cell r="B1048" t="str">
            <v>ｻｯﾎﾟﾛｶﾝｺｳﾊﾞｽ</v>
          </cell>
          <cell r="C1048" t="str">
            <v>札幌観光バス（株）</v>
          </cell>
          <cell r="D1048" t="str">
            <v>畑 幸男</v>
          </cell>
          <cell r="E1048" t="str">
            <v>取締役社長</v>
          </cell>
          <cell r="F1048" t="str">
            <v>004-0811</v>
          </cell>
          <cell r="G1048" t="str">
            <v>清田区美しが丘１－９－１－１</v>
          </cell>
          <cell r="H1048" t="str">
            <v>881-2431</v>
          </cell>
          <cell r="I1048" t="str">
            <v>883-5702</v>
          </cell>
        </row>
        <row r="1049">
          <cell r="A1049" t="str">
            <v>15564X</v>
          </cell>
          <cell r="B1049" t="str">
            <v>ﾋｭｰﾏﾝｱｶﾃﾞﾐｰ</v>
          </cell>
          <cell r="C1049" t="str">
            <v>ヒューマンアカデミー（株）</v>
          </cell>
          <cell r="D1049" t="str">
            <v>佐々木 幹</v>
          </cell>
          <cell r="E1049" t="str">
            <v>代表取締役</v>
          </cell>
          <cell r="F1049" t="str">
            <v>160-0023</v>
          </cell>
          <cell r="G1049" t="str">
            <v>東京都新宿区西新宿６－６－２</v>
          </cell>
          <cell r="H1049" t="str">
            <v>03-3345-8817</v>
          </cell>
          <cell r="I1049" t="str">
            <v>03-3345-8824</v>
          </cell>
        </row>
        <row r="1050">
          <cell r="A1050" t="str">
            <v>15566R</v>
          </cell>
          <cell r="B1050" t="str">
            <v>ｻｯﾎﾟﾛﾄﾞｰﾑ</v>
          </cell>
          <cell r="C1050" t="str">
            <v>（株）札幌ドーム</v>
          </cell>
          <cell r="D1050" t="str">
            <v>松下 亮司</v>
          </cell>
          <cell r="E1050" t="str">
            <v>代表取締役専務</v>
          </cell>
          <cell r="F1050" t="str">
            <v>062-0045</v>
          </cell>
          <cell r="G1050" t="str">
            <v>豊平区羊ヶ丘１</v>
          </cell>
          <cell r="H1050" t="str">
            <v>850-1000</v>
          </cell>
          <cell r="I1050" t="str">
            <v>850-1011</v>
          </cell>
        </row>
        <row r="1051">
          <cell r="A1051" t="str">
            <v>15567N</v>
          </cell>
          <cell r="B1051" t="str">
            <v>ｻﾄｰ</v>
          </cell>
          <cell r="C1051" t="str">
            <v>（株）サトー札幌支店</v>
          </cell>
          <cell r="D1051" t="str">
            <v>阿部 新</v>
          </cell>
          <cell r="E1051" t="str">
            <v>支店長</v>
          </cell>
          <cell r="F1051" t="str">
            <v>007-0837</v>
          </cell>
          <cell r="G1051" t="str">
            <v>東区北３７東１５－１－１８</v>
          </cell>
          <cell r="H1051" t="str">
            <v>702-4111</v>
          </cell>
          <cell r="I1051" t="str">
            <v>702-4118</v>
          </cell>
        </row>
        <row r="1052">
          <cell r="A1052" t="str">
            <v>15569W</v>
          </cell>
          <cell r="B1052" t="str">
            <v>ｻｯﾎﾟﾛﾚﾝﾀﾘｰｽ</v>
          </cell>
          <cell r="C1052" t="str">
            <v>札幌レンタリース（株）</v>
          </cell>
          <cell r="D1052" t="str">
            <v>山口 英二</v>
          </cell>
          <cell r="E1052" t="str">
            <v>代表取締役</v>
          </cell>
          <cell r="F1052" t="str">
            <v>007-0802</v>
          </cell>
          <cell r="G1052" t="str">
            <v>東区東苗穂２－３－２－５</v>
          </cell>
          <cell r="H1052" t="str">
            <v>781-3044</v>
          </cell>
          <cell r="I1052" t="str">
            <v>781-3034</v>
          </cell>
        </row>
        <row r="1053">
          <cell r="A1053" t="str">
            <v>15570T</v>
          </cell>
          <cell r="B1053" t="str">
            <v>ｻｯｾｲｼﾞﾄﾞｳｼｬｺｳｷﾞｮｳ</v>
          </cell>
          <cell r="C1053" t="str">
            <v>札清自動車工業（株）</v>
          </cell>
          <cell r="D1053" t="str">
            <v>渡瀬 和男</v>
          </cell>
          <cell r="E1053" t="str">
            <v>代表取締役</v>
          </cell>
          <cell r="F1053" t="str">
            <v>007-0880</v>
          </cell>
          <cell r="G1053" t="str">
            <v>東区丘珠町３１６－２</v>
          </cell>
          <cell r="H1053" t="str">
            <v>782-5688</v>
          </cell>
          <cell r="I1053" t="str">
            <v>782-6288</v>
          </cell>
        </row>
        <row r="1054">
          <cell r="A1054" t="str">
            <v>15571R</v>
          </cell>
          <cell r="B1054" t="str">
            <v>ｻﾝｶﾒﾎｯｶｲﾄﾞｳ</v>
          </cell>
          <cell r="C1054" t="str">
            <v>（有）三かめ北海道</v>
          </cell>
          <cell r="D1054" t="str">
            <v>千葉 貞子</v>
          </cell>
          <cell r="E1054" t="str">
            <v>代表取締役</v>
          </cell>
          <cell r="F1054" t="str">
            <v>003-0801</v>
          </cell>
          <cell r="G1054" t="str">
            <v>白石区菊水１－４－１－２９</v>
          </cell>
          <cell r="H1054" t="str">
            <v>811-7516</v>
          </cell>
          <cell r="I1054" t="str">
            <v>842-5979</v>
          </cell>
        </row>
        <row r="1055">
          <cell r="A1055" t="str">
            <v>15572W</v>
          </cell>
          <cell r="B1055" t="str">
            <v>ｻｯﾎﾟﾛｱﾊﾟﾚﾙ</v>
          </cell>
          <cell r="C1055" t="str">
            <v>札幌アパレル（協）</v>
          </cell>
          <cell r="D1055" t="str">
            <v>伊勢 幸弥</v>
          </cell>
          <cell r="E1055" t="str">
            <v>代表理事</v>
          </cell>
          <cell r="F1055" t="str">
            <v>003-0833</v>
          </cell>
          <cell r="G1055" t="str">
            <v>白石区北郷２－３－５－５</v>
          </cell>
          <cell r="H1055" t="str">
            <v>872-2080</v>
          </cell>
          <cell r="I1055" t="str">
            <v>875-1430</v>
          </cell>
        </row>
        <row r="1056">
          <cell r="A1056" t="str">
            <v>15573Y</v>
          </cell>
          <cell r="B1056" t="str">
            <v>ｻﾄｳｲﾝﾎﾟ</v>
          </cell>
          <cell r="C1056" t="str">
            <v>（株）佐藤印舗</v>
          </cell>
          <cell r="D1056" t="str">
            <v>佐藤 雅則</v>
          </cell>
          <cell r="E1056" t="str">
            <v>代表取締役</v>
          </cell>
          <cell r="F1056" t="str">
            <v>060-0063</v>
          </cell>
          <cell r="G1056" t="str">
            <v>中央区南３西１－１３</v>
          </cell>
          <cell r="H1056" t="str">
            <v>231-1818</v>
          </cell>
          <cell r="I1056" t="str">
            <v>231-1820</v>
          </cell>
        </row>
        <row r="1057">
          <cell r="A1057" t="str">
            <v>15574W</v>
          </cell>
          <cell r="B1057" t="str">
            <v>ｻﾝ･ﾃｸﾉ</v>
          </cell>
          <cell r="C1057" t="str">
            <v>（株）サン・テクノ</v>
          </cell>
          <cell r="D1057" t="str">
            <v>下妻 富雄</v>
          </cell>
          <cell r="E1057" t="str">
            <v>代表取締役</v>
          </cell>
          <cell r="F1057" t="str">
            <v>065-0020</v>
          </cell>
          <cell r="G1057" t="str">
            <v>東区北２０東９－１－７</v>
          </cell>
          <cell r="H1057" t="str">
            <v>711-7788</v>
          </cell>
          <cell r="I1057" t="str">
            <v>711-5080</v>
          </cell>
        </row>
        <row r="1058">
          <cell r="A1058" t="str">
            <v>15576P</v>
          </cell>
          <cell r="B1058" t="str">
            <v>ｻｯﾂｳﾛｼﾞｽﾃｨｯｸｽ</v>
          </cell>
          <cell r="C1058" t="str">
            <v>札通ロジスティックス（株）</v>
          </cell>
          <cell r="D1058" t="str">
            <v>伊藤 浩二</v>
          </cell>
          <cell r="E1058" t="str">
            <v>代表取締役社長</v>
          </cell>
          <cell r="F1058" t="str">
            <v>060-0005</v>
          </cell>
          <cell r="G1058" t="str">
            <v>中央区北５西６－２</v>
          </cell>
          <cell r="H1058" t="str">
            <v>251-4188</v>
          </cell>
          <cell r="I1058" t="str">
            <v>251-4331</v>
          </cell>
        </row>
        <row r="1059">
          <cell r="A1059" t="str">
            <v>15577Z</v>
          </cell>
          <cell r="B1059" t="str">
            <v>ｻｯﾎﾟﾛｹﾝｾﾂｺｳｾｲ</v>
          </cell>
          <cell r="C1059" t="str">
            <v>札幌建設厚生（企組）</v>
          </cell>
          <cell r="D1059" t="str">
            <v>山形 恒平</v>
          </cell>
          <cell r="E1059" t="str">
            <v>理事長</v>
          </cell>
          <cell r="F1059" t="str">
            <v>007-0840</v>
          </cell>
          <cell r="G1059" t="str">
            <v>東区北４０東８－２－３</v>
          </cell>
          <cell r="H1059" t="str">
            <v>704-4896</v>
          </cell>
          <cell r="I1059" t="str">
            <v>704-4889</v>
          </cell>
        </row>
        <row r="1060">
          <cell r="A1060" t="str">
            <v>15581P</v>
          </cell>
          <cell r="B1060" t="str">
            <v>ｻﾝﾊﾞﾚｽ</v>
          </cell>
          <cell r="C1060" t="str">
            <v>（株）サンバレス</v>
          </cell>
          <cell r="D1060" t="str">
            <v>佐藤 尚之</v>
          </cell>
          <cell r="E1060" t="str">
            <v>代表取締役</v>
          </cell>
          <cell r="F1060" t="str">
            <v>060-0807</v>
          </cell>
          <cell r="G1060" t="str">
            <v>北区北７西１－１バームハイツ２０６</v>
          </cell>
          <cell r="H1060" t="str">
            <v>738-5355</v>
          </cell>
          <cell r="I1060" t="str">
            <v>738-5366</v>
          </cell>
        </row>
        <row r="1061">
          <cell r="A1061" t="str">
            <v>15582Z</v>
          </cell>
          <cell r="B1061" t="str">
            <v>ｻﾝｾｲ</v>
          </cell>
          <cell r="C1061" t="str">
            <v>（株）サンセイ札幌営業所</v>
          </cell>
          <cell r="D1061" t="str">
            <v>松川 正人</v>
          </cell>
          <cell r="E1061" t="str">
            <v>営業所長</v>
          </cell>
          <cell r="F1061" t="str">
            <v>064-0822</v>
          </cell>
          <cell r="G1061" t="str">
            <v>中央区北２西２６－２－１８ ２６ＷＥＳＴ</v>
          </cell>
          <cell r="H1061" t="str">
            <v>631-1211</v>
          </cell>
          <cell r="I1061" t="str">
            <v>631-1210</v>
          </cell>
        </row>
        <row r="1062">
          <cell r="A1062" t="str">
            <v>15583X</v>
          </cell>
          <cell r="B1062" t="str">
            <v>ｻｰﾌｨﾝｽﾞ</v>
          </cell>
          <cell r="C1062" t="str">
            <v>（株）サーフィンズ</v>
          </cell>
          <cell r="D1062" t="str">
            <v>布施 正樹</v>
          </cell>
          <cell r="E1062" t="str">
            <v>代表取締役</v>
          </cell>
          <cell r="F1062" t="str">
            <v>003-0002</v>
          </cell>
          <cell r="G1062" t="str">
            <v>白石区東札幌２－５－８－２６ ３Ｄｺｰﾄｱﾈｯｸｽ２F</v>
          </cell>
          <cell r="H1062" t="str">
            <v>837-9876</v>
          </cell>
          <cell r="I1062" t="str">
            <v>837-9888</v>
          </cell>
        </row>
        <row r="1063">
          <cell r="A1063" t="str">
            <v>15584V</v>
          </cell>
          <cell r="B1063" t="str">
            <v>ｻｯﾎﾟﾛｺｳｺｸﾋﾞｼﾞｭﾂｷｮｳｶｲ</v>
          </cell>
          <cell r="C1063" t="str">
            <v>（協）札幌広告美術協会</v>
          </cell>
          <cell r="D1063" t="str">
            <v>牧野 保</v>
          </cell>
          <cell r="E1063" t="str">
            <v>代表理事</v>
          </cell>
          <cell r="F1063" t="str">
            <v>060-0061</v>
          </cell>
          <cell r="G1063" t="str">
            <v>中央区南１西１７－１－１８</v>
          </cell>
          <cell r="H1063" t="str">
            <v>621-2393</v>
          </cell>
          <cell r="I1063" t="str">
            <v>641-1560</v>
          </cell>
        </row>
        <row r="1064">
          <cell r="A1064" t="str">
            <v>15585R</v>
          </cell>
          <cell r="B1064" t="str">
            <v>ｻﾝｴｲｼｮｳｼﾞ</v>
          </cell>
          <cell r="C1064" t="str">
            <v>三永商事（株）札幌営業所</v>
          </cell>
          <cell r="D1064" t="str">
            <v>木高 朝美</v>
          </cell>
          <cell r="E1064" t="str">
            <v>所長</v>
          </cell>
          <cell r="F1064" t="str">
            <v>065-0024</v>
          </cell>
          <cell r="G1064" t="str">
            <v>東区北２４東５－１－１５ ﾏﾝｼｮﾝｾﾚﾅ１Ｆ</v>
          </cell>
          <cell r="H1064" t="str">
            <v>702-3108</v>
          </cell>
          <cell r="I1064" t="str">
            <v>702-3140</v>
          </cell>
        </row>
        <row r="1065">
          <cell r="A1065" t="str">
            <v>15587Y</v>
          </cell>
          <cell r="B1065" t="str">
            <v>ｻｯﾎﾟﾛﾌｼﾞﾎﾟﾘｯｼｭ</v>
          </cell>
          <cell r="C1065" t="str">
            <v>（有）札幌フジポリッシュ</v>
          </cell>
          <cell r="D1065" t="str">
            <v>藤井 和市</v>
          </cell>
          <cell r="E1065" t="str">
            <v>代表取締役</v>
          </cell>
          <cell r="F1065" t="str">
            <v>006-0031</v>
          </cell>
          <cell r="G1065" t="str">
            <v>手稲区稲穂１－６－４－１</v>
          </cell>
          <cell r="H1065" t="str">
            <v>681-4381</v>
          </cell>
          <cell r="I1065" t="str">
            <v>681-4381</v>
          </cell>
        </row>
        <row r="1066">
          <cell r="A1066" t="str">
            <v>15588W</v>
          </cell>
          <cell r="B1066" t="str">
            <v>ｻｯﾎﾟﾛﾐﾔｺﾞﾘｭｳﾂｳ</v>
          </cell>
          <cell r="C1066" t="str">
            <v>札幌三八五流通（株）</v>
          </cell>
          <cell r="D1066" t="str">
            <v>川崎 正一</v>
          </cell>
          <cell r="E1066" t="str">
            <v>代表取締役</v>
          </cell>
          <cell r="F1066" t="str">
            <v>004-0842</v>
          </cell>
          <cell r="G1066" t="str">
            <v>清田区清田２－３－１１－３８</v>
          </cell>
          <cell r="H1066" t="str">
            <v>881-1141</v>
          </cell>
          <cell r="I1066" t="str">
            <v>881-1403</v>
          </cell>
        </row>
        <row r="1067">
          <cell r="A1067" t="str">
            <v>15591N</v>
          </cell>
          <cell r="B1067" t="str">
            <v>ｻﾝﾄﾘｰﾊﾟﾌﾞﾘｼﾃｨｻｰﾋﾞｽ</v>
          </cell>
          <cell r="C1067" t="str">
            <v>サントリーパブリシティサービス（株）</v>
          </cell>
          <cell r="D1067" t="str">
            <v>勝田 哲司</v>
          </cell>
          <cell r="E1067" t="str">
            <v>代表取締役</v>
          </cell>
          <cell r="F1067" t="str">
            <v>160-0004</v>
          </cell>
          <cell r="G1067" t="str">
            <v>東京都新宿区四谷１－４ 綿半野原ビル５階</v>
          </cell>
          <cell r="H1067" t="str">
            <v>03-5379-3231</v>
          </cell>
          <cell r="I1067" t="str">
            <v>03-5379-3230</v>
          </cell>
        </row>
        <row r="1068">
          <cell r="A1068" t="str">
            <v>15592Y</v>
          </cell>
          <cell r="B1068" t="str">
            <v>ｻﾄｳ･ｻｲｸﾙ</v>
          </cell>
          <cell r="C1068" t="str">
            <v>（株）サトウ・サイクル</v>
          </cell>
          <cell r="D1068" t="str">
            <v>佐藤 一彦</v>
          </cell>
          <cell r="E1068" t="str">
            <v>代表取締役</v>
          </cell>
          <cell r="F1068" t="str">
            <v>001-0018</v>
          </cell>
          <cell r="G1068" t="str">
            <v>北区北１８西２－１－２６</v>
          </cell>
          <cell r="H1068" t="str">
            <v>716-8920</v>
          </cell>
          <cell r="I1068" t="str">
            <v>716-9013</v>
          </cell>
        </row>
        <row r="1069">
          <cell r="A1069" t="str">
            <v>15593W</v>
          </cell>
          <cell r="B1069" t="str">
            <v>ｻﾝｼｮｳｹﾝｾﾂ</v>
          </cell>
          <cell r="C1069" t="str">
            <v>（有）三昭建設</v>
          </cell>
          <cell r="D1069" t="str">
            <v>柿沼 美子</v>
          </cell>
          <cell r="E1069" t="str">
            <v>代表取締役</v>
          </cell>
          <cell r="F1069" t="str">
            <v>003-0012</v>
          </cell>
          <cell r="G1069" t="str">
            <v>白石区中央２－６－３－１１</v>
          </cell>
          <cell r="H1069" t="str">
            <v>861-2106</v>
          </cell>
          <cell r="I1069" t="str">
            <v>861-2084</v>
          </cell>
        </row>
        <row r="1070">
          <cell r="A1070" t="str">
            <v>15594T</v>
          </cell>
          <cell r="B1070" t="str">
            <v>ｻﾄｳｻﾀﾞﾐﾃﾞﾝｷｶﾝﾘｼﾞﾑｼｮ</v>
          </cell>
          <cell r="C1070" t="str">
            <v>佐藤定美電気管理事務所</v>
          </cell>
          <cell r="D1070" t="str">
            <v>佐藤 定美</v>
          </cell>
          <cell r="E1070" t="str">
            <v>代表</v>
          </cell>
          <cell r="F1070" t="str">
            <v>064-0916</v>
          </cell>
          <cell r="G1070" t="str">
            <v>中央区南１６西１３－１－１７</v>
          </cell>
          <cell r="H1070" t="str">
            <v>563-2822</v>
          </cell>
          <cell r="I1070" t="str">
            <v>563-2822</v>
          </cell>
        </row>
        <row r="1071">
          <cell r="A1071" t="str">
            <v>15595P</v>
          </cell>
          <cell r="B1071" t="str">
            <v>ｻｯﾎﾟﾛｶﾝｷｮｳｻｰﾋﾞｽ</v>
          </cell>
          <cell r="C1071" t="str">
            <v>札幌環境サービス（株）</v>
          </cell>
          <cell r="D1071" t="str">
            <v>佐々木 直行</v>
          </cell>
          <cell r="E1071" t="str">
            <v>代表取締役</v>
          </cell>
          <cell r="F1071" t="str">
            <v>060-0061</v>
          </cell>
          <cell r="G1071" t="str">
            <v>中央区南１西１８－１－２</v>
          </cell>
          <cell r="H1071" t="str">
            <v>614-2177</v>
          </cell>
          <cell r="I1071" t="str">
            <v>614-2167</v>
          </cell>
        </row>
        <row r="1072">
          <cell r="A1072" t="str">
            <v>15598V</v>
          </cell>
          <cell r="B1072" t="str">
            <v>ｻｯﾎﾟﾛﾄｯﾊﾟﾝｲﾝｻﾂ</v>
          </cell>
          <cell r="C1072" t="str">
            <v>札幌凸版印刷（株）</v>
          </cell>
          <cell r="D1072" t="str">
            <v>花井 秀勝</v>
          </cell>
          <cell r="E1072" t="str">
            <v>代表取締役</v>
          </cell>
          <cell r="F1072" t="str">
            <v>003-0023</v>
          </cell>
          <cell r="G1072" t="str">
            <v>白石区南郷通１８北１－１－７</v>
          </cell>
          <cell r="H1072" t="str">
            <v>865-8180</v>
          </cell>
          <cell r="I1072" t="str">
            <v>865-8353</v>
          </cell>
        </row>
        <row r="1073">
          <cell r="A1073" t="str">
            <v>15599S</v>
          </cell>
          <cell r="B1073" t="str">
            <v>ｻｯﾎﾟﾛｽｸｰﾙｻﾌﾟﾗｲ</v>
          </cell>
          <cell r="C1073" t="str">
            <v>札幌スクールサプライ</v>
          </cell>
          <cell r="D1073" t="str">
            <v>清藤 正明</v>
          </cell>
          <cell r="E1073" t="str">
            <v>代表</v>
          </cell>
          <cell r="F1073" t="str">
            <v>006-0853</v>
          </cell>
          <cell r="G1073" t="str">
            <v>手稲区星置３－５－４－１７</v>
          </cell>
          <cell r="H1073" t="str">
            <v>694-3188</v>
          </cell>
          <cell r="I1073" t="str">
            <v>694-3190</v>
          </cell>
        </row>
        <row r="1074">
          <cell r="A1074" t="str">
            <v>15600Z</v>
          </cell>
          <cell r="B1074" t="str">
            <v>ｻｯﾎﾟﾛｸﾞﾗﾝﾄﾞﾎﾃﾙｻｰﾋﾞｽ</v>
          </cell>
          <cell r="C1074" t="str">
            <v>札幌グランドホテルサービス（株）</v>
          </cell>
          <cell r="D1074" t="str">
            <v>縄田 圭一</v>
          </cell>
          <cell r="E1074" t="str">
            <v>取締役社長</v>
          </cell>
          <cell r="F1074" t="str">
            <v>060-0001</v>
          </cell>
          <cell r="G1074" t="str">
            <v>中央区北１西４－２－１２</v>
          </cell>
          <cell r="H1074" t="str">
            <v>281-5037</v>
          </cell>
          <cell r="I1074" t="str">
            <v>281-5039</v>
          </cell>
        </row>
        <row r="1075">
          <cell r="A1075" t="str">
            <v>15603S</v>
          </cell>
          <cell r="B1075" t="str">
            <v>ｻｯﾎﾟﾛﾎｸｴｲ</v>
          </cell>
          <cell r="C1075" t="str">
            <v>札幌北営（株）</v>
          </cell>
          <cell r="D1075" t="str">
            <v>平岡 康志</v>
          </cell>
          <cell r="E1075" t="str">
            <v>代表取締役</v>
          </cell>
          <cell r="F1075" t="str">
            <v>063-0844</v>
          </cell>
          <cell r="G1075" t="str">
            <v>西区八軒４西４－４－６</v>
          </cell>
          <cell r="H1075" t="str">
            <v>612-1675</v>
          </cell>
          <cell r="I1075" t="str">
            <v>612-9692</v>
          </cell>
        </row>
        <row r="1076">
          <cell r="A1076" t="str">
            <v>15604P</v>
          </cell>
          <cell r="B1076" t="str">
            <v>ｻｯﾎﾟﾛｼｽｲﾄﾞｳｻｰﾋﾞｽｷｮｳｶｲ</v>
          </cell>
          <cell r="C1076" t="str">
            <v>（財）札幌市水道サービス協会</v>
          </cell>
          <cell r="D1076" t="str">
            <v>阪下 征哉</v>
          </cell>
          <cell r="E1076" t="str">
            <v>理事長</v>
          </cell>
          <cell r="F1076" t="str">
            <v>065-0019</v>
          </cell>
          <cell r="G1076" t="str">
            <v>東区北１９東５－１－４０</v>
          </cell>
          <cell r="H1076" t="str">
            <v>750-3500</v>
          </cell>
          <cell r="I1076" t="str">
            <v>750-3057</v>
          </cell>
        </row>
        <row r="1077">
          <cell r="A1077" t="str">
            <v>15607T</v>
          </cell>
          <cell r="B1077" t="str">
            <v>ｻｯﾎﾟﾛﾋｯｺｳｾﾝﾀｰ</v>
          </cell>
          <cell r="C1077" t="str">
            <v>（有）札幌筆耕センター</v>
          </cell>
          <cell r="D1077" t="str">
            <v>川合 一芳</v>
          </cell>
          <cell r="E1077" t="str">
            <v>代表取締役</v>
          </cell>
          <cell r="F1077" t="str">
            <v>002-8074</v>
          </cell>
          <cell r="G1077" t="str">
            <v>北区あいの里４－６－６－３</v>
          </cell>
          <cell r="H1077" t="str">
            <v>778-2050</v>
          </cell>
          <cell r="I1077" t="str">
            <v>778-2008</v>
          </cell>
        </row>
        <row r="1078">
          <cell r="A1078" t="str">
            <v>15608R</v>
          </cell>
          <cell r="B1078" t="str">
            <v>ｻｯﾎﾟﾛｴｷｶｾｷﾕｶﾞｽ</v>
          </cell>
          <cell r="C1078" t="str">
            <v>札幌液化石油ガス（協）</v>
          </cell>
          <cell r="D1078" t="str">
            <v>小野 敏文</v>
          </cell>
          <cell r="E1078" t="str">
            <v>代表理事</v>
          </cell>
          <cell r="F1078" t="str">
            <v>006-0842</v>
          </cell>
          <cell r="G1078" t="str">
            <v>手稲区曙１２－１－５－１</v>
          </cell>
          <cell r="H1078" t="str">
            <v>682-7324</v>
          </cell>
          <cell r="I1078" t="str">
            <v>682-4599</v>
          </cell>
        </row>
        <row r="1079">
          <cell r="A1079" t="str">
            <v>15609N</v>
          </cell>
          <cell r="B1079" t="str">
            <v>ｻｯﾎﾟﾛｻｲｾｲｼｹﾞﾝｼﾞｷﾞｮｳ</v>
          </cell>
          <cell r="C1079" t="str">
            <v>札幌再生資源事業（協）</v>
          </cell>
          <cell r="D1079" t="str">
            <v>道上 政喜</v>
          </cell>
          <cell r="E1079" t="str">
            <v>代表理事</v>
          </cell>
          <cell r="F1079" t="str">
            <v>001-0903</v>
          </cell>
          <cell r="G1079" t="str">
            <v>北区新琴似３－３－６－１６</v>
          </cell>
          <cell r="H1079" t="str">
            <v>763-5100</v>
          </cell>
          <cell r="I1079" t="str">
            <v>763-5110</v>
          </cell>
        </row>
        <row r="1080">
          <cell r="A1080" t="str">
            <v>15611W</v>
          </cell>
          <cell r="B1080" t="str">
            <v>ｻｲﾄｳｼｮｳﾃﾝ</v>
          </cell>
          <cell r="C1080" t="str">
            <v>（株）斉藤商店</v>
          </cell>
          <cell r="D1080" t="str">
            <v>斉藤 宣秀</v>
          </cell>
          <cell r="E1080" t="str">
            <v>代表取締役</v>
          </cell>
          <cell r="F1080" t="str">
            <v>001-0028</v>
          </cell>
          <cell r="G1080" t="str">
            <v>北区北２８西３－２－１４</v>
          </cell>
          <cell r="H1080" t="str">
            <v>716-1567</v>
          </cell>
          <cell r="I1080" t="str">
            <v>716-1568</v>
          </cell>
        </row>
        <row r="1081">
          <cell r="A1081" t="str">
            <v>15617S</v>
          </cell>
          <cell r="B1081" t="str">
            <v>ｻｯﾎﾟﾛｼｾｲｼｮｳﾈﾝｼﾞｮｾｲｶﾂﾄﾞｳｷｮｳｶｲ</v>
          </cell>
          <cell r="C1081" t="str">
            <v>（財）札幌市青少年女性活動協会</v>
          </cell>
          <cell r="D1081" t="str">
            <v>富山 陽三</v>
          </cell>
          <cell r="E1081" t="str">
            <v>理事長</v>
          </cell>
          <cell r="F1081" t="str">
            <v>063-0051</v>
          </cell>
          <cell r="G1081" t="str">
            <v>西区宮の沢１－１－１－１０</v>
          </cell>
          <cell r="H1081" t="str">
            <v>671-4121</v>
          </cell>
          <cell r="I1081" t="str">
            <v>671-4104</v>
          </cell>
        </row>
        <row r="1082">
          <cell r="A1082" t="str">
            <v>15618P</v>
          </cell>
          <cell r="B1082" t="str">
            <v>ｻﾝﾒﾝﾃﾅﾝｽ</v>
          </cell>
          <cell r="C1082" t="str">
            <v>（株）サンメンテナンス東京支店</v>
          </cell>
          <cell r="D1082" t="str">
            <v>深田 雅宏</v>
          </cell>
          <cell r="E1082" t="str">
            <v>支店長</v>
          </cell>
          <cell r="F1082" t="str">
            <v>103-0004</v>
          </cell>
          <cell r="G1082" t="str">
            <v>区東京都中央区東日本橋３－８－１</v>
          </cell>
          <cell r="H1082" t="str">
            <v>03-5651-1377</v>
          </cell>
          <cell r="I1082" t="str">
            <v>03-5651-1376</v>
          </cell>
        </row>
        <row r="1083">
          <cell r="A1083" t="str">
            <v>15619Z</v>
          </cell>
          <cell r="B1083" t="str">
            <v>ｻｯｾｲｼｮｳｼﾞ</v>
          </cell>
          <cell r="C1083" t="str">
            <v>札清商事（株）</v>
          </cell>
          <cell r="D1083" t="str">
            <v>澁谷 誠一</v>
          </cell>
          <cell r="E1083" t="str">
            <v>代表取締役社長</v>
          </cell>
          <cell r="F1083" t="str">
            <v>007-0880</v>
          </cell>
          <cell r="G1083" t="str">
            <v>東区丘珠町３１６－１</v>
          </cell>
          <cell r="H1083" t="str">
            <v>782-3227</v>
          </cell>
          <cell r="I1083" t="str">
            <v>782-3035</v>
          </cell>
        </row>
        <row r="1084">
          <cell r="A1084" t="str">
            <v>15621V</v>
          </cell>
          <cell r="B1084" t="str">
            <v>ｻｯﾎﾟﾛｲﾝｽﾍﾟｸｼｮﾝ</v>
          </cell>
          <cell r="C1084" t="str">
            <v>札幌インスペクション（株）</v>
          </cell>
          <cell r="D1084" t="str">
            <v>若林 雅志</v>
          </cell>
          <cell r="E1084" t="str">
            <v>代表取締役</v>
          </cell>
          <cell r="F1084" t="str">
            <v>007-0848</v>
          </cell>
          <cell r="G1084" t="str">
            <v>東区北４８東１５－２－１</v>
          </cell>
          <cell r="H1084" t="str">
            <v>743-1181</v>
          </cell>
          <cell r="I1084" t="str">
            <v>743-1183</v>
          </cell>
        </row>
        <row r="1085">
          <cell r="A1085" t="str">
            <v>15622S</v>
          </cell>
          <cell r="B1085" t="str">
            <v>ｻｯﾎﾟﾛｻﾝｷﾞｮｳﾘｭｳﾂｳｼﾝｺｳｷｮｳｶｲ</v>
          </cell>
          <cell r="C1085" t="str">
            <v>（財）札幌産業流通振興協会</v>
          </cell>
          <cell r="D1085" t="str">
            <v>小澤 正明</v>
          </cell>
          <cell r="E1085" t="str">
            <v>理事長</v>
          </cell>
          <cell r="F1085" t="str">
            <v>003-0030</v>
          </cell>
          <cell r="G1085" t="str">
            <v>白石区流通センター４－３－５５</v>
          </cell>
          <cell r="H1085" t="str">
            <v>865-5811</v>
          </cell>
          <cell r="I1085" t="str">
            <v>864-1290</v>
          </cell>
        </row>
        <row r="1086">
          <cell r="A1086" t="str">
            <v>15624Z</v>
          </cell>
          <cell r="B1086" t="str">
            <v>ｻﾝ･ｱﾙﾌｧ</v>
          </cell>
          <cell r="C1086" t="str">
            <v>サン・アルファ（有）</v>
          </cell>
          <cell r="D1086" t="str">
            <v>木村 健</v>
          </cell>
          <cell r="E1086" t="str">
            <v>代表取締役</v>
          </cell>
          <cell r="F1086" t="str">
            <v>080-1408</v>
          </cell>
          <cell r="G1086" t="str">
            <v>河東郡上士幌町字上士幌東２線２３６－１０</v>
          </cell>
          <cell r="H1086" t="str">
            <v>01564-2-2832</v>
          </cell>
          <cell r="I1086" t="str">
            <v>01564-2-2832</v>
          </cell>
        </row>
        <row r="1087">
          <cell r="A1087" t="str">
            <v>15625W</v>
          </cell>
          <cell r="B1087" t="str">
            <v>ｻﾌﾞﾎﾞﾃﾞｨｰ</v>
          </cell>
          <cell r="C1087" t="str">
            <v>（有）サブボディー</v>
          </cell>
          <cell r="D1087" t="str">
            <v>菅原 三郎</v>
          </cell>
          <cell r="E1087" t="str">
            <v>取締役</v>
          </cell>
          <cell r="F1087" t="str">
            <v>004-0069</v>
          </cell>
          <cell r="G1087" t="str">
            <v>厚別区厚別町山本１０８０－１３</v>
          </cell>
          <cell r="H1087" t="str">
            <v>895-0632</v>
          </cell>
          <cell r="I1087" t="str">
            <v>895-0632</v>
          </cell>
        </row>
        <row r="1088">
          <cell r="A1088" t="str">
            <v>15626T</v>
          </cell>
          <cell r="B1088" t="str">
            <v>ｻｶﾓﾄﾕｿｳｻｰﾋﾞｽ</v>
          </cell>
          <cell r="C1088" t="str">
            <v>（株）坂本輸送サービス</v>
          </cell>
          <cell r="D1088" t="str">
            <v>坂本 清二</v>
          </cell>
          <cell r="E1088" t="str">
            <v>代表取締役</v>
          </cell>
          <cell r="F1088" t="str">
            <v>002-0853</v>
          </cell>
          <cell r="G1088" t="str">
            <v>北区屯田３－６－３－１４</v>
          </cell>
          <cell r="H1088" t="str">
            <v>771-4517</v>
          </cell>
          <cell r="I1088" t="str">
            <v>771-9205</v>
          </cell>
        </row>
        <row r="1089">
          <cell r="A1089" t="str">
            <v>15627R</v>
          </cell>
          <cell r="B1089" t="str">
            <v>ｻｰｼﾞﾐﾔﾜｷ</v>
          </cell>
          <cell r="C1089" t="str">
            <v>サージミヤワキ（株）</v>
          </cell>
          <cell r="D1089" t="str">
            <v>宮脇 豊</v>
          </cell>
          <cell r="E1089" t="str">
            <v>代表取締役</v>
          </cell>
          <cell r="F1089" t="str">
            <v>141-0022</v>
          </cell>
          <cell r="G1089" t="str">
            <v>東京都品川区東五反田１－１９－２</v>
          </cell>
          <cell r="H1089" t="str">
            <v>03-3449-3711</v>
          </cell>
          <cell r="I1089" t="str">
            <v>03-3443-5811</v>
          </cell>
        </row>
        <row r="1090">
          <cell r="A1090" t="str">
            <v>15628N</v>
          </cell>
          <cell r="B1090" t="str">
            <v>ｻﾝｴｽｷﾞｹﾝ</v>
          </cell>
          <cell r="C1090" t="str">
            <v>サンエス技研（株）</v>
          </cell>
          <cell r="D1090" t="str">
            <v>村田 直孝</v>
          </cell>
          <cell r="E1090" t="str">
            <v>代表取締役</v>
          </cell>
          <cell r="F1090" t="str">
            <v>151-0061</v>
          </cell>
          <cell r="G1090" t="str">
            <v>東京都渋谷区初台１－４７－１</v>
          </cell>
          <cell r="H1090" t="str">
            <v>03-3375-1811</v>
          </cell>
          <cell r="I1090" t="str">
            <v>03-3375-1815</v>
          </cell>
        </row>
        <row r="1091">
          <cell r="A1091" t="str">
            <v>15630W</v>
          </cell>
          <cell r="B1091" t="str">
            <v>ｻｯﾎﾟﾛｼｾﾞﾝﾁｮｳｻｶﾝ</v>
          </cell>
          <cell r="C1091" t="str">
            <v>（株）さっぽろ自然調査館</v>
          </cell>
          <cell r="D1091" t="str">
            <v>渡邉 修</v>
          </cell>
          <cell r="E1091" t="str">
            <v>代表取締役</v>
          </cell>
          <cell r="F1091" t="str">
            <v>004-0051</v>
          </cell>
          <cell r="G1091" t="str">
            <v>厚別区厚別中央１－７－１－４５</v>
          </cell>
          <cell r="H1091" t="str">
            <v>892-5306</v>
          </cell>
          <cell r="I1091" t="str">
            <v>892-5318</v>
          </cell>
        </row>
        <row r="1092">
          <cell r="A1092" t="str">
            <v>15632R</v>
          </cell>
          <cell r="B1092" t="str">
            <v>ｻｲｸﾙｵﾉｻｯﾎﾟﾛ</v>
          </cell>
          <cell r="C1092" t="str">
            <v>（有）サイクル小野サッポロ</v>
          </cell>
          <cell r="D1092" t="str">
            <v>小野 盛秀</v>
          </cell>
          <cell r="E1092" t="str">
            <v>代表取締役</v>
          </cell>
          <cell r="F1092" t="str">
            <v>064-0822</v>
          </cell>
          <cell r="G1092" t="str">
            <v>中央区北２西２４－１－１</v>
          </cell>
          <cell r="H1092" t="str">
            <v>621-0501</v>
          </cell>
          <cell r="I1092" t="str">
            <v>621-0502</v>
          </cell>
        </row>
        <row r="1093">
          <cell r="A1093" t="str">
            <v>15633N</v>
          </cell>
          <cell r="B1093" t="str">
            <v>ｻｻｷｼｮｳｶｲ</v>
          </cell>
          <cell r="C1093" t="str">
            <v>（有）佐々木商会</v>
          </cell>
          <cell r="D1093" t="str">
            <v>佐々木 専一</v>
          </cell>
          <cell r="E1093" t="str">
            <v>代表取締役</v>
          </cell>
          <cell r="F1093" t="str">
            <v>003-0869</v>
          </cell>
          <cell r="G1093" t="str">
            <v>白石区川下７４１－１２４</v>
          </cell>
          <cell r="H1093" t="str">
            <v>874-9696</v>
          </cell>
          <cell r="I1093" t="str">
            <v>874-9696</v>
          </cell>
        </row>
        <row r="1094">
          <cell r="A1094" t="str">
            <v>15634Y</v>
          </cell>
          <cell r="B1094" t="str">
            <v>ｻｯﾎﾟﾛｻﾝｼﾝｳﾝﾕ</v>
          </cell>
          <cell r="C1094" t="str">
            <v>札幌三信運輸（株）</v>
          </cell>
          <cell r="D1094" t="str">
            <v>小野 博史</v>
          </cell>
          <cell r="E1094" t="str">
            <v>代表取締役</v>
          </cell>
          <cell r="F1094" t="str">
            <v>003-0006</v>
          </cell>
          <cell r="G1094" t="str">
            <v>白石区東札幌６－１－２－３０</v>
          </cell>
          <cell r="H1094" t="str">
            <v>814-3434</v>
          </cell>
          <cell r="I1094" t="str">
            <v>812-3274</v>
          </cell>
        </row>
        <row r="1095">
          <cell r="A1095" t="str">
            <v>15635V</v>
          </cell>
          <cell r="B1095" t="str">
            <v>ｻｯﾎﾟﾛﾌｰﾄﾞｻｰﾋﾞｽ</v>
          </cell>
          <cell r="C1095" t="str">
            <v>（有）札幌フードサービス</v>
          </cell>
          <cell r="D1095" t="str">
            <v>千釜 裕二</v>
          </cell>
          <cell r="E1095" t="str">
            <v>代表取締役</v>
          </cell>
          <cell r="F1095" t="str">
            <v>001-0908</v>
          </cell>
          <cell r="G1095" t="str">
            <v>北区新琴似８－１５－２－６</v>
          </cell>
          <cell r="H1095" t="str">
            <v>769-8226</v>
          </cell>
          <cell r="I1095" t="str">
            <v>769-8227</v>
          </cell>
        </row>
        <row r="1096">
          <cell r="A1096" t="str">
            <v>15636S</v>
          </cell>
          <cell r="B1096" t="str">
            <v>ｻｯﾎﾟﾛﾀｲｾｲｷｺｳ</v>
          </cell>
          <cell r="C1096" t="str">
            <v>札幌大成機工（株）</v>
          </cell>
          <cell r="D1096" t="str">
            <v>中島 丈雄</v>
          </cell>
          <cell r="E1096" t="str">
            <v>代表取締役社長</v>
          </cell>
          <cell r="F1096" t="str">
            <v>003-0807</v>
          </cell>
          <cell r="G1096" t="str">
            <v>白石区菊水７－２－７－１</v>
          </cell>
          <cell r="H1096" t="str">
            <v>817-6311</v>
          </cell>
          <cell r="I1096" t="str">
            <v>817-5911</v>
          </cell>
        </row>
        <row r="1097">
          <cell r="A1097" t="str">
            <v>15638Z</v>
          </cell>
          <cell r="B1097" t="str">
            <v>ｻｯﾎﾟﾛﾁｭｳｵｳｺﾋﾟｰ</v>
          </cell>
          <cell r="C1097" t="str">
            <v>（有）札幌中央コピー</v>
          </cell>
          <cell r="D1097" t="str">
            <v>武田 憲治</v>
          </cell>
          <cell r="E1097" t="str">
            <v>代表取締役</v>
          </cell>
          <cell r="F1097" t="str">
            <v>060-0004</v>
          </cell>
          <cell r="G1097" t="str">
            <v>中央区北４西１３－１－２</v>
          </cell>
          <cell r="H1097" t="str">
            <v>222-3958</v>
          </cell>
          <cell r="I1097" t="str">
            <v>222-3953</v>
          </cell>
        </row>
        <row r="1098">
          <cell r="A1098" t="str">
            <v>15639X</v>
          </cell>
          <cell r="B1098" t="str">
            <v>ｻｹﾐｷﾞｹﾝ</v>
          </cell>
          <cell r="C1098" t="str">
            <v>（有）サケミ技建</v>
          </cell>
          <cell r="D1098" t="str">
            <v>酒見 桂子</v>
          </cell>
          <cell r="E1098" t="str">
            <v>代表取締役</v>
          </cell>
          <cell r="F1098" t="str">
            <v>061-3213</v>
          </cell>
          <cell r="G1098" t="str">
            <v>石狩市花川北３－２－６３</v>
          </cell>
          <cell r="H1098" t="str">
            <v>0133-72-3524</v>
          </cell>
          <cell r="I1098" t="str">
            <v>0133-72-3524</v>
          </cell>
        </row>
        <row r="1099">
          <cell r="A1099" t="str">
            <v>15640V</v>
          </cell>
          <cell r="B1099" t="str">
            <v>ｻﾝｴﾝｼﾞﾆｱﾘﾝｸﾞ</v>
          </cell>
          <cell r="C1099" t="str">
            <v>（有）サンエンジニアリング</v>
          </cell>
          <cell r="D1099" t="str">
            <v>阿部 敏弘</v>
          </cell>
          <cell r="E1099" t="str">
            <v>代表取締役</v>
          </cell>
          <cell r="F1099" t="str">
            <v>062-0005</v>
          </cell>
          <cell r="G1099" t="str">
            <v>豊平区美園５－６－１－１</v>
          </cell>
          <cell r="H1099" t="str">
            <v>812-8213</v>
          </cell>
          <cell r="I1099" t="str">
            <v>812-2996</v>
          </cell>
        </row>
        <row r="1100">
          <cell r="A1100" t="str">
            <v>15641S</v>
          </cell>
          <cell r="B1100" t="str">
            <v>ｻﾝｼﾝﾘｰｽ</v>
          </cell>
          <cell r="C1100" t="str">
            <v>三信リース（株）</v>
          </cell>
          <cell r="D1100" t="str">
            <v>植村 茂夫</v>
          </cell>
          <cell r="E1100" t="str">
            <v>代表取締役社長</v>
          </cell>
          <cell r="F1100" t="str">
            <v>103-0022</v>
          </cell>
          <cell r="G1100" t="str">
            <v>東京都中央区日本橋室町３－２－８</v>
          </cell>
          <cell r="H1100" t="str">
            <v>03-3243-0191</v>
          </cell>
          <cell r="I1100" t="str">
            <v>03-3243-1619</v>
          </cell>
        </row>
        <row r="1101">
          <cell r="A1101" t="str">
            <v>15642P</v>
          </cell>
          <cell r="B1101" t="str">
            <v>ｻｯﾎﾟﾛｵｰﾙｲﾝｻﾂ</v>
          </cell>
          <cell r="C1101" t="str">
            <v>札幌オール印刷（株）</v>
          </cell>
          <cell r="D1101" t="str">
            <v>原 功</v>
          </cell>
          <cell r="E1101" t="str">
            <v>代表取締役</v>
          </cell>
          <cell r="F1101" t="str">
            <v>002-8072</v>
          </cell>
          <cell r="G1101" t="str">
            <v>北区あいの里４－９－１－１</v>
          </cell>
          <cell r="H1101" t="str">
            <v>778-5560</v>
          </cell>
          <cell r="I1101" t="str">
            <v>778-5569</v>
          </cell>
        </row>
        <row r="1102">
          <cell r="A1102" t="str">
            <v>15643Z</v>
          </cell>
          <cell r="B1102" t="str">
            <v>ｴﾑ･ｱｲ･ｼｽﾃﾑ</v>
          </cell>
          <cell r="C1102" t="str">
            <v>（株）エム・アイ・システム</v>
          </cell>
          <cell r="D1102" t="str">
            <v>福田 和文</v>
          </cell>
          <cell r="E1102" t="str">
            <v>代表取締役</v>
          </cell>
          <cell r="F1102" t="str">
            <v>001-0902</v>
          </cell>
          <cell r="G1102" t="str">
            <v>北区新琴似２－９－４－２３</v>
          </cell>
          <cell r="H1102" t="str">
            <v>769-7778</v>
          </cell>
          <cell r="I1102" t="str">
            <v>769-7779</v>
          </cell>
        </row>
        <row r="1103">
          <cell r="A1103" t="str">
            <v>15644X</v>
          </cell>
          <cell r="B1103" t="str">
            <v>ｻﾝｼﾝｷﾞｹﾝ</v>
          </cell>
          <cell r="C1103" t="str">
            <v>三信技建（株）</v>
          </cell>
          <cell r="D1103" t="str">
            <v>大澤 國雄</v>
          </cell>
          <cell r="E1103" t="str">
            <v>代表取締役</v>
          </cell>
          <cell r="F1103" t="str">
            <v>063-0829</v>
          </cell>
          <cell r="G1103" t="str">
            <v>西区発寒９－１３－１－３</v>
          </cell>
          <cell r="H1103" t="str">
            <v>663-5050</v>
          </cell>
          <cell r="I1103" t="str">
            <v>663-5070</v>
          </cell>
        </row>
        <row r="1104">
          <cell r="A1104" t="str">
            <v>15645T</v>
          </cell>
          <cell r="B1104" t="str">
            <v>ｻｯﾎﾟﾛｼｺｳﾂｳｼﾞｷﾞｮｳｼﾝｺｳｺｳｼｬ</v>
          </cell>
          <cell r="C1104" t="str">
            <v>（財）札幌市交通事業振興公社</v>
          </cell>
          <cell r="D1104" t="str">
            <v>黒田 隆樹</v>
          </cell>
          <cell r="E1104" t="str">
            <v>理事長</v>
          </cell>
          <cell r="F1104" t="str">
            <v>064-8606</v>
          </cell>
          <cell r="G1104" t="str">
            <v>中央区南６西１－３－１</v>
          </cell>
          <cell r="H1104" t="str">
            <v>513-5205</v>
          </cell>
          <cell r="I1104" t="str">
            <v>513-5209</v>
          </cell>
        </row>
        <row r="1105">
          <cell r="A1105" t="str">
            <v>15646R</v>
          </cell>
          <cell r="B1105" t="str">
            <v>ｻｯﾎﾟﾛｼﾝｺｳ</v>
          </cell>
          <cell r="C1105" t="str">
            <v>札幌新光（株）</v>
          </cell>
          <cell r="D1105" t="str">
            <v>清水 規元</v>
          </cell>
          <cell r="E1105" t="str">
            <v>代表取締役社長</v>
          </cell>
          <cell r="F1105" t="str">
            <v>060-0003</v>
          </cell>
          <cell r="G1105" t="str">
            <v>中央区北３西３－１－６ 札幌小暮ビル</v>
          </cell>
          <cell r="H1105" t="str">
            <v>743-7510</v>
          </cell>
          <cell r="I1105" t="str">
            <v>743-7514</v>
          </cell>
        </row>
        <row r="1106">
          <cell r="A1106" t="str">
            <v>15647N</v>
          </cell>
          <cell r="B1106" t="str">
            <v>ｻﾝｹﾝｼｬ</v>
          </cell>
          <cell r="C1106" t="str">
            <v>（株）サンケン社北海道営業所</v>
          </cell>
          <cell r="D1106" t="str">
            <v>島田 健司</v>
          </cell>
          <cell r="E1106" t="str">
            <v>営業所所長</v>
          </cell>
          <cell r="F1106" t="str">
            <v>064-0916</v>
          </cell>
          <cell r="G1106" t="str">
            <v>中央区南１６西７－２－２０ トーコービル</v>
          </cell>
          <cell r="H1106" t="str">
            <v>562-0302</v>
          </cell>
          <cell r="I1106" t="str">
            <v>520-8221</v>
          </cell>
        </row>
        <row r="1107">
          <cell r="A1107" t="str">
            <v>15648Y</v>
          </cell>
          <cell r="B1107" t="str">
            <v>ｻｯﾎﾟﾛｼｾﾂｺｳｷﾞｮｳ</v>
          </cell>
          <cell r="C1107" t="str">
            <v>札幌施設工業</v>
          </cell>
          <cell r="D1107" t="str">
            <v>平木 健</v>
          </cell>
          <cell r="E1107" t="str">
            <v>代表</v>
          </cell>
          <cell r="F1107" t="str">
            <v>063-0005</v>
          </cell>
          <cell r="G1107" t="str">
            <v>西区山の手５－２－３－３６－１０１</v>
          </cell>
          <cell r="H1107" t="str">
            <v>633-1767</v>
          </cell>
          <cell r="I1107" t="str">
            <v>633-1767</v>
          </cell>
        </row>
        <row r="1108">
          <cell r="A1108" t="str">
            <v>15649W</v>
          </cell>
          <cell r="B1108" t="str">
            <v>ｻｯﾎﾟﾛﾄｳｼﾞﾝｼｬ</v>
          </cell>
          <cell r="C1108" t="str">
            <v>札幌陶人社</v>
          </cell>
          <cell r="D1108" t="str">
            <v>柴田 匡人</v>
          </cell>
          <cell r="E1108" t="str">
            <v>代表</v>
          </cell>
          <cell r="F1108" t="str">
            <v>007-0885</v>
          </cell>
          <cell r="G1108" t="str">
            <v>東区北丘珠５－３－１２－８</v>
          </cell>
          <cell r="H1108" t="str">
            <v>785-9774</v>
          </cell>
          <cell r="I1108" t="str">
            <v>785-9776</v>
          </cell>
        </row>
        <row r="1109">
          <cell r="A1109" t="str">
            <v>16001Z</v>
          </cell>
          <cell r="B1109" t="str">
            <v>ｼﾓﾝ</v>
          </cell>
          <cell r="C1109" t="str">
            <v>（株）シモン札幌営業所</v>
          </cell>
          <cell r="D1109" t="str">
            <v>山下 政克</v>
          </cell>
          <cell r="E1109" t="str">
            <v>所長</v>
          </cell>
          <cell r="F1109" t="str">
            <v>003-0822</v>
          </cell>
          <cell r="G1109" t="str">
            <v>白石区菊水元町２－１－４－１７</v>
          </cell>
          <cell r="H1109" t="str">
            <v>873-8151</v>
          </cell>
          <cell r="I1109" t="str">
            <v>873-8154</v>
          </cell>
        </row>
        <row r="1110">
          <cell r="A1110" t="str">
            <v>16002X</v>
          </cell>
          <cell r="B1110" t="str">
            <v>ｼｹﾞﾏﾂｾｲｻｸｼｮ</v>
          </cell>
          <cell r="C1110" t="str">
            <v>（株）重松製作所北海道営業所</v>
          </cell>
          <cell r="D1110" t="str">
            <v>森 憲昭</v>
          </cell>
          <cell r="E1110" t="str">
            <v>所長</v>
          </cell>
          <cell r="F1110" t="str">
            <v>065-0007</v>
          </cell>
          <cell r="G1110" t="str">
            <v>東区北７東１３－２－１１</v>
          </cell>
          <cell r="H1110" t="str">
            <v>743-6001</v>
          </cell>
          <cell r="I1110" t="str">
            <v>743-6005</v>
          </cell>
        </row>
        <row r="1111">
          <cell r="A1111" t="str">
            <v>16004S</v>
          </cell>
          <cell r="B1111" t="str">
            <v>ｼﾝｾﾝﾄﾞｳｼｮﾎﾞｳ</v>
          </cell>
          <cell r="C1111" t="str">
            <v>（有）新線堂書房</v>
          </cell>
          <cell r="D1111" t="str">
            <v>細川 長幸</v>
          </cell>
          <cell r="E1111" t="str">
            <v>代表取締役</v>
          </cell>
          <cell r="F1111" t="str">
            <v>064-0921</v>
          </cell>
          <cell r="G1111" t="str">
            <v>中央区南２１西１０－１－２８</v>
          </cell>
          <cell r="H1111" t="str">
            <v>521-0552</v>
          </cell>
          <cell r="I1111" t="str">
            <v>521-0552</v>
          </cell>
        </row>
        <row r="1112">
          <cell r="A1112" t="str">
            <v>16006Y</v>
          </cell>
          <cell r="B1112" t="str">
            <v>ｼｰ･ﾌｰｽﾞ･ｴﾝﾄﾞｳ</v>
          </cell>
          <cell r="C1112" t="str">
            <v>（有）シー・フーズ・エンドウ</v>
          </cell>
          <cell r="D1112" t="str">
            <v>遠藤 宏之</v>
          </cell>
          <cell r="E1112" t="str">
            <v>代表取締役</v>
          </cell>
          <cell r="F1112" t="str">
            <v>001-0903</v>
          </cell>
          <cell r="G1112" t="str">
            <v>北区新琴似３－１－３－１７</v>
          </cell>
          <cell r="H1112" t="str">
            <v>756-5003</v>
          </cell>
          <cell r="I1112" t="str">
            <v>756-5293</v>
          </cell>
        </row>
        <row r="1113">
          <cell r="A1113" t="str">
            <v>16007W</v>
          </cell>
          <cell r="B1113" t="str">
            <v>ｼﾐｽﾞｺｳｷ</v>
          </cell>
          <cell r="C1113" t="str">
            <v>清水鋼機（株）札幌支店</v>
          </cell>
          <cell r="D1113" t="str">
            <v>工藤 隆夫</v>
          </cell>
          <cell r="E1113" t="str">
            <v>常務取締役支店長</v>
          </cell>
          <cell r="F1113" t="str">
            <v>060-0031</v>
          </cell>
          <cell r="G1113" t="str">
            <v>中央区北１東８－１ 片岡商事ビル２Ｆ</v>
          </cell>
          <cell r="H1113" t="str">
            <v>241-8101</v>
          </cell>
          <cell r="I1113" t="str">
            <v>241-8108</v>
          </cell>
        </row>
        <row r="1114">
          <cell r="A1114" t="str">
            <v>16011Y</v>
          </cell>
          <cell r="B1114" t="str">
            <v>ｼﾞﾑ</v>
          </cell>
          <cell r="C1114" t="str">
            <v>（株）ジム</v>
          </cell>
          <cell r="D1114" t="str">
            <v>松田 誠夫</v>
          </cell>
          <cell r="E1114" t="str">
            <v>代表取締役</v>
          </cell>
          <cell r="F1114" t="str">
            <v>060-0052</v>
          </cell>
          <cell r="G1114" t="str">
            <v>中央区南２東５－２</v>
          </cell>
          <cell r="H1114" t="str">
            <v>281-3966</v>
          </cell>
          <cell r="I1114" t="str">
            <v>231-9240</v>
          </cell>
        </row>
        <row r="1115">
          <cell r="A1115" t="str">
            <v>16012W</v>
          </cell>
          <cell r="B1115" t="str">
            <v>ｼﾝｴｲｷｶｲｻﾝｷﾞｮｳ</v>
          </cell>
          <cell r="C1115" t="str">
            <v>新栄機械産業（株）</v>
          </cell>
          <cell r="D1115" t="str">
            <v>岡嶋 紀四郎</v>
          </cell>
          <cell r="E1115" t="str">
            <v>代表取締役</v>
          </cell>
          <cell r="F1115" t="str">
            <v>060-0008</v>
          </cell>
          <cell r="G1115" t="str">
            <v>中央区北８西２０－２－１５</v>
          </cell>
          <cell r="H1115" t="str">
            <v>642-2111</v>
          </cell>
          <cell r="I1115" t="str">
            <v>642-5417</v>
          </cell>
        </row>
        <row r="1116">
          <cell r="A1116" t="str">
            <v>16013T</v>
          </cell>
          <cell r="B1116" t="str">
            <v>ｼﾝｷﾞｼﾞｭﾂｺﾝｻﾙ</v>
          </cell>
          <cell r="C1116" t="str">
            <v>（株）シン技術コンサル</v>
          </cell>
          <cell r="D1116" t="str">
            <v>佐藤 進</v>
          </cell>
          <cell r="E1116" t="str">
            <v>代表取締役</v>
          </cell>
          <cell r="F1116" t="str">
            <v>003-0021</v>
          </cell>
          <cell r="G1116" t="str">
            <v>白石区栄通２－８－３０</v>
          </cell>
          <cell r="H1116" t="str">
            <v>859-2600</v>
          </cell>
          <cell r="I1116" t="str">
            <v>859-2613</v>
          </cell>
        </row>
        <row r="1117">
          <cell r="A1117" t="str">
            <v>16014R</v>
          </cell>
          <cell r="B1117" t="str">
            <v>ﾎｯｶｲﾄﾞｳｼｰｴｽｹｲ</v>
          </cell>
          <cell r="C1117" t="str">
            <v>（株）北海道ＣＳＫ</v>
          </cell>
          <cell r="D1117" t="str">
            <v>佐伯 壽紀</v>
          </cell>
          <cell r="E1117" t="str">
            <v>代表取締役</v>
          </cell>
          <cell r="F1117" t="str">
            <v>060-0807</v>
          </cell>
          <cell r="G1117" t="str">
            <v>北区北７西１－１－２</v>
          </cell>
          <cell r="H1117" t="str">
            <v>206-3700</v>
          </cell>
          <cell r="I1117" t="str">
            <v>206-3709</v>
          </cell>
        </row>
        <row r="1118">
          <cell r="A1118" t="str">
            <v>16015Z</v>
          </cell>
          <cell r="B1118" t="str">
            <v>ﾎｯｶｲﾋﾀﾁﾃﾞﾝｾﾝｷﾊﾝ</v>
          </cell>
          <cell r="C1118" t="str">
            <v>北海日立電線機販（株）</v>
          </cell>
          <cell r="D1118" t="str">
            <v>佐藤 孝二</v>
          </cell>
          <cell r="E1118" t="str">
            <v>代表取締役</v>
          </cell>
          <cell r="F1118" t="str">
            <v>001-0018</v>
          </cell>
          <cell r="G1118" t="str">
            <v>北区北１８西５－１－１２</v>
          </cell>
          <cell r="H1118" t="str">
            <v>746-1181</v>
          </cell>
          <cell r="I1118" t="str">
            <v>756-0540</v>
          </cell>
        </row>
        <row r="1119">
          <cell r="A1119" t="str">
            <v>16017V</v>
          </cell>
          <cell r="B1119" t="str">
            <v>ｼﾝｾｲｷ</v>
          </cell>
          <cell r="C1119" t="str">
            <v>（株）新世紀</v>
          </cell>
          <cell r="D1119" t="str">
            <v>小山 茂</v>
          </cell>
          <cell r="E1119" t="str">
            <v>代表取締役</v>
          </cell>
          <cell r="F1119" t="str">
            <v>007-0890</v>
          </cell>
          <cell r="G1119" t="str">
            <v>東区中沼町２６－６</v>
          </cell>
          <cell r="H1119" t="str">
            <v>791-0600</v>
          </cell>
          <cell r="I1119" t="str">
            <v>791-6226</v>
          </cell>
        </row>
        <row r="1120">
          <cell r="A1120" t="str">
            <v>16018S</v>
          </cell>
          <cell r="B1120" t="str">
            <v>ｼﾝﾛｸｼｮｳﾃﾝ</v>
          </cell>
          <cell r="C1120" t="str">
            <v>（株）新六商店</v>
          </cell>
          <cell r="D1120" t="str">
            <v>小倉 秀彦</v>
          </cell>
          <cell r="E1120" t="str">
            <v>代表取締役</v>
          </cell>
          <cell r="F1120" t="str">
            <v>060-0031</v>
          </cell>
          <cell r="G1120" t="str">
            <v>中央区北１東１－２</v>
          </cell>
          <cell r="H1120" t="str">
            <v>231-3232</v>
          </cell>
          <cell r="I1120" t="str">
            <v>221-1447</v>
          </cell>
        </row>
        <row r="1121">
          <cell r="A1121" t="str">
            <v>16021X</v>
          </cell>
          <cell r="B1121" t="str">
            <v>ｼﾝｺｳﾃﾞﾝｷ</v>
          </cell>
          <cell r="C1121" t="str">
            <v>神鋼電機（株）札幌営業所</v>
          </cell>
          <cell r="D1121" t="str">
            <v>上田 昭</v>
          </cell>
          <cell r="E1121" t="str">
            <v>所長</v>
          </cell>
          <cell r="F1121" t="str">
            <v>060-0003</v>
          </cell>
          <cell r="G1121" t="str">
            <v>中央区北３西４ 第一生命ビル５Ｆ</v>
          </cell>
          <cell r="H1121" t="str">
            <v>231-2784</v>
          </cell>
          <cell r="I1121" t="str">
            <v>231-2792</v>
          </cell>
        </row>
        <row r="1122">
          <cell r="A1122" t="str">
            <v>16022V</v>
          </cell>
          <cell r="B1122" t="str">
            <v>ｼﾝﾖｳｷｶｲｺｳｷﾞｮｳ</v>
          </cell>
          <cell r="C1122" t="str">
            <v>新陽機械工業（株）</v>
          </cell>
          <cell r="D1122" t="str">
            <v>橋本 仁男</v>
          </cell>
          <cell r="E1122" t="str">
            <v>代表取締役</v>
          </cell>
          <cell r="F1122" t="str">
            <v>001-0045</v>
          </cell>
          <cell r="G1122" t="str">
            <v>北区麻生町９－２－８</v>
          </cell>
          <cell r="H1122" t="str">
            <v>756-0615</v>
          </cell>
          <cell r="I1122" t="str">
            <v>756-2440</v>
          </cell>
        </row>
        <row r="1123">
          <cell r="A1123" t="str">
            <v>16023S</v>
          </cell>
          <cell r="B1123" t="str">
            <v>ｼﾐｽﾞｶﾝｷﾞｮｳ</v>
          </cell>
          <cell r="C1123" t="str">
            <v>清水勧業（株）</v>
          </cell>
          <cell r="D1123" t="str">
            <v>土屋 洋二</v>
          </cell>
          <cell r="E1123" t="str">
            <v>代表取締役</v>
          </cell>
          <cell r="F1123" t="str">
            <v>064-8521</v>
          </cell>
          <cell r="G1123" t="str">
            <v>中央区南１１西２０－４－３</v>
          </cell>
          <cell r="H1123" t="str">
            <v>561-4201</v>
          </cell>
          <cell r="I1123" t="str">
            <v>561-4238</v>
          </cell>
        </row>
        <row r="1124">
          <cell r="A1124" t="str">
            <v>16026W</v>
          </cell>
          <cell r="B1124" t="str">
            <v>ｼﾝﾎｯｺｳｾｷﾕ</v>
          </cell>
          <cell r="C1124" t="str">
            <v>新北光石油（株）</v>
          </cell>
          <cell r="D1124" t="str">
            <v>高濱 一義</v>
          </cell>
          <cell r="E1124" t="str">
            <v>代表取締役社長</v>
          </cell>
          <cell r="F1124" t="str">
            <v>060-0054</v>
          </cell>
          <cell r="G1124" t="str">
            <v>中央区南４東２－４</v>
          </cell>
          <cell r="H1124" t="str">
            <v>231-0171</v>
          </cell>
          <cell r="I1124" t="str">
            <v>231-1106</v>
          </cell>
        </row>
        <row r="1125">
          <cell r="A1125" t="str">
            <v>16027T</v>
          </cell>
          <cell r="B1125" t="str">
            <v>ｼﾞｮｳｺｳ</v>
          </cell>
          <cell r="C1125" t="str">
            <v>（株）常光札幌支店</v>
          </cell>
          <cell r="D1125" t="str">
            <v>柏 悦夫</v>
          </cell>
          <cell r="E1125" t="str">
            <v>支店長</v>
          </cell>
          <cell r="F1125" t="str">
            <v>060-0807</v>
          </cell>
          <cell r="G1125" t="str">
            <v>北区北７西２－１５ 常光ビル</v>
          </cell>
          <cell r="H1125" t="str">
            <v>736-1311</v>
          </cell>
          <cell r="I1125" t="str">
            <v>716-4701</v>
          </cell>
        </row>
        <row r="1126">
          <cell r="A1126" t="str">
            <v>16029N</v>
          </cell>
          <cell r="B1126" t="str">
            <v>ｼﾏﾂﾞｾｲｻｸｼｮ</v>
          </cell>
          <cell r="C1126" t="str">
            <v>（株）島津製作所札幌支店</v>
          </cell>
          <cell r="D1126" t="str">
            <v>高垣 昌久</v>
          </cell>
          <cell r="E1126" t="str">
            <v>支店長</v>
          </cell>
          <cell r="F1126" t="str">
            <v>060-0005</v>
          </cell>
          <cell r="G1126" t="str">
            <v>中央区北５西６－２－２ 札幌センタービル８階</v>
          </cell>
          <cell r="H1126" t="str">
            <v>205-5500</v>
          </cell>
          <cell r="I1126" t="str">
            <v>205-5490</v>
          </cell>
        </row>
        <row r="1127">
          <cell r="A1127" t="str">
            <v>16032T</v>
          </cell>
          <cell r="B1127" t="str">
            <v>ｼﾞｬﾉﾒﾐｼﾝｺｳｷﾞｮｳ</v>
          </cell>
          <cell r="C1127" t="str">
            <v>蛇の目ミシン工業（株）法人事業部</v>
          </cell>
          <cell r="D1127" t="str">
            <v>亀田 和芳</v>
          </cell>
          <cell r="E1127" t="str">
            <v>法人事業部長</v>
          </cell>
          <cell r="F1127" t="str">
            <v>104-8311</v>
          </cell>
          <cell r="G1127" t="str">
            <v>区東京都中央区京橋３－１－１</v>
          </cell>
          <cell r="H1127" t="str">
            <v>03-3277-2252</v>
          </cell>
          <cell r="I1127" t="str">
            <v>03-3277-2294</v>
          </cell>
        </row>
        <row r="1128">
          <cell r="A1128" t="str">
            <v>16035X</v>
          </cell>
          <cell r="B1128" t="str">
            <v>ｼｾﾞﾝｼｬ</v>
          </cell>
          <cell r="C1128" t="str">
            <v>（有）自然社</v>
          </cell>
          <cell r="D1128" t="str">
            <v>下田 健次</v>
          </cell>
          <cell r="E1128" t="str">
            <v>代表取締役</v>
          </cell>
          <cell r="F1128" t="str">
            <v>064-0811</v>
          </cell>
          <cell r="G1128" t="str">
            <v>中央区南１１西７－１０４６－９</v>
          </cell>
          <cell r="H1128" t="str">
            <v>562-0606</v>
          </cell>
          <cell r="I1128" t="str">
            <v>562-0808</v>
          </cell>
        </row>
        <row r="1129">
          <cell r="A1129" t="str">
            <v>16036V</v>
          </cell>
          <cell r="B1129" t="str">
            <v>ｼｮｳﾜﾃｯｺｳ</v>
          </cell>
          <cell r="C1129" t="str">
            <v>昭和鉄工（株）札幌営業所</v>
          </cell>
          <cell r="D1129" t="str">
            <v>野河 尊教</v>
          </cell>
          <cell r="E1129" t="str">
            <v>所長</v>
          </cell>
          <cell r="F1129" t="str">
            <v>061-3244</v>
          </cell>
          <cell r="G1129" t="str">
            <v>区石狩市新港南１－２２－３７</v>
          </cell>
          <cell r="H1129" t="str">
            <v>0133-64-3676</v>
          </cell>
          <cell r="I1129" t="str">
            <v>0133-64-2369</v>
          </cell>
        </row>
        <row r="1130">
          <cell r="A1130" t="str">
            <v>16038P</v>
          </cell>
          <cell r="B1130" t="str">
            <v>ｼﾞｬﾊﾟﾚﾝ</v>
          </cell>
          <cell r="C1130" t="str">
            <v>（株）ジャパレン札幌支店</v>
          </cell>
          <cell r="D1130" t="str">
            <v>小野 三樹雄</v>
          </cell>
          <cell r="E1130" t="str">
            <v>支店長</v>
          </cell>
          <cell r="F1130" t="str">
            <v>060-0035</v>
          </cell>
          <cell r="G1130" t="str">
            <v>中央区北５東２－１－１１</v>
          </cell>
          <cell r="H1130" t="str">
            <v>219-3900</v>
          </cell>
          <cell r="I1130" t="str">
            <v>219-3903</v>
          </cell>
        </row>
        <row r="1131">
          <cell r="A1131" t="str">
            <v>16039Z</v>
          </cell>
          <cell r="B1131" t="str">
            <v>ｼﾝﾒｲﾜｺｳｷﾞｮｳ</v>
          </cell>
          <cell r="C1131" t="str">
            <v>新明和工業（株）北海道支店</v>
          </cell>
          <cell r="D1131" t="str">
            <v>山田 豊</v>
          </cell>
          <cell r="E1131" t="str">
            <v>支店長</v>
          </cell>
          <cell r="F1131" t="str">
            <v>063-0801</v>
          </cell>
          <cell r="G1131" t="str">
            <v>西区二十四軒１－７－２－３９</v>
          </cell>
          <cell r="H1131" t="str">
            <v>641-0881</v>
          </cell>
          <cell r="I1131" t="str">
            <v>611-6616</v>
          </cell>
        </row>
        <row r="1132">
          <cell r="A1132" t="str">
            <v>16041V</v>
          </cell>
          <cell r="B1132" t="str">
            <v>ｼｮｳﾌﾞﾝｼｬｲﾝｻﾂ</v>
          </cell>
          <cell r="C1132" t="str">
            <v>正文舎印刷（株）</v>
          </cell>
          <cell r="D1132" t="str">
            <v>岸 洋</v>
          </cell>
          <cell r="E1132" t="str">
            <v>代表取締役</v>
          </cell>
          <cell r="F1132" t="str">
            <v>003-0802</v>
          </cell>
          <cell r="G1132" t="str">
            <v>白石区菊水２－１－４－２７</v>
          </cell>
          <cell r="H1132" t="str">
            <v>811-7151</v>
          </cell>
          <cell r="I1132" t="str">
            <v>813-2581</v>
          </cell>
        </row>
        <row r="1133">
          <cell r="A1133" t="str">
            <v>16042S</v>
          </cell>
          <cell r="B1133" t="str">
            <v>ｼｮｳﾜｻｲｾｷｺｳｷﾞｮｳ</v>
          </cell>
          <cell r="C1133" t="str">
            <v>昭和採石工業（株）</v>
          </cell>
          <cell r="D1133" t="str">
            <v>小岸 哲郎</v>
          </cell>
          <cell r="E1133" t="str">
            <v>代表取締役</v>
          </cell>
          <cell r="F1133" t="str">
            <v>005-0817</v>
          </cell>
          <cell r="G1133" t="str">
            <v>南区川沿１７－２－４－６６</v>
          </cell>
          <cell r="H1133" t="str">
            <v>571-7740</v>
          </cell>
          <cell r="I1133" t="str">
            <v>571-8544</v>
          </cell>
        </row>
        <row r="1134">
          <cell r="A1134" t="str">
            <v>16044Z</v>
          </cell>
          <cell r="B1134" t="str">
            <v>ｴﾝｶｲﾁｮｳｻｴﾝｼﾞﾆｱﾘﾝｸﾞ</v>
          </cell>
          <cell r="C1134" t="str">
            <v>（株）沿海調査エンジニアリング</v>
          </cell>
          <cell r="D1134" t="str">
            <v>土田 浩人</v>
          </cell>
          <cell r="E1134" t="str">
            <v>代表取締役</v>
          </cell>
          <cell r="F1134" t="str">
            <v>060-0009</v>
          </cell>
          <cell r="G1134" t="str">
            <v>中央区北９西１８－３５－８９</v>
          </cell>
          <cell r="H1134" t="str">
            <v>621-1240</v>
          </cell>
          <cell r="I1134" t="str">
            <v>621-1340</v>
          </cell>
        </row>
        <row r="1135">
          <cell r="A1135" t="str">
            <v>16045W</v>
          </cell>
          <cell r="B1135" t="str">
            <v>ｼｮｳﾜﾚｰﾍﾞﾙｲﾝｻﾂｺｳｷﾞｮｳ</v>
          </cell>
          <cell r="C1135" t="str">
            <v>昭和レーベル印刷工業（株）</v>
          </cell>
          <cell r="D1135" t="str">
            <v>佐々木 敦</v>
          </cell>
          <cell r="E1135" t="str">
            <v>代表取締役</v>
          </cell>
          <cell r="F1135" t="str">
            <v>063-0836</v>
          </cell>
          <cell r="G1135" t="str">
            <v>西区発寒１６－１４－４－１０</v>
          </cell>
          <cell r="H1135" t="str">
            <v>663-1211</v>
          </cell>
          <cell r="I1135" t="str">
            <v>663-1263</v>
          </cell>
        </row>
        <row r="1136">
          <cell r="A1136" t="str">
            <v>16046T</v>
          </cell>
          <cell r="B1136" t="str">
            <v>ｼﾐｽﾞｼｮﾎﾞｳ</v>
          </cell>
          <cell r="C1136" t="str">
            <v>清水書房</v>
          </cell>
          <cell r="D1136" t="str">
            <v>清水 妙子</v>
          </cell>
          <cell r="E1136" t="str">
            <v>代表</v>
          </cell>
          <cell r="F1136" t="str">
            <v>064-0806</v>
          </cell>
          <cell r="G1136" t="str">
            <v>中央区南６西１６－２－２２</v>
          </cell>
          <cell r="H1136" t="str">
            <v>561-9384</v>
          </cell>
          <cell r="I1136" t="str">
            <v>561-4995</v>
          </cell>
        </row>
        <row r="1137">
          <cell r="A1137" t="str">
            <v>16047R</v>
          </cell>
          <cell r="B1137" t="str">
            <v>ｼﾞﾑｷｻｰﾋﾞｽ</v>
          </cell>
          <cell r="C1137" t="str">
            <v>（株）ジムキサービス</v>
          </cell>
          <cell r="D1137" t="str">
            <v>三熊 勝征</v>
          </cell>
          <cell r="E1137" t="str">
            <v>代表取締役</v>
          </cell>
          <cell r="F1137" t="str">
            <v>062-0002</v>
          </cell>
          <cell r="G1137" t="str">
            <v>豊平区美園２－５－２－１０</v>
          </cell>
          <cell r="H1137" t="str">
            <v>831-9541</v>
          </cell>
          <cell r="I1137" t="str">
            <v>831-9992</v>
          </cell>
        </row>
        <row r="1138">
          <cell r="A1138" t="str">
            <v>16048N</v>
          </cell>
          <cell r="B1138" t="str">
            <v>ｼﾛｲｼｾｲｻｸｼｮ</v>
          </cell>
          <cell r="C1138" t="str">
            <v>（株）白石製作所</v>
          </cell>
          <cell r="D1138" t="str">
            <v>吉田 義一</v>
          </cell>
          <cell r="E1138" t="str">
            <v>代表取締役</v>
          </cell>
          <cell r="F1138" t="str">
            <v>003-0027</v>
          </cell>
          <cell r="G1138" t="str">
            <v>白石区本通３北３－１３</v>
          </cell>
          <cell r="H1138" t="str">
            <v>861-0689</v>
          </cell>
          <cell r="I1138" t="str">
            <v>861-6073</v>
          </cell>
        </row>
        <row r="1139">
          <cell r="A1139" t="str">
            <v>16049Y</v>
          </cell>
          <cell r="B1139" t="str">
            <v>ｼﾗｻｷｾﾝｲｺｳｷﾞｮｳ</v>
          </cell>
          <cell r="C1139" t="str">
            <v>白崎繊維工業（株）</v>
          </cell>
          <cell r="D1139" t="str">
            <v>白崎 邦彦</v>
          </cell>
          <cell r="E1139" t="str">
            <v>代表取締役</v>
          </cell>
          <cell r="F1139" t="str">
            <v>003-0028</v>
          </cell>
          <cell r="G1139" t="str">
            <v>白石区平和通３南１－４</v>
          </cell>
          <cell r="H1139" t="str">
            <v>861-4146</v>
          </cell>
          <cell r="I1139" t="str">
            <v>862-8640</v>
          </cell>
        </row>
        <row r="1140">
          <cell r="A1140" t="str">
            <v>16052R</v>
          </cell>
          <cell r="B1140" t="str">
            <v>ｼﾐｽﾞｼｮｳｶｲ</v>
          </cell>
          <cell r="C1140" t="str">
            <v>（株）清水商会</v>
          </cell>
          <cell r="D1140" t="str">
            <v>清水 祐自</v>
          </cell>
          <cell r="E1140" t="str">
            <v>代表取締役</v>
          </cell>
          <cell r="F1140" t="str">
            <v>064-0802</v>
          </cell>
          <cell r="G1140" t="str">
            <v>中央区南２西２６－２－３７－３０２</v>
          </cell>
          <cell r="H1140" t="str">
            <v>612-0787</v>
          </cell>
          <cell r="I1140" t="str">
            <v>612-0812</v>
          </cell>
        </row>
        <row r="1141">
          <cell r="A1141" t="str">
            <v>16054Y</v>
          </cell>
          <cell r="B1141" t="str">
            <v>ｼﾝｼﾞｮｳﾎｳｾﾝﾀｰ</v>
          </cell>
          <cell r="C1141" t="str">
            <v>（社）新情報センター</v>
          </cell>
          <cell r="D1141" t="str">
            <v>永島 泰彦</v>
          </cell>
          <cell r="E1141" t="str">
            <v>会長</v>
          </cell>
          <cell r="F1141" t="str">
            <v>150-0013</v>
          </cell>
          <cell r="G1141" t="str">
            <v>東京都渋谷区恵比寿１－１３－６</v>
          </cell>
          <cell r="H1141" t="str">
            <v>03-3473-5231</v>
          </cell>
          <cell r="I1141" t="str">
            <v>03-3473-5353</v>
          </cell>
        </row>
        <row r="1142">
          <cell r="A1142" t="str">
            <v>16060V</v>
          </cell>
          <cell r="B1142" t="str">
            <v>ｼﾝｼｮｳｼﾞ</v>
          </cell>
          <cell r="C1142" t="str">
            <v>（株）シン商事</v>
          </cell>
          <cell r="D1142" t="str">
            <v>新林 政明</v>
          </cell>
          <cell r="E1142" t="str">
            <v>代表取締役</v>
          </cell>
          <cell r="F1142" t="str">
            <v>062-0041</v>
          </cell>
          <cell r="G1142" t="str">
            <v>豊平区福住１－５－１－３山田ビルＢ</v>
          </cell>
          <cell r="H1142" t="str">
            <v>853-4054</v>
          </cell>
          <cell r="I1142" t="str">
            <v>856-5737</v>
          </cell>
        </row>
        <row r="1143">
          <cell r="A1143" t="str">
            <v>16061S</v>
          </cell>
          <cell r="B1143" t="str">
            <v>ｼﾐｽﾞｹﾝｷﾞｮｳ</v>
          </cell>
          <cell r="C1143" t="str">
            <v>清水建業（株）</v>
          </cell>
          <cell r="D1143" t="str">
            <v>清水 高</v>
          </cell>
          <cell r="E1143" t="str">
            <v>代表取締役</v>
          </cell>
          <cell r="F1143" t="str">
            <v>003-0022</v>
          </cell>
          <cell r="G1143" t="str">
            <v>白石区南郷通１４南３－７</v>
          </cell>
          <cell r="H1143" t="str">
            <v>861-8290</v>
          </cell>
          <cell r="I1143" t="str">
            <v>862-5418</v>
          </cell>
        </row>
        <row r="1144">
          <cell r="A1144" t="str">
            <v>16062P</v>
          </cell>
          <cell r="B1144" t="str">
            <v>ｼｭｳﾜﾃﾞﾝｺｰ</v>
          </cell>
          <cell r="C1144" t="str">
            <v>秀和電工（株）</v>
          </cell>
          <cell r="D1144" t="str">
            <v>杉山 邦章</v>
          </cell>
          <cell r="E1144" t="str">
            <v>代表取締役</v>
          </cell>
          <cell r="F1144" t="str">
            <v>060-0001</v>
          </cell>
          <cell r="G1144" t="str">
            <v>中央区北１西１８－２－１</v>
          </cell>
          <cell r="H1144" t="str">
            <v>612-6061</v>
          </cell>
          <cell r="I1144" t="str">
            <v>612-6071</v>
          </cell>
        </row>
        <row r="1145">
          <cell r="A1145" t="str">
            <v>16063Z</v>
          </cell>
          <cell r="B1145" t="str">
            <v>ｼｹﾞﾓﾘｻﾝｷﾞｮｳ</v>
          </cell>
          <cell r="C1145" t="str">
            <v>重森産業（株）</v>
          </cell>
          <cell r="D1145" t="str">
            <v>重森 徹</v>
          </cell>
          <cell r="E1145" t="str">
            <v>代表取締役</v>
          </cell>
          <cell r="F1145" t="str">
            <v>005-0813</v>
          </cell>
          <cell r="G1145" t="str">
            <v>南区川沿１３－２－３－８</v>
          </cell>
          <cell r="H1145" t="str">
            <v>571-5334</v>
          </cell>
          <cell r="I1145" t="str">
            <v>572-2729</v>
          </cell>
        </row>
        <row r="1146">
          <cell r="A1146" t="str">
            <v>16066R</v>
          </cell>
          <cell r="B1146" t="str">
            <v>ｼｮｳｴｲｷｺｳ</v>
          </cell>
          <cell r="C1146" t="str">
            <v>正栄機工（株）</v>
          </cell>
          <cell r="D1146" t="str">
            <v>及川 正一</v>
          </cell>
          <cell r="E1146" t="str">
            <v>代表取締役</v>
          </cell>
          <cell r="F1146" t="str">
            <v>065-0024</v>
          </cell>
          <cell r="G1146" t="str">
            <v>東区北２４東１６－１－６</v>
          </cell>
          <cell r="H1146" t="str">
            <v>785-8111</v>
          </cell>
          <cell r="I1146" t="str">
            <v>785-8222</v>
          </cell>
        </row>
        <row r="1147">
          <cell r="A1147" t="str">
            <v>16069W</v>
          </cell>
          <cell r="B1147" t="str">
            <v>ｼｽﾃﾑ･ｻﾌﾟﾗｲ</v>
          </cell>
          <cell r="C1147" t="str">
            <v>システム・サプライ（株）</v>
          </cell>
          <cell r="D1147" t="str">
            <v>小松 幸雄</v>
          </cell>
          <cell r="E1147" t="str">
            <v>代表取締役</v>
          </cell>
          <cell r="F1147" t="str">
            <v>060-0002</v>
          </cell>
          <cell r="G1147" t="str">
            <v>中央区北２西３－１ 越山ビル</v>
          </cell>
          <cell r="H1147" t="str">
            <v>210-0815</v>
          </cell>
          <cell r="I1147" t="str">
            <v>210-0885</v>
          </cell>
        </row>
        <row r="1148">
          <cell r="A1148" t="str">
            <v>16071R</v>
          </cell>
          <cell r="B1148" t="str">
            <v>ｼﾝﾕﾆｵﾝ</v>
          </cell>
          <cell r="C1148" t="str">
            <v>（株）新ユニオン</v>
          </cell>
          <cell r="D1148" t="str">
            <v>畑 徳雄</v>
          </cell>
          <cell r="E1148" t="str">
            <v>代表取締役</v>
          </cell>
          <cell r="F1148" t="str">
            <v>060-0004</v>
          </cell>
          <cell r="G1148" t="str">
            <v>中央区北４西２－１ 北四条ビル５Ｆ</v>
          </cell>
          <cell r="H1148" t="str">
            <v>231-6837</v>
          </cell>
          <cell r="I1148" t="str">
            <v>231-6875</v>
          </cell>
        </row>
        <row r="1149">
          <cell r="A1149" t="str">
            <v>16078X</v>
          </cell>
          <cell r="B1149" t="str">
            <v>ｼﾓｸﾆ</v>
          </cell>
          <cell r="C1149" t="str">
            <v>（株）シモクニ</v>
          </cell>
          <cell r="D1149" t="str">
            <v>下國 民雄</v>
          </cell>
          <cell r="E1149" t="str">
            <v>代表取締役</v>
          </cell>
          <cell r="F1149" t="str">
            <v>060-0006</v>
          </cell>
          <cell r="G1149" t="str">
            <v>中央区北６西１５－３</v>
          </cell>
          <cell r="H1149" t="str">
            <v>631-4865</v>
          </cell>
          <cell r="I1149" t="str">
            <v>643-2823</v>
          </cell>
        </row>
        <row r="1150">
          <cell r="A1150" t="str">
            <v>16080S</v>
          </cell>
          <cell r="B1150" t="str">
            <v>ｼﾅﾈﾝｼｮｳｼﾞ</v>
          </cell>
          <cell r="C1150" t="str">
            <v>しなねん商事（株）</v>
          </cell>
          <cell r="D1150" t="str">
            <v>小山 秀昭</v>
          </cell>
          <cell r="E1150" t="str">
            <v>代表取締役</v>
          </cell>
          <cell r="F1150" t="str">
            <v>063-0823</v>
          </cell>
          <cell r="G1150" t="str">
            <v>西区発寒３－１－６－６</v>
          </cell>
          <cell r="H1150" t="str">
            <v>662-7347</v>
          </cell>
          <cell r="I1150" t="str">
            <v>665-4166</v>
          </cell>
        </row>
        <row r="1151">
          <cell r="A1151" t="str">
            <v>16084V</v>
          </cell>
          <cell r="B1151" t="str">
            <v>ｼﾝｴｲﾛｯｸｻｰﾋﾞｽ</v>
          </cell>
          <cell r="C1151" t="str">
            <v>進栄ロックサービス（株）</v>
          </cell>
          <cell r="D1151" t="str">
            <v>高橋 進</v>
          </cell>
          <cell r="E1151" t="str">
            <v>代表取締役</v>
          </cell>
          <cell r="F1151" t="str">
            <v>065-0017</v>
          </cell>
          <cell r="G1151" t="str">
            <v>東区北１７東７－１－１５</v>
          </cell>
          <cell r="H1151" t="str">
            <v>742-3961</v>
          </cell>
          <cell r="I1151" t="str">
            <v>742-3940</v>
          </cell>
        </row>
        <row r="1152">
          <cell r="A1152" t="str">
            <v>16086N</v>
          </cell>
          <cell r="B1152" t="str">
            <v>ｼｮｳﾜﾘｰｽ</v>
          </cell>
          <cell r="C1152" t="str">
            <v>昭和リース（株）</v>
          </cell>
          <cell r="D1152" t="str">
            <v>松下 正美</v>
          </cell>
          <cell r="E1152" t="str">
            <v>代表取締役</v>
          </cell>
          <cell r="F1152" t="str">
            <v>160-8502</v>
          </cell>
          <cell r="G1152" t="str">
            <v>東京都新宿区四谷３－１２</v>
          </cell>
          <cell r="H1152" t="str">
            <v>03-3226-3937</v>
          </cell>
          <cell r="I1152" t="str">
            <v>03-3226-3993</v>
          </cell>
        </row>
        <row r="1153">
          <cell r="A1153" t="str">
            <v>16092Y</v>
          </cell>
          <cell r="B1153" t="str">
            <v>ｼｽﾃﾑｻｰﾋﾞｽ</v>
          </cell>
          <cell r="C1153" t="str">
            <v>システムサービス（株）</v>
          </cell>
          <cell r="D1153" t="str">
            <v>田中 由彦</v>
          </cell>
          <cell r="E1153" t="str">
            <v>代表取締役</v>
          </cell>
          <cell r="F1153" t="str">
            <v>003-0809</v>
          </cell>
          <cell r="G1153" t="str">
            <v>白石区菊水９－３－２－３１</v>
          </cell>
          <cell r="H1153" t="str">
            <v>811-2223</v>
          </cell>
          <cell r="I1153" t="str">
            <v>824-3487</v>
          </cell>
        </row>
        <row r="1154">
          <cell r="A1154" t="str">
            <v>16098V</v>
          </cell>
          <cell r="B1154" t="str">
            <v>ﾛｰﾄﾞﾏｼﾝ</v>
          </cell>
          <cell r="C1154" t="str">
            <v>ロードマシン（株）</v>
          </cell>
          <cell r="D1154" t="str">
            <v>澤登 信之</v>
          </cell>
          <cell r="E1154" t="str">
            <v>代表取締役</v>
          </cell>
          <cell r="F1154" t="str">
            <v>063-0830</v>
          </cell>
          <cell r="G1154" t="str">
            <v>西区発寒１０－２－５－２８</v>
          </cell>
          <cell r="H1154" t="str">
            <v>666-9101</v>
          </cell>
          <cell r="I1154" t="str">
            <v>666-9292</v>
          </cell>
        </row>
        <row r="1155">
          <cell r="A1155" t="str">
            <v>16101X</v>
          </cell>
          <cell r="B1155" t="str">
            <v>ﾏﾙｼｹﾞｼﾓｼｮｳﾃﾝ</v>
          </cell>
          <cell r="C1155" t="str">
            <v>（株）丸繁志茂商店</v>
          </cell>
          <cell r="D1155" t="str">
            <v>志茂 敏郎</v>
          </cell>
          <cell r="E1155" t="str">
            <v>代表取締役</v>
          </cell>
          <cell r="F1155" t="str">
            <v>003-0833</v>
          </cell>
          <cell r="G1155" t="str">
            <v>白石区北郷３－４－５－４</v>
          </cell>
          <cell r="H1155" t="str">
            <v>871-0888</v>
          </cell>
          <cell r="I1155" t="str">
            <v>875-1805</v>
          </cell>
        </row>
        <row r="1156">
          <cell r="A1156" t="str">
            <v>16108R</v>
          </cell>
          <cell r="B1156" t="str">
            <v>ﾎｰﾑｸﾘｴｲﾄ</v>
          </cell>
          <cell r="C1156" t="str">
            <v>（株）ホームクリエイト</v>
          </cell>
          <cell r="D1156" t="str">
            <v>右近 鷹彦</v>
          </cell>
          <cell r="E1156" t="str">
            <v>代表取締役</v>
          </cell>
          <cell r="F1156" t="str">
            <v>001-0908</v>
          </cell>
          <cell r="G1156" t="str">
            <v>北区新琴似８－２－１－１４</v>
          </cell>
          <cell r="H1156" t="str">
            <v>761-5093</v>
          </cell>
          <cell r="I1156" t="str">
            <v>761-5548</v>
          </cell>
        </row>
        <row r="1157">
          <cell r="A1157" t="str">
            <v>16110Y</v>
          </cell>
          <cell r="B1157" t="str">
            <v>ｼﾝﾄｳﾖｳ</v>
          </cell>
          <cell r="C1157" t="str">
            <v>（株）新東洋</v>
          </cell>
          <cell r="D1157" t="str">
            <v>柳町 惠造</v>
          </cell>
          <cell r="E1157" t="str">
            <v>代表取締役</v>
          </cell>
          <cell r="F1157" t="str">
            <v>062-0010</v>
          </cell>
          <cell r="G1157" t="str">
            <v>豊平区美園１０－５－３－３</v>
          </cell>
          <cell r="H1157" t="str">
            <v>832-2231</v>
          </cell>
          <cell r="I1157" t="str">
            <v>832-2839</v>
          </cell>
        </row>
        <row r="1158">
          <cell r="A1158" t="str">
            <v>16114N</v>
          </cell>
          <cell r="B1158" t="str">
            <v>ｼﾊﾞﾀﾄｹｲﾃﾝ</v>
          </cell>
          <cell r="C1158" t="str">
            <v>（株）柴田時計店</v>
          </cell>
          <cell r="D1158" t="str">
            <v>柴田 一男</v>
          </cell>
          <cell r="E1158" t="str">
            <v>代表取締役</v>
          </cell>
          <cell r="F1158" t="str">
            <v>001-0023</v>
          </cell>
          <cell r="G1158" t="str">
            <v>北区北２３西４－１－２０</v>
          </cell>
          <cell r="H1158" t="str">
            <v>716-9496</v>
          </cell>
          <cell r="I1158" t="str">
            <v>716-9622</v>
          </cell>
        </row>
        <row r="1159">
          <cell r="A1159" t="str">
            <v>16121V</v>
          </cell>
          <cell r="B1159" t="str">
            <v>ｼﾛｲｼｼﾞﾄﾞｳｼｬｺｳｷﾞｮｳ</v>
          </cell>
          <cell r="C1159" t="str">
            <v>白石自動車工業（株）</v>
          </cell>
          <cell r="D1159" t="str">
            <v>上田 賢一</v>
          </cell>
          <cell r="E1159" t="str">
            <v>代表取締役</v>
          </cell>
          <cell r="F1159" t="str">
            <v>003-0027</v>
          </cell>
          <cell r="G1159" t="str">
            <v>白石区本通４北６－２０</v>
          </cell>
          <cell r="H1159" t="str">
            <v>861-3359</v>
          </cell>
          <cell r="I1159" t="str">
            <v>861-8342</v>
          </cell>
        </row>
        <row r="1160">
          <cell r="A1160" t="str">
            <v>16129Y</v>
          </cell>
          <cell r="B1160" t="str">
            <v>ｼｽﾃﾑﾌﾞﾚｲﾝ</v>
          </cell>
          <cell r="C1160" t="str">
            <v>（株）システムブレイン</v>
          </cell>
          <cell r="D1160" t="str">
            <v>下川原 康之</v>
          </cell>
          <cell r="E1160" t="str">
            <v>代表取締役社長</v>
          </cell>
          <cell r="F1160" t="str">
            <v>003-0021</v>
          </cell>
          <cell r="G1160" t="str">
            <v>白石区栄通９－５－８</v>
          </cell>
          <cell r="H1160" t="str">
            <v>851-9944</v>
          </cell>
          <cell r="I1160" t="str">
            <v>851-9969</v>
          </cell>
        </row>
        <row r="1161">
          <cell r="A1161" t="str">
            <v>16134Y</v>
          </cell>
          <cell r="B1161" t="str">
            <v>ｼｮｳﾜﾏﾃﾘｱﾙ</v>
          </cell>
          <cell r="C1161" t="str">
            <v>昭和マテリアル（株）札幌営業所</v>
          </cell>
          <cell r="D1161" t="str">
            <v>大竹 弘光</v>
          </cell>
          <cell r="E1161" t="str">
            <v>営業所長</v>
          </cell>
          <cell r="F1161" t="str">
            <v>003-0027</v>
          </cell>
          <cell r="G1161" t="str">
            <v>白石区本通２０北２－４５</v>
          </cell>
          <cell r="H1161" t="str">
            <v>862-1917</v>
          </cell>
          <cell r="I1161" t="str">
            <v>863-6801</v>
          </cell>
        </row>
        <row r="1162">
          <cell r="A1162" t="str">
            <v>16137P</v>
          </cell>
          <cell r="B1162" t="str">
            <v>ｼｰﾌﾟ</v>
          </cell>
          <cell r="C1162" t="str">
            <v>（株）シープ</v>
          </cell>
          <cell r="D1162" t="str">
            <v>藤東 宣博</v>
          </cell>
          <cell r="E1162" t="str">
            <v>代表取締役</v>
          </cell>
          <cell r="F1162" t="str">
            <v>060-0907</v>
          </cell>
          <cell r="G1162" t="str">
            <v>東区北７東５－１－８</v>
          </cell>
          <cell r="H1162" t="str">
            <v>753-1010</v>
          </cell>
          <cell r="I1162" t="str">
            <v>753-2708</v>
          </cell>
        </row>
        <row r="1163">
          <cell r="A1163" t="str">
            <v>16141S</v>
          </cell>
          <cell r="B1163" t="str">
            <v>ｼﾛｲｼｱﾝｾﾞﾝｼﾞﾄﾞｳｼｬ</v>
          </cell>
          <cell r="C1163" t="str">
            <v>（株）白石安全自動車</v>
          </cell>
          <cell r="D1163" t="str">
            <v>野上 多寿子</v>
          </cell>
          <cell r="E1163" t="str">
            <v>代表取締役</v>
          </cell>
          <cell r="F1163" t="str">
            <v>003-0012</v>
          </cell>
          <cell r="G1163" t="str">
            <v>白石区中央２－４－８－１３</v>
          </cell>
          <cell r="H1163" t="str">
            <v>821-2361</v>
          </cell>
          <cell r="I1163" t="str">
            <v>811-3287</v>
          </cell>
        </row>
        <row r="1164">
          <cell r="A1164" t="str">
            <v>16142P</v>
          </cell>
          <cell r="B1164" t="str">
            <v>ｼﾛｲｼｺﾞﾑｾｲｻｸｼｮ</v>
          </cell>
          <cell r="C1164" t="str">
            <v>（株）白石ゴム製作所</v>
          </cell>
          <cell r="D1164" t="str">
            <v>千葉 武雄</v>
          </cell>
          <cell r="E1164" t="str">
            <v>代表取締役</v>
          </cell>
          <cell r="F1164" t="str">
            <v>003-0834</v>
          </cell>
          <cell r="G1164" t="str">
            <v>白石区北郷４－４－２０－１７</v>
          </cell>
          <cell r="H1164" t="str">
            <v>872-3771</v>
          </cell>
          <cell r="I1164" t="str">
            <v>875-6343</v>
          </cell>
        </row>
        <row r="1165">
          <cell r="A1165" t="str">
            <v>16143Z</v>
          </cell>
          <cell r="B1165" t="str">
            <v>ｼﾞﾁﾀｲﾋﾞｮｳｲﾝｷｮｳｻｲｶｲ</v>
          </cell>
          <cell r="C1165" t="str">
            <v>（株）自治体病院共済会</v>
          </cell>
          <cell r="D1165" t="str">
            <v>下川 泰</v>
          </cell>
          <cell r="E1165" t="str">
            <v>代表取締役社長</v>
          </cell>
          <cell r="F1165" t="str">
            <v>102-0094</v>
          </cell>
          <cell r="G1165" t="str">
            <v>東京都千代田区紀尾井町３－２７剛堂会館内</v>
          </cell>
          <cell r="H1165" t="str">
            <v>03-3263-3397</v>
          </cell>
          <cell r="I1165" t="str">
            <v>03-3265-5868</v>
          </cell>
        </row>
        <row r="1166">
          <cell r="A1166" t="str">
            <v>16145T</v>
          </cell>
          <cell r="B1166" t="str">
            <v>ｼｮｳﾜﾌﾟﾗﾝﾄ</v>
          </cell>
          <cell r="C1166" t="str">
            <v>（株）昭和プラント</v>
          </cell>
          <cell r="D1166" t="str">
            <v>山田 俊昭</v>
          </cell>
          <cell r="E1166" t="str">
            <v>代表取締役</v>
          </cell>
          <cell r="F1166" t="str">
            <v>001-0924</v>
          </cell>
          <cell r="G1166" t="str">
            <v>北区新川４－３－３－７</v>
          </cell>
          <cell r="H1166" t="str">
            <v>764-6768</v>
          </cell>
          <cell r="I1166" t="str">
            <v>764-6720</v>
          </cell>
        </row>
        <row r="1167">
          <cell r="A1167" t="str">
            <v>16150T</v>
          </cell>
          <cell r="B1167" t="str">
            <v>ｼｮｳﾜﾒﾃﾞｨｶﾙ</v>
          </cell>
          <cell r="C1167" t="str">
            <v>（株）昭和メディカル</v>
          </cell>
          <cell r="D1167" t="str">
            <v>畠山 民夫</v>
          </cell>
          <cell r="E1167" t="str">
            <v>代表取締役</v>
          </cell>
          <cell r="F1167" t="str">
            <v>060-0013</v>
          </cell>
          <cell r="G1167" t="str">
            <v>中央区北１３西１７－１－３６</v>
          </cell>
          <cell r="H1167" t="str">
            <v>758-8745</v>
          </cell>
          <cell r="I1167" t="str">
            <v>758-4566</v>
          </cell>
        </row>
        <row r="1168">
          <cell r="A1168" t="str">
            <v>16154W</v>
          </cell>
          <cell r="B1168" t="str">
            <v>ｼﾝﾆﾁ</v>
          </cell>
          <cell r="C1168" t="str">
            <v>（株）シンニチ</v>
          </cell>
          <cell r="D1168" t="str">
            <v>郷司 勢子</v>
          </cell>
          <cell r="E1168" t="str">
            <v>代表取締役</v>
          </cell>
          <cell r="F1168" t="str">
            <v>060-0807</v>
          </cell>
          <cell r="G1168" t="str">
            <v>北区北７西５－８－５</v>
          </cell>
          <cell r="H1168" t="str">
            <v>726-7725</v>
          </cell>
          <cell r="I1168" t="str">
            <v>726-7565</v>
          </cell>
        </row>
        <row r="1169">
          <cell r="A1169" t="str">
            <v>16158X</v>
          </cell>
          <cell r="B1169" t="str">
            <v>ｼｮｳﾜﾖｳｷﾞｮｳ</v>
          </cell>
          <cell r="C1169" t="str">
            <v>昭和窯業（株）</v>
          </cell>
          <cell r="D1169" t="str">
            <v>西村 孚</v>
          </cell>
          <cell r="E1169" t="str">
            <v>代表取締役</v>
          </cell>
          <cell r="F1169" t="str">
            <v>067-0052</v>
          </cell>
          <cell r="G1169" t="str">
            <v>江別市角山６８－２</v>
          </cell>
          <cell r="H1169" t="str">
            <v>382-3415</v>
          </cell>
          <cell r="I1169" t="str">
            <v>384-4469</v>
          </cell>
        </row>
        <row r="1170">
          <cell r="A1170" t="str">
            <v>16176Z</v>
          </cell>
          <cell r="B1170" t="str">
            <v>ｼﾊﾞﾀｾｷﾕ</v>
          </cell>
          <cell r="C1170" t="str">
            <v>柴田石油（有）</v>
          </cell>
          <cell r="D1170" t="str">
            <v>柴田 豊</v>
          </cell>
          <cell r="E1170" t="str">
            <v>代表取締役</v>
          </cell>
          <cell r="F1170" t="str">
            <v>005-0842</v>
          </cell>
          <cell r="G1170" t="str">
            <v>南区石山２－７－５－１８</v>
          </cell>
          <cell r="H1170" t="str">
            <v>592-4951</v>
          </cell>
          <cell r="I1170" t="str">
            <v>592-4952</v>
          </cell>
        </row>
        <row r="1171">
          <cell r="A1171" t="str">
            <v>16177X</v>
          </cell>
          <cell r="B1171" t="str">
            <v>ｼｰﾒﾝｽｱｻﾋﾒﾃﾞｨﾃｯｸ</v>
          </cell>
          <cell r="C1171" t="str">
            <v>シーメンス旭メディテック（株）北海道セールスエリアオフィス</v>
          </cell>
          <cell r="D1171" t="str">
            <v>原田 充広</v>
          </cell>
          <cell r="E1171" t="str">
            <v>セールスエリアマネージャー</v>
          </cell>
          <cell r="F1171" t="str">
            <v>065-0022</v>
          </cell>
          <cell r="G1171" t="str">
            <v>東区北２２東１７－１－１３</v>
          </cell>
          <cell r="H1171" t="str">
            <v>780-6095</v>
          </cell>
          <cell r="I1171" t="str">
            <v>781-5279</v>
          </cell>
        </row>
        <row r="1172">
          <cell r="A1172" t="str">
            <v>16182X</v>
          </cell>
          <cell r="B1172" t="str">
            <v>ｼﾛｲｼｷｻﾞｲ</v>
          </cell>
          <cell r="C1172" t="str">
            <v>白石機材（株）</v>
          </cell>
          <cell r="D1172" t="str">
            <v>千葉 武雄</v>
          </cell>
          <cell r="E1172" t="str">
            <v>代表取締役</v>
          </cell>
          <cell r="F1172" t="str">
            <v>003-0834</v>
          </cell>
          <cell r="G1172" t="str">
            <v>白石区北郷４－４－２０－１７</v>
          </cell>
          <cell r="H1172" t="str">
            <v>875-5090</v>
          </cell>
          <cell r="I1172" t="str">
            <v>875-6343</v>
          </cell>
        </row>
        <row r="1173">
          <cell r="A1173" t="str">
            <v>16183V</v>
          </cell>
          <cell r="B1173" t="str">
            <v>ｸﾚｱ･ﾘﾗ</v>
          </cell>
          <cell r="C1173" t="str">
            <v>（有）くれあ・りら</v>
          </cell>
          <cell r="D1173" t="str">
            <v>小林 猛</v>
          </cell>
          <cell r="E1173" t="str">
            <v>代表取締役</v>
          </cell>
          <cell r="F1173" t="str">
            <v>001-0909</v>
          </cell>
          <cell r="G1173" t="str">
            <v>北区新琴似９－１６－２－１９</v>
          </cell>
          <cell r="H1173" t="str">
            <v>222-3564</v>
          </cell>
          <cell r="I1173" t="str">
            <v>222-3562</v>
          </cell>
        </row>
        <row r="1174">
          <cell r="A1174" t="str">
            <v>16184S</v>
          </cell>
          <cell r="B1174" t="str">
            <v>ｼﾝﾖｳﾃﾞﾝｼ</v>
          </cell>
          <cell r="C1174" t="str">
            <v>（株）新陽電子</v>
          </cell>
          <cell r="D1174" t="str">
            <v>中野 勇</v>
          </cell>
          <cell r="E1174" t="str">
            <v>代表取締役</v>
          </cell>
          <cell r="F1174" t="str">
            <v>062-0035</v>
          </cell>
          <cell r="G1174" t="str">
            <v>豊平区西岡５－１４－６－８</v>
          </cell>
          <cell r="H1174" t="str">
            <v>583-0770</v>
          </cell>
          <cell r="I1174" t="str">
            <v>583-0851</v>
          </cell>
        </row>
        <row r="1175">
          <cell r="A1175" t="str">
            <v>16188T</v>
          </cell>
          <cell r="B1175" t="str">
            <v>ｽﾃｨｼｮﾅﾘｰｽﾞｼｮｯﾌﾟ ﾐﾂﾎﾞ</v>
          </cell>
          <cell r="C1175" t="str">
            <v>スティショナリーズショップ みつぼ</v>
          </cell>
          <cell r="D1175" t="str">
            <v>高 由希子</v>
          </cell>
          <cell r="E1175" t="str">
            <v>代表者</v>
          </cell>
          <cell r="F1175" t="str">
            <v>005-0850</v>
          </cell>
          <cell r="G1175" t="str">
            <v>南区石山東３－１－６０</v>
          </cell>
          <cell r="H1175" t="str">
            <v>591-5441</v>
          </cell>
          <cell r="I1175" t="str">
            <v>591-5533</v>
          </cell>
        </row>
        <row r="1176">
          <cell r="A1176" t="str">
            <v>16190N</v>
          </cell>
          <cell r="B1176" t="str">
            <v>ｼｽﾃﾑﾊﾞﾝｸ</v>
          </cell>
          <cell r="C1176" t="str">
            <v>システムバンク（株）</v>
          </cell>
          <cell r="D1176" t="str">
            <v>城 克幸</v>
          </cell>
          <cell r="E1176" t="str">
            <v>代表取締役</v>
          </cell>
          <cell r="F1176" t="str">
            <v>060-0041</v>
          </cell>
          <cell r="G1176" t="str">
            <v>中央区大通東９－１１－４５</v>
          </cell>
          <cell r="H1176" t="str">
            <v>219-2161</v>
          </cell>
          <cell r="I1176" t="str">
            <v>219-2152</v>
          </cell>
        </row>
        <row r="1177">
          <cell r="A1177" t="str">
            <v>16194R</v>
          </cell>
          <cell r="B1177" t="str">
            <v>ｼｮｳﾌﾞﾝﾄﾞｳ</v>
          </cell>
          <cell r="C1177" t="str">
            <v>（株）昌文堂</v>
          </cell>
          <cell r="D1177" t="str">
            <v>櫻田 卓士</v>
          </cell>
          <cell r="E1177" t="str">
            <v>代表取締役</v>
          </cell>
          <cell r="F1177" t="str">
            <v>001-0011</v>
          </cell>
          <cell r="G1177" t="str">
            <v>北区北１１西４－１－４５</v>
          </cell>
          <cell r="H1177" t="str">
            <v>746-5221</v>
          </cell>
          <cell r="I1177" t="str">
            <v>746-2070</v>
          </cell>
        </row>
        <row r="1178">
          <cell r="A1178" t="str">
            <v>16195Z</v>
          </cell>
          <cell r="B1178" t="str">
            <v>ｼｾﾞﾝﾉｳｴﾝ</v>
          </cell>
          <cell r="C1178" t="str">
            <v>（株）自然農園</v>
          </cell>
          <cell r="D1178" t="str">
            <v>西木 光</v>
          </cell>
          <cell r="E1178" t="str">
            <v>代表取締役</v>
          </cell>
          <cell r="F1178" t="str">
            <v>060-0032</v>
          </cell>
          <cell r="G1178" t="str">
            <v>中央区北２東１－２－２</v>
          </cell>
          <cell r="H1178" t="str">
            <v>261-0556</v>
          </cell>
          <cell r="I1178" t="str">
            <v>261-0557</v>
          </cell>
        </row>
        <row r="1179">
          <cell r="A1179" t="str">
            <v>16199P</v>
          </cell>
          <cell r="B1179" t="str">
            <v>ｼﾞｬﾑｺ</v>
          </cell>
          <cell r="C1179" t="str">
            <v>（株）ジャムコ</v>
          </cell>
          <cell r="D1179" t="str">
            <v>川島 崇</v>
          </cell>
          <cell r="E1179" t="str">
            <v>代表取締役社長</v>
          </cell>
          <cell r="F1179" t="str">
            <v>181-8571</v>
          </cell>
          <cell r="G1179" t="str">
            <v>東京都三鷹市大沢６－１１－２５</v>
          </cell>
          <cell r="H1179" t="str">
            <v>0422-33-1321</v>
          </cell>
          <cell r="I1179" t="str">
            <v>0422-33-1444</v>
          </cell>
        </row>
        <row r="1180">
          <cell r="A1180" t="str">
            <v>16200X</v>
          </cell>
          <cell r="B1180" t="str">
            <v>ｼﾏﾂﾞﾘｶｷｶｲ</v>
          </cell>
          <cell r="C1180" t="str">
            <v>島津理化器械（株）札幌営業所</v>
          </cell>
          <cell r="D1180" t="str">
            <v>樋口 裕司</v>
          </cell>
          <cell r="E1180" t="str">
            <v>所長</v>
          </cell>
          <cell r="F1180" t="str">
            <v>001-0026</v>
          </cell>
          <cell r="G1180" t="str">
            <v>北区北２６西５－１－１２</v>
          </cell>
          <cell r="H1180" t="str">
            <v>758-0788</v>
          </cell>
          <cell r="I1180" t="str">
            <v>758-0789</v>
          </cell>
        </row>
        <row r="1181">
          <cell r="A1181" t="str">
            <v>16207R</v>
          </cell>
          <cell r="B1181" t="str">
            <v>ｼﾞｬﾊﾟﾝﾃｸﾆｶﾙｿﾌﾄｳｪｱ</v>
          </cell>
          <cell r="C1181" t="str">
            <v>（株）ジャパンテクニカルソフトウェア</v>
          </cell>
          <cell r="D1181" t="str">
            <v>山口 正雄</v>
          </cell>
          <cell r="E1181" t="str">
            <v>代表取締役</v>
          </cell>
          <cell r="F1181" t="str">
            <v>108-0075</v>
          </cell>
          <cell r="G1181" t="str">
            <v>東京都港区港南２－１３－３１品川NSSﾋﾞﾙ４</v>
          </cell>
          <cell r="H1181" t="str">
            <v>737-9131</v>
          </cell>
          <cell r="I1181" t="str">
            <v>737-9130</v>
          </cell>
        </row>
        <row r="1182">
          <cell r="A1182" t="str">
            <v>16209Y</v>
          </cell>
          <cell r="B1182" t="str">
            <v>ｼﾝｾｲｺﾞﾑ</v>
          </cell>
          <cell r="C1182" t="str">
            <v>（株）新生ゴム</v>
          </cell>
          <cell r="D1182" t="str">
            <v>新田 儀昭</v>
          </cell>
          <cell r="E1182" t="str">
            <v>代表取締役</v>
          </cell>
          <cell r="F1182" t="str">
            <v>061-1270</v>
          </cell>
          <cell r="G1182" t="str">
            <v>北広島市大曲５１９－４</v>
          </cell>
          <cell r="H1182" t="str">
            <v>377-4194</v>
          </cell>
          <cell r="I1182" t="str">
            <v>377-5802</v>
          </cell>
        </row>
        <row r="1183">
          <cell r="A1183" t="str">
            <v>16211T</v>
          </cell>
          <cell r="B1183" t="str">
            <v>ｼｬｰﾌﾟﾌｧｲﾅﾝｽ</v>
          </cell>
          <cell r="C1183" t="str">
            <v>シャープファイナンス（株）北海道支店</v>
          </cell>
          <cell r="D1183" t="str">
            <v>関 一夫</v>
          </cell>
          <cell r="E1183" t="str">
            <v>支店長</v>
          </cell>
          <cell r="F1183" t="str">
            <v>063-0801</v>
          </cell>
          <cell r="G1183" t="str">
            <v>西区二十四軒１－７－３－１７</v>
          </cell>
          <cell r="H1183" t="str">
            <v>641-5281</v>
          </cell>
          <cell r="I1183" t="str">
            <v>643-8537</v>
          </cell>
        </row>
        <row r="1184">
          <cell r="A1184" t="str">
            <v>16212R</v>
          </cell>
          <cell r="B1184" t="str">
            <v>ｼﾝｴｲﾃﾝｾﾂ</v>
          </cell>
          <cell r="C1184" t="str">
            <v>（有）新栄展設</v>
          </cell>
          <cell r="D1184" t="str">
            <v>村田 徹哉</v>
          </cell>
          <cell r="E1184" t="str">
            <v>代表取締役</v>
          </cell>
          <cell r="F1184" t="str">
            <v>064-0810</v>
          </cell>
          <cell r="G1184" t="str">
            <v>中央区南１０西９－２－３３</v>
          </cell>
          <cell r="H1184" t="str">
            <v>531-8711</v>
          </cell>
          <cell r="I1184" t="str">
            <v>531-8712</v>
          </cell>
        </row>
        <row r="1185">
          <cell r="A1185" t="str">
            <v>16213N</v>
          </cell>
          <cell r="B1185" t="str">
            <v>ｼﾝｴｲﾌﾟﾗﾝﾄ</v>
          </cell>
          <cell r="C1185" t="str">
            <v>新栄プラント（株）</v>
          </cell>
          <cell r="D1185" t="str">
            <v>遠藤 豊基</v>
          </cell>
          <cell r="E1185" t="str">
            <v>代表取締役</v>
          </cell>
          <cell r="F1185" t="str">
            <v>060-0009</v>
          </cell>
          <cell r="G1185" t="str">
            <v>中央区北９西２０－１－１２</v>
          </cell>
          <cell r="H1185" t="str">
            <v>642-1825</v>
          </cell>
          <cell r="I1185" t="str">
            <v>631-2716</v>
          </cell>
        </row>
        <row r="1186">
          <cell r="A1186" t="str">
            <v>16214Y</v>
          </cell>
          <cell r="B1186" t="str">
            <v>ｼﾝﾜ</v>
          </cell>
          <cell r="C1186" t="str">
            <v>（有）シンワ</v>
          </cell>
          <cell r="D1186" t="str">
            <v>島 博雅</v>
          </cell>
          <cell r="E1186" t="str">
            <v>代表取締役</v>
          </cell>
          <cell r="F1186" t="str">
            <v>003-0821</v>
          </cell>
          <cell r="G1186" t="str">
            <v>白石区菊水元町１－４－１</v>
          </cell>
          <cell r="H1186" t="str">
            <v>872-3548</v>
          </cell>
          <cell r="I1186" t="str">
            <v>872-3549</v>
          </cell>
        </row>
        <row r="1187">
          <cell r="A1187" t="str">
            <v>16215V</v>
          </cell>
          <cell r="B1187" t="str">
            <v>ｼﾞｬﾊﾟﾝｼｽﾃﾑ</v>
          </cell>
          <cell r="C1187" t="str">
            <v>ジャパンシステム（株）</v>
          </cell>
          <cell r="D1187" t="str">
            <v>阿江 勉</v>
          </cell>
          <cell r="E1187" t="str">
            <v>代表取締役社長</v>
          </cell>
          <cell r="F1187" t="str">
            <v>154-8541</v>
          </cell>
          <cell r="G1187" t="str">
            <v>東京都世田谷区池尻２－３１－２４</v>
          </cell>
          <cell r="H1187" t="str">
            <v>03-3795-1311</v>
          </cell>
          <cell r="I1187" t="str">
            <v>03-3795-1320</v>
          </cell>
        </row>
        <row r="1188">
          <cell r="A1188" t="str">
            <v>16217P</v>
          </cell>
          <cell r="B1188" t="str">
            <v>ｼｬｰﾌﾟﾄﾞｷｭﾒﾝﾄｼｽﾃﾑ</v>
          </cell>
          <cell r="C1188" t="str">
            <v>シャープドキュメントシステム（株）北海道支店 札幌技術センター</v>
          </cell>
          <cell r="D1188" t="str">
            <v>白川 昭信</v>
          </cell>
          <cell r="E1188" t="str">
            <v>所長</v>
          </cell>
          <cell r="F1188" t="str">
            <v>063-0801</v>
          </cell>
          <cell r="G1188" t="str">
            <v>西区二十四軒１－７－３－１７</v>
          </cell>
          <cell r="H1188" t="str">
            <v>641-0751</v>
          </cell>
          <cell r="I1188" t="str">
            <v>641-0912</v>
          </cell>
        </row>
        <row r="1189">
          <cell r="A1189" t="str">
            <v>16218Z</v>
          </cell>
          <cell r="B1189" t="str">
            <v>ﾏｸｼｽｺｰﾎﾟﾚｰｼｮﾝ</v>
          </cell>
          <cell r="C1189" t="str">
            <v>（株）マクシスコーポレーション札幌営業所</v>
          </cell>
          <cell r="D1189" t="str">
            <v>佐藤 光俊</v>
          </cell>
          <cell r="E1189" t="str">
            <v>所長</v>
          </cell>
          <cell r="F1189" t="str">
            <v>067-0052</v>
          </cell>
          <cell r="G1189" t="str">
            <v>区江別市角山６８－１</v>
          </cell>
          <cell r="H1189" t="str">
            <v>385-1100</v>
          </cell>
          <cell r="I1189" t="str">
            <v>385-3777</v>
          </cell>
        </row>
        <row r="1190">
          <cell r="A1190" t="str">
            <v>16223Z</v>
          </cell>
          <cell r="B1190" t="str">
            <v>ｼﾝｾｲｺｳｺｸｼｬ</v>
          </cell>
          <cell r="C1190" t="str">
            <v>（株）新生廣告社</v>
          </cell>
          <cell r="D1190" t="str">
            <v>堀元 宏昭</v>
          </cell>
          <cell r="E1190" t="str">
            <v>代表取締役</v>
          </cell>
          <cell r="F1190" t="str">
            <v>060-0031</v>
          </cell>
          <cell r="G1190" t="str">
            <v>中央区北１東５</v>
          </cell>
          <cell r="H1190" t="str">
            <v>221-1141</v>
          </cell>
          <cell r="I1190" t="str">
            <v>221-0219</v>
          </cell>
        </row>
        <row r="1191">
          <cell r="A1191" t="str">
            <v>16224X</v>
          </cell>
          <cell r="B1191" t="str">
            <v>ｼｽﾃﾑｹｲ</v>
          </cell>
          <cell r="C1191" t="str">
            <v>（株）システム・ケイ</v>
          </cell>
          <cell r="D1191" t="str">
            <v>鳴海 鼓大</v>
          </cell>
          <cell r="E1191" t="str">
            <v>代表取締役</v>
          </cell>
          <cell r="F1191" t="str">
            <v>065-0015</v>
          </cell>
          <cell r="G1191" t="str">
            <v>東区北１５東１－２－２４</v>
          </cell>
          <cell r="H1191" t="str">
            <v>704-4321</v>
          </cell>
          <cell r="I1191" t="str">
            <v>704-4322</v>
          </cell>
        </row>
        <row r="1192">
          <cell r="A1192" t="str">
            <v>16225T</v>
          </cell>
          <cell r="B1192" t="str">
            <v>ｼｮｰｴﾝﾀｰﾌﾟﾗｲｽﾞ</v>
          </cell>
          <cell r="C1192" t="str">
            <v>（株）ショーエンタープライズ</v>
          </cell>
          <cell r="D1192" t="str">
            <v>藤島 重伸</v>
          </cell>
          <cell r="E1192" t="str">
            <v>代表取締役</v>
          </cell>
          <cell r="F1192" t="str">
            <v>060-0063</v>
          </cell>
          <cell r="G1192" t="str">
            <v>中央区南３西３－１５ 竹内ビル３階</v>
          </cell>
          <cell r="H1192" t="str">
            <v>242-3021</v>
          </cell>
          <cell r="I1192" t="str">
            <v>242-3013</v>
          </cell>
        </row>
        <row r="1193">
          <cell r="A1193" t="str">
            <v>16226R</v>
          </cell>
          <cell r="B1193" t="str">
            <v>ｼﾞｭｳｶﾝｵﾍﾟﾚｰｼｮﾝ</v>
          </cell>
          <cell r="C1193" t="str">
            <v>重環オペレーション（株）</v>
          </cell>
          <cell r="D1193" t="str">
            <v>坂下 俊樹</v>
          </cell>
          <cell r="E1193" t="str">
            <v>代表取締役</v>
          </cell>
          <cell r="F1193" t="str">
            <v>108-0014</v>
          </cell>
          <cell r="G1193" t="str">
            <v>東京都港区芝５－３４－６</v>
          </cell>
          <cell r="H1193" t="str">
            <v>03-5484-3021</v>
          </cell>
          <cell r="I1193" t="str">
            <v>03-5484-3029</v>
          </cell>
        </row>
        <row r="1194">
          <cell r="A1194" t="str">
            <v>16227N</v>
          </cell>
          <cell r="B1194" t="str">
            <v>ｼﾀﾞｯｸｽﾌｰﾄﾞｻｰﾋﾞｽ</v>
          </cell>
          <cell r="C1194" t="str">
            <v>シダックスフードサービス（株）</v>
          </cell>
          <cell r="D1194" t="str">
            <v>志太 勤一</v>
          </cell>
          <cell r="E1194" t="str">
            <v>代表取締役</v>
          </cell>
          <cell r="F1194" t="str">
            <v>182-0021</v>
          </cell>
          <cell r="G1194" t="str">
            <v>東京都調布市調布ヶ丘３－６－３</v>
          </cell>
          <cell r="H1194" t="str">
            <v>03-5908-1361</v>
          </cell>
          <cell r="I1194" t="str">
            <v>03-5908-1360</v>
          </cell>
        </row>
        <row r="1195">
          <cell r="A1195" t="str">
            <v>16228Y</v>
          </cell>
          <cell r="B1195" t="str">
            <v>ｼﾝｺﾄﾆｶﾞﾗｽ</v>
          </cell>
          <cell r="C1195" t="str">
            <v>（有）新琴似ガラス</v>
          </cell>
          <cell r="D1195" t="str">
            <v>青山 明</v>
          </cell>
          <cell r="E1195" t="str">
            <v>代表取締役</v>
          </cell>
          <cell r="F1195" t="str">
            <v>001-0910</v>
          </cell>
          <cell r="G1195" t="str">
            <v>北区新琴似１０－５－２－２</v>
          </cell>
          <cell r="H1195" t="str">
            <v>764-1111</v>
          </cell>
          <cell r="I1195" t="str">
            <v>762-9141</v>
          </cell>
        </row>
        <row r="1196">
          <cell r="A1196" t="str">
            <v>16229W</v>
          </cell>
          <cell r="B1196" t="str">
            <v>ｼｰｴｽｱｰﾙ</v>
          </cell>
          <cell r="C1196" t="str">
            <v>（株）シーエスアール</v>
          </cell>
          <cell r="D1196" t="str">
            <v>植野 教夫</v>
          </cell>
          <cell r="E1196" t="str">
            <v>代表取締役</v>
          </cell>
          <cell r="F1196" t="str">
            <v>060-0061</v>
          </cell>
          <cell r="G1196" t="str">
            <v>中央区南１西１１－１－３１２ＮＪＫｓａｐｐｏｒ</v>
          </cell>
          <cell r="H1196" t="str">
            <v>281-1455</v>
          </cell>
          <cell r="I1196" t="str">
            <v>281-1457</v>
          </cell>
        </row>
        <row r="1197">
          <cell r="A1197" t="str">
            <v>16230T</v>
          </cell>
          <cell r="B1197" t="str">
            <v>ｼﾏﾂﾞﾃｸﾉﾘｻｰﾁ</v>
          </cell>
          <cell r="C1197" t="str">
            <v>（株）島津テクノリサーチ営業本部 東日本営業部</v>
          </cell>
          <cell r="D1197" t="str">
            <v>馬渡 敏隆</v>
          </cell>
          <cell r="E1197" t="str">
            <v>東日本営業部長</v>
          </cell>
          <cell r="F1197" t="str">
            <v>144-0045</v>
          </cell>
          <cell r="G1197" t="str">
            <v>区東京都大田区南六郷３－１９－２第5松下ﾋﾞﾙ</v>
          </cell>
          <cell r="H1197" t="str">
            <v>03-5703-2721</v>
          </cell>
          <cell r="I1197" t="str">
            <v>03-5703-2740</v>
          </cell>
        </row>
        <row r="1198">
          <cell r="A1198" t="str">
            <v>16231R</v>
          </cell>
          <cell r="B1198" t="str">
            <v>ｼﾞｮｳﾃﾂｻｰﾋﾞｽ</v>
          </cell>
          <cell r="C1198" t="str">
            <v>（株）じょうてつサービス</v>
          </cell>
          <cell r="D1198" t="str">
            <v>太田 勝利</v>
          </cell>
          <cell r="E1198" t="str">
            <v>代表取締役</v>
          </cell>
          <cell r="F1198" t="str">
            <v>064-0807</v>
          </cell>
          <cell r="G1198" t="str">
            <v>中央区南７西６－５</v>
          </cell>
          <cell r="H1198" t="str">
            <v>530-6758</v>
          </cell>
          <cell r="I1198" t="str">
            <v>530-6768</v>
          </cell>
        </row>
        <row r="1199">
          <cell r="A1199" t="str">
            <v>16235S</v>
          </cell>
          <cell r="B1199" t="str">
            <v>ｼﾝｺｳｻﾝｷﾞｮｳ</v>
          </cell>
          <cell r="C1199" t="str">
            <v>新興産業（株）札幌出張所</v>
          </cell>
          <cell r="D1199" t="str">
            <v>福士 隆夫</v>
          </cell>
          <cell r="E1199" t="str">
            <v>所長</v>
          </cell>
          <cell r="F1199" t="str">
            <v>003-0805</v>
          </cell>
          <cell r="G1199" t="str">
            <v>白石区菊水５－１－８－２１ 三ツ輪ビル１Ｆ</v>
          </cell>
          <cell r="H1199" t="str">
            <v>825-3751</v>
          </cell>
          <cell r="I1199" t="str">
            <v>825-3754</v>
          </cell>
        </row>
        <row r="1200">
          <cell r="A1200" t="str">
            <v>16236P</v>
          </cell>
          <cell r="B1200" t="str">
            <v>ｼﾝﾆﾎﾝｺｳｷﾞｮｳ</v>
          </cell>
          <cell r="C1200" t="str">
            <v>新日本工業（株）</v>
          </cell>
          <cell r="D1200" t="str">
            <v>前田 敦</v>
          </cell>
          <cell r="E1200" t="str">
            <v>代表取締役</v>
          </cell>
          <cell r="F1200" t="str">
            <v>070-0028</v>
          </cell>
          <cell r="G1200" t="str">
            <v>旭川市東８－６－５－８</v>
          </cell>
          <cell r="H1200" t="str">
            <v>0166-25-8959</v>
          </cell>
          <cell r="I1200" t="str">
            <v>0166-23-8051</v>
          </cell>
        </row>
        <row r="1201">
          <cell r="A1201" t="str">
            <v>16240S</v>
          </cell>
          <cell r="B1201" t="str">
            <v>ｼﾝﾃﾞｻﾞｲﾝｺｳﾎﾞｳ</v>
          </cell>
          <cell r="C1201" t="str">
            <v>（有）伸デザイン工房</v>
          </cell>
          <cell r="D1201" t="str">
            <v>川島 伸夫</v>
          </cell>
          <cell r="E1201" t="str">
            <v>代表取締役</v>
          </cell>
          <cell r="F1201" t="str">
            <v>064-0954</v>
          </cell>
          <cell r="G1201" t="str">
            <v>中央区宮の森４－１０－５－２０</v>
          </cell>
          <cell r="H1201" t="str">
            <v>613-0810</v>
          </cell>
          <cell r="I1201" t="str">
            <v>613-0842</v>
          </cell>
        </row>
        <row r="1202">
          <cell r="A1202" t="str">
            <v>16242Z</v>
          </cell>
          <cell r="B1202" t="str">
            <v>ｼﾞｬｽﾄﾎｯｶｲﾄﾞｳ</v>
          </cell>
          <cell r="C1202" t="str">
            <v>ジャスト北海道（株）</v>
          </cell>
          <cell r="D1202" t="str">
            <v>佐野 静夫</v>
          </cell>
          <cell r="E1202" t="str">
            <v>代表取締役</v>
          </cell>
          <cell r="F1202" t="str">
            <v>004-0842</v>
          </cell>
          <cell r="G1202" t="str">
            <v>清田区清田２－１－４－３</v>
          </cell>
          <cell r="H1202" t="str">
            <v>885-0635</v>
          </cell>
          <cell r="I1202" t="str">
            <v>885-0636</v>
          </cell>
        </row>
        <row r="1203">
          <cell r="A1203" t="str">
            <v>16245R</v>
          </cell>
          <cell r="B1203" t="str">
            <v>ｼﾐｽﾞｺﾞｳｷﾝｾｲｻｸｼｮ</v>
          </cell>
          <cell r="C1203" t="str">
            <v>（株）清水合金製作所札幌営業所</v>
          </cell>
          <cell r="D1203" t="str">
            <v>山根 智之</v>
          </cell>
          <cell r="E1203" t="str">
            <v>所長</v>
          </cell>
          <cell r="F1203" t="str">
            <v>060-0003</v>
          </cell>
          <cell r="G1203" t="str">
            <v>中央区北３西１２－２－４ 栗林商会ビル３Ｆ</v>
          </cell>
          <cell r="H1203" t="str">
            <v>242-8871</v>
          </cell>
          <cell r="I1203" t="str">
            <v>242-3221</v>
          </cell>
        </row>
        <row r="1204">
          <cell r="A1204" t="str">
            <v>16248W</v>
          </cell>
          <cell r="B1204" t="str">
            <v>ｼﾞｮｳﾎｳﾂｳｼﾝｿｳｺﾞｳｹﾝｷｭｳｼﾞｮ</v>
          </cell>
          <cell r="C1204" t="str">
            <v>（株）情報通信総合研究所</v>
          </cell>
          <cell r="D1204" t="str">
            <v>藤田 潔</v>
          </cell>
          <cell r="E1204" t="str">
            <v>代表取締役社長</v>
          </cell>
          <cell r="F1204" t="str">
            <v>103-0013</v>
          </cell>
          <cell r="G1204" t="str">
            <v>東京都中央区日本橋人形町２－１４－１０</v>
          </cell>
          <cell r="H1204" t="str">
            <v>03-3663-7500</v>
          </cell>
          <cell r="I1204" t="str">
            <v>03-3663-7570</v>
          </cell>
        </row>
        <row r="1205">
          <cell r="A1205" t="str">
            <v>16251N</v>
          </cell>
          <cell r="B1205" t="str">
            <v>ｼﾞﾝｻﾞｲｶｲﾊﾂ</v>
          </cell>
          <cell r="C1205" t="str">
            <v>人材開発（株）</v>
          </cell>
          <cell r="D1205" t="str">
            <v>伊藤 直樹</v>
          </cell>
          <cell r="E1205" t="str">
            <v>代表取締役</v>
          </cell>
          <cell r="F1205" t="str">
            <v>063-0867</v>
          </cell>
          <cell r="G1205" t="str">
            <v>西区八軒７東３－７－１１</v>
          </cell>
          <cell r="H1205" t="str">
            <v>717-7011</v>
          </cell>
          <cell r="I1205" t="str">
            <v>707-5172</v>
          </cell>
        </row>
        <row r="1206">
          <cell r="A1206" t="str">
            <v>16254T</v>
          </cell>
          <cell r="B1206" t="str">
            <v>ｼﾐｽﾞｶﾅﾓﾉﾃﾝ</v>
          </cell>
          <cell r="C1206" t="str">
            <v>（株）清水金物店</v>
          </cell>
          <cell r="D1206" t="str">
            <v>清水 俊伸</v>
          </cell>
          <cell r="E1206" t="str">
            <v>代表取締役</v>
          </cell>
          <cell r="F1206" t="str">
            <v>060-0062</v>
          </cell>
          <cell r="G1206" t="str">
            <v>中央区南２西４－１０</v>
          </cell>
          <cell r="H1206" t="str">
            <v>261-6671</v>
          </cell>
          <cell r="I1206" t="str">
            <v>210-5215</v>
          </cell>
        </row>
        <row r="1207">
          <cell r="A1207" t="str">
            <v>16256Z</v>
          </cell>
          <cell r="B1207" t="str">
            <v>ｼﾝｺｳｺｳｷﾞｮｳ</v>
          </cell>
          <cell r="C1207" t="str">
            <v>（株）新興工業</v>
          </cell>
          <cell r="D1207" t="str">
            <v>五十嵐 十九吉</v>
          </cell>
          <cell r="E1207" t="str">
            <v>代表取締役</v>
          </cell>
          <cell r="F1207" t="str">
            <v>061-3244</v>
          </cell>
          <cell r="G1207" t="str">
            <v>石狩市新港南１－２８－６９</v>
          </cell>
          <cell r="H1207" t="str">
            <v>0133-64-5001</v>
          </cell>
          <cell r="I1207" t="str">
            <v>0133-64-5002</v>
          </cell>
        </row>
        <row r="1208">
          <cell r="A1208" t="str">
            <v>16257X</v>
          </cell>
          <cell r="B1208" t="str">
            <v>ｼｰｽﾞ･ﾗﾎﾞ</v>
          </cell>
          <cell r="C1208" t="str">
            <v>（株）シーズ・ラボ</v>
          </cell>
          <cell r="D1208" t="str">
            <v>山田 二郎</v>
          </cell>
          <cell r="E1208" t="str">
            <v>代表取締役</v>
          </cell>
          <cell r="F1208" t="str">
            <v>060-0807</v>
          </cell>
          <cell r="G1208" t="str">
            <v>北区北７西６－１</v>
          </cell>
          <cell r="H1208" t="str">
            <v>758-3820</v>
          </cell>
          <cell r="I1208" t="str">
            <v>758-3933</v>
          </cell>
        </row>
        <row r="1209">
          <cell r="A1209" t="str">
            <v>16260P</v>
          </cell>
          <cell r="B1209" t="str">
            <v>ｼﾞｵﾌﾟﾗﾝ</v>
          </cell>
          <cell r="C1209" t="str">
            <v>（株）ジオプラン</v>
          </cell>
          <cell r="D1209" t="str">
            <v>西澤 常彦</v>
          </cell>
          <cell r="E1209" t="str">
            <v>代表取締役社長</v>
          </cell>
          <cell r="F1209" t="str">
            <v>163-1120</v>
          </cell>
          <cell r="G1209" t="str">
            <v>東京都新宿区西新宿６－２２－１</v>
          </cell>
          <cell r="H1209" t="str">
            <v>03-5323-6500</v>
          </cell>
          <cell r="I1209" t="str">
            <v>03-5323-6499</v>
          </cell>
        </row>
        <row r="1210">
          <cell r="A1210" t="str">
            <v>16261Z</v>
          </cell>
          <cell r="B1210" t="str">
            <v>ｲﾝﾃｰｼﾞ</v>
          </cell>
          <cell r="C1210" t="str">
            <v>（株）インテージ</v>
          </cell>
          <cell r="D1210" t="str">
            <v>田下 憲雄</v>
          </cell>
          <cell r="E1210" t="str">
            <v>代表取締役社長</v>
          </cell>
          <cell r="F1210" t="str">
            <v>188-8701</v>
          </cell>
          <cell r="G1210" t="str">
            <v>東京都西東京市谷戸町２－１４－１１</v>
          </cell>
          <cell r="H1210" t="str">
            <v>0424-23-1111</v>
          </cell>
          <cell r="I1210" t="str">
            <v>0424-23-2009</v>
          </cell>
        </row>
        <row r="1211">
          <cell r="A1211" t="str">
            <v>16263V</v>
          </cell>
          <cell r="B1211" t="str">
            <v>ｼﾞﾝ</v>
          </cell>
          <cell r="C1211" t="str">
            <v>（株）ジン</v>
          </cell>
          <cell r="D1211" t="str">
            <v>若杉 哲二</v>
          </cell>
          <cell r="E1211" t="str">
            <v>代表取締役</v>
          </cell>
          <cell r="F1211" t="str">
            <v>062-0052</v>
          </cell>
          <cell r="G1211" t="str">
            <v>豊平区月寒東２－６－９－３</v>
          </cell>
          <cell r="H1211" t="str">
            <v>855-7750</v>
          </cell>
          <cell r="I1211" t="str">
            <v>855-7730</v>
          </cell>
        </row>
        <row r="1212">
          <cell r="A1212" t="str">
            <v>16264S</v>
          </cell>
          <cell r="B1212" t="str">
            <v>ｼｭｳｶﾞｸｿｳ</v>
          </cell>
          <cell r="C1212" t="str">
            <v>（株）秀岳荘</v>
          </cell>
          <cell r="D1212" t="str">
            <v>金井 哲夫</v>
          </cell>
          <cell r="E1212" t="str">
            <v>代表取締役</v>
          </cell>
          <cell r="F1212" t="str">
            <v>001-0012</v>
          </cell>
          <cell r="G1212" t="str">
            <v>北区北１２西３－２５－３</v>
          </cell>
          <cell r="H1212" t="str">
            <v>860-1113</v>
          </cell>
          <cell r="I1212" t="str">
            <v>860-1114</v>
          </cell>
        </row>
        <row r="1213">
          <cell r="A1213" t="str">
            <v>16270N</v>
          </cell>
          <cell r="B1213" t="str">
            <v>ｼｮｰﾜ</v>
          </cell>
          <cell r="C1213" t="str">
            <v>（株）ショーワ</v>
          </cell>
          <cell r="D1213" t="str">
            <v>山崎 三朗</v>
          </cell>
          <cell r="E1213" t="str">
            <v>代表取締役</v>
          </cell>
          <cell r="F1213" t="str">
            <v>061-3243</v>
          </cell>
          <cell r="G1213" t="str">
            <v>石狩市新港東２－４－８</v>
          </cell>
          <cell r="H1213" t="str">
            <v>0133-62-5611</v>
          </cell>
          <cell r="I1213" t="str">
            <v>0133-62-5612</v>
          </cell>
        </row>
        <row r="1214">
          <cell r="A1214" t="str">
            <v>16272W</v>
          </cell>
          <cell r="B1214" t="str">
            <v>ｼﾞｭｳｾﾞﾝﾁﾊﾞﾌｸ</v>
          </cell>
          <cell r="C1214" t="str">
            <v>（株）十全チバフク札幌支店</v>
          </cell>
          <cell r="D1214" t="str">
            <v>神埜 由昭</v>
          </cell>
          <cell r="E1214" t="str">
            <v>支店長</v>
          </cell>
          <cell r="F1214" t="str">
            <v>060-0061</v>
          </cell>
          <cell r="G1214" t="str">
            <v>中央区南１西６－１５－１札幌あおば生命ビル２Ｆ</v>
          </cell>
          <cell r="H1214" t="str">
            <v>231-5019</v>
          </cell>
          <cell r="I1214" t="str">
            <v>231-5025</v>
          </cell>
        </row>
        <row r="1215">
          <cell r="A1215" t="str">
            <v>16275Z</v>
          </cell>
          <cell r="B1215" t="str">
            <v>ｼﾞｰﾝ</v>
          </cell>
          <cell r="C1215" t="str">
            <v>（株）ジーン</v>
          </cell>
          <cell r="D1215" t="str">
            <v>富樫 弘典</v>
          </cell>
          <cell r="E1215" t="str">
            <v>代表取締役</v>
          </cell>
          <cell r="F1215" t="str">
            <v>060-0061</v>
          </cell>
          <cell r="G1215" t="str">
            <v>中央区南１西１１－３２７王子不動産札幌ビル１Ｆ</v>
          </cell>
          <cell r="H1215" t="str">
            <v>272-0757</v>
          </cell>
          <cell r="I1215" t="str">
            <v>272-0758</v>
          </cell>
        </row>
        <row r="1216">
          <cell r="A1216" t="str">
            <v>16276X</v>
          </cell>
          <cell r="B1216" t="str">
            <v>ｼﾛｲｼｺｳｷﾞｮｳ</v>
          </cell>
          <cell r="C1216" t="str">
            <v>（株）白石工業</v>
          </cell>
          <cell r="D1216" t="str">
            <v>大畑 健二</v>
          </cell>
          <cell r="E1216" t="str">
            <v>代表取締役</v>
          </cell>
          <cell r="F1216" t="str">
            <v>003-0029</v>
          </cell>
          <cell r="G1216" t="str">
            <v>白石区平和通１５北８－２０</v>
          </cell>
          <cell r="H1216" t="str">
            <v>861-2173</v>
          </cell>
          <cell r="I1216" t="str">
            <v>861-2229</v>
          </cell>
        </row>
        <row r="1217">
          <cell r="A1217" t="str">
            <v>16277V</v>
          </cell>
          <cell r="B1217" t="str">
            <v>ｼﾞｪﾈｯﾂ</v>
          </cell>
          <cell r="C1217" t="str">
            <v>（株）ジェネッツ</v>
          </cell>
          <cell r="D1217" t="str">
            <v>大塚 喜八</v>
          </cell>
          <cell r="E1217" t="str">
            <v>代表取締役</v>
          </cell>
          <cell r="F1217" t="str">
            <v>260-0001</v>
          </cell>
          <cell r="G1217" t="str">
            <v>千葉市中央区都町２－１２－８</v>
          </cell>
          <cell r="H1217" t="str">
            <v>043-214-1033</v>
          </cell>
          <cell r="I1217" t="str">
            <v>043-214-0871</v>
          </cell>
        </row>
        <row r="1218">
          <cell r="A1218" t="str">
            <v>16281X</v>
          </cell>
          <cell r="B1218" t="str">
            <v>ｼｰﾋﾞｰｴｽ</v>
          </cell>
          <cell r="C1218" t="str">
            <v>（株）シービーエス札幌営業所</v>
          </cell>
          <cell r="D1218" t="str">
            <v>岡田 俊之</v>
          </cell>
          <cell r="E1218" t="str">
            <v>所長</v>
          </cell>
          <cell r="F1218" t="str">
            <v>003-0027</v>
          </cell>
          <cell r="G1218" t="str">
            <v>白石区本通１８北３－８７</v>
          </cell>
          <cell r="H1218" t="str">
            <v>868-7305</v>
          </cell>
          <cell r="I1218" t="str">
            <v>868-7338</v>
          </cell>
        </row>
        <row r="1219">
          <cell r="A1219" t="str">
            <v>16283S</v>
          </cell>
          <cell r="B1219" t="str">
            <v>ｼｽﾃｯｸｶﾝｷｮｳｹﾝｷｭｳｼｮ</v>
          </cell>
          <cell r="C1219" t="str">
            <v>（株）システック環境研究所</v>
          </cell>
          <cell r="D1219" t="str">
            <v>落合 総一郎</v>
          </cell>
          <cell r="E1219" t="str">
            <v>代表取締役</v>
          </cell>
          <cell r="F1219" t="str">
            <v>166-0003</v>
          </cell>
          <cell r="G1219" t="str">
            <v>東京都杉並区高円寺南３－４７－８－２０８</v>
          </cell>
          <cell r="H1219" t="str">
            <v>03-5305-3701</v>
          </cell>
          <cell r="I1219" t="str">
            <v>03-5305-3700</v>
          </cell>
        </row>
        <row r="1220">
          <cell r="A1220" t="str">
            <v>16284P</v>
          </cell>
          <cell r="B1220" t="str">
            <v>ｼｽｺﾝ</v>
          </cell>
          <cell r="C1220" t="str">
            <v>シスコン（株）</v>
          </cell>
          <cell r="D1220" t="str">
            <v>鈴木 一志</v>
          </cell>
          <cell r="E1220" t="str">
            <v>代表取締役</v>
          </cell>
          <cell r="F1220" t="str">
            <v>007-0845</v>
          </cell>
          <cell r="G1220" t="str">
            <v>東区北４５東１０－５－５</v>
          </cell>
          <cell r="H1220" t="str">
            <v>741-0055</v>
          </cell>
          <cell r="I1220" t="str">
            <v>748-5062</v>
          </cell>
        </row>
        <row r="1221">
          <cell r="A1221" t="str">
            <v>16285Y</v>
          </cell>
          <cell r="B1221" t="str">
            <v>ｼﾐｽﾞｵｸﾄ</v>
          </cell>
          <cell r="C1221" t="str">
            <v>（株）シミズオクト</v>
          </cell>
          <cell r="D1221" t="str">
            <v>清水 卓治</v>
          </cell>
          <cell r="E1221" t="str">
            <v>代表取締役</v>
          </cell>
          <cell r="F1221" t="str">
            <v>169-0075</v>
          </cell>
          <cell r="G1221" t="str">
            <v>東京都新宿区高田馬場４－３９－１</v>
          </cell>
          <cell r="H1221" t="str">
            <v>03-3356-7455</v>
          </cell>
          <cell r="I1221" t="str">
            <v>03-3356-5361</v>
          </cell>
        </row>
        <row r="1222">
          <cell r="A1222" t="str">
            <v>16288R</v>
          </cell>
          <cell r="B1222" t="str">
            <v>ｼﾞｮｳﾎｳｶｶﾞｸｾﾝﾀｰ</v>
          </cell>
          <cell r="C1222" t="str">
            <v>（株）情報科学センター</v>
          </cell>
          <cell r="D1222" t="str">
            <v>高柳 浩</v>
          </cell>
          <cell r="E1222" t="str">
            <v>代表取締役</v>
          </cell>
          <cell r="F1222" t="str">
            <v>001-0021</v>
          </cell>
          <cell r="G1222" t="str">
            <v>北区北２１西３－１－１４</v>
          </cell>
          <cell r="H1222" t="str">
            <v>737-9157</v>
          </cell>
          <cell r="I1222" t="str">
            <v>737-9159</v>
          </cell>
        </row>
        <row r="1223">
          <cell r="A1223" t="str">
            <v>16289N</v>
          </cell>
          <cell r="B1223" t="str">
            <v>ｼｰｼｰｴｽ</v>
          </cell>
          <cell r="C1223" t="str">
            <v>（有）シーシーエス</v>
          </cell>
          <cell r="D1223" t="str">
            <v>宇野 昭</v>
          </cell>
          <cell r="E1223" t="str">
            <v>代表取締役</v>
          </cell>
          <cell r="F1223" t="str">
            <v>063-0802</v>
          </cell>
          <cell r="G1223" t="str">
            <v>西区二十四軒２－５－１－１７－６０８</v>
          </cell>
          <cell r="H1223" t="str">
            <v>622-2771</v>
          </cell>
          <cell r="I1223" t="str">
            <v>622-2773</v>
          </cell>
        </row>
        <row r="1224">
          <cell r="A1224" t="str">
            <v>16291W</v>
          </cell>
          <cell r="B1224" t="str">
            <v>ｼﾝｺｳｻｰﾋﾞｽ</v>
          </cell>
          <cell r="C1224" t="str">
            <v>新興サービス（株）札幌支店</v>
          </cell>
          <cell r="D1224" t="str">
            <v>村瀬 良輝</v>
          </cell>
          <cell r="E1224" t="str">
            <v>支店長</v>
          </cell>
          <cell r="F1224" t="str">
            <v>060-0033</v>
          </cell>
          <cell r="G1224" t="str">
            <v>中央区北３東８ 砂子ビル</v>
          </cell>
          <cell r="H1224" t="str">
            <v>210-9871</v>
          </cell>
          <cell r="I1224" t="str">
            <v>210-9873</v>
          </cell>
        </row>
        <row r="1225">
          <cell r="A1225" t="str">
            <v>16292T</v>
          </cell>
          <cell r="B1225" t="str">
            <v>ｼﾝﾜ</v>
          </cell>
          <cell r="C1225" t="str">
            <v>（株）信和札幌営業所</v>
          </cell>
          <cell r="D1225" t="str">
            <v>西谷 昌</v>
          </cell>
          <cell r="E1225" t="str">
            <v>営業課長</v>
          </cell>
          <cell r="F1225" t="str">
            <v>003-0812</v>
          </cell>
          <cell r="G1225" t="str">
            <v>白石区菊水上町１－１－３２５－５</v>
          </cell>
          <cell r="H1225" t="str">
            <v>815-2755</v>
          </cell>
          <cell r="I1225" t="str">
            <v>815-2751</v>
          </cell>
        </row>
        <row r="1226">
          <cell r="A1226" t="str">
            <v>16293R</v>
          </cell>
          <cell r="B1226" t="str">
            <v>ｼﾞｪｲｴｽｴｽ</v>
          </cell>
          <cell r="C1226" t="str">
            <v>（株）ジェイエスエス</v>
          </cell>
          <cell r="D1226" t="str">
            <v>藤木 孝夫</v>
          </cell>
          <cell r="E1226" t="str">
            <v>代表取締役</v>
          </cell>
          <cell r="F1226" t="str">
            <v>530-0051</v>
          </cell>
          <cell r="G1226" t="str">
            <v>大阪市北区太融寺町２－２２</v>
          </cell>
          <cell r="H1226" t="str">
            <v>06-6412-7476</v>
          </cell>
          <cell r="I1226" t="str">
            <v>06-6412-7519</v>
          </cell>
        </row>
        <row r="1227">
          <cell r="A1227" t="str">
            <v>16294N</v>
          </cell>
          <cell r="B1227" t="str">
            <v>ｼｽﾃﾑﾃｯｸ</v>
          </cell>
          <cell r="C1227" t="str">
            <v>（株）システムテック</v>
          </cell>
          <cell r="D1227" t="str">
            <v>山本 等</v>
          </cell>
          <cell r="E1227" t="str">
            <v>代表取締役</v>
          </cell>
          <cell r="F1227" t="str">
            <v>003-0003</v>
          </cell>
          <cell r="G1227" t="str">
            <v>白石区東札幌３－４－１－１３</v>
          </cell>
          <cell r="H1227" t="str">
            <v>377-8861</v>
          </cell>
          <cell r="I1227" t="str">
            <v>377-3403</v>
          </cell>
        </row>
        <row r="1228">
          <cell r="A1228" t="str">
            <v>16295X</v>
          </cell>
          <cell r="B1228" t="str">
            <v>ｼﾞｬﾊﾟﾝ･ｴｱ･ｶﾞｼｽﾞ</v>
          </cell>
          <cell r="C1228" t="str">
            <v>ジャパン・エア・ガシズ（株）北海道支社</v>
          </cell>
          <cell r="D1228" t="str">
            <v>安武 祐之</v>
          </cell>
          <cell r="E1228" t="str">
            <v>支社長</v>
          </cell>
          <cell r="F1228" t="str">
            <v>061-1405</v>
          </cell>
          <cell r="G1228" t="str">
            <v>区恵庭市戸磯７６－２８</v>
          </cell>
          <cell r="H1228" t="str">
            <v>0123-32-6543</v>
          </cell>
          <cell r="I1228" t="str">
            <v>0123-34-8262</v>
          </cell>
        </row>
        <row r="1229">
          <cell r="A1229" t="str">
            <v>16296V</v>
          </cell>
          <cell r="B1229" t="str">
            <v>ｼｰｱｲｼｰ</v>
          </cell>
          <cell r="C1229" t="str">
            <v>（株）シー・アイ・シー</v>
          </cell>
          <cell r="D1229" t="str">
            <v>芳賀 英吾</v>
          </cell>
          <cell r="E1229" t="str">
            <v>代表取締役</v>
          </cell>
          <cell r="F1229" t="str">
            <v>110-0014</v>
          </cell>
          <cell r="G1229" t="str">
            <v>東京都台東区北上野１－１０－１４</v>
          </cell>
          <cell r="H1229" t="str">
            <v>03-3845-8611</v>
          </cell>
          <cell r="I1229" t="str">
            <v>03-3847-3927</v>
          </cell>
        </row>
        <row r="1230">
          <cell r="A1230" t="str">
            <v>16297S</v>
          </cell>
          <cell r="B1230" t="str">
            <v>ｼﾃｨ･ﾘﾝｸｽ</v>
          </cell>
          <cell r="C1230" t="str">
            <v>（株）シティ・リンクス</v>
          </cell>
          <cell r="D1230" t="str">
            <v>村上 尚一</v>
          </cell>
          <cell r="E1230" t="str">
            <v>代表取締役</v>
          </cell>
          <cell r="F1230" t="str">
            <v>060-0006</v>
          </cell>
          <cell r="G1230" t="str">
            <v>中央区北６西１８－１１－９ シティビル</v>
          </cell>
          <cell r="H1230" t="str">
            <v>632-0770</v>
          </cell>
          <cell r="I1230" t="str">
            <v>632-0774</v>
          </cell>
        </row>
        <row r="1231">
          <cell r="A1231" t="str">
            <v>16298P</v>
          </cell>
          <cell r="B1231" t="str">
            <v>ｼﾅﾉｶｶﾞｸｺｳｷﾞｮｳ</v>
          </cell>
          <cell r="C1231" t="str">
            <v>信濃化学工業（株）</v>
          </cell>
          <cell r="D1231" t="str">
            <v>小野 勝彦</v>
          </cell>
          <cell r="E1231" t="str">
            <v>代表取締役</v>
          </cell>
          <cell r="F1231" t="str">
            <v>381-0045</v>
          </cell>
          <cell r="G1231" t="str">
            <v>長野県長野市桐原１－２－１２</v>
          </cell>
          <cell r="H1231" t="str">
            <v>026-243-1115</v>
          </cell>
          <cell r="I1231" t="str">
            <v>026-243-1520</v>
          </cell>
        </row>
        <row r="1232">
          <cell r="A1232" t="str">
            <v>16299Z</v>
          </cell>
          <cell r="B1232" t="str">
            <v>ｼﾞｪｲﾏｯｸｼｽﾃﾑ</v>
          </cell>
          <cell r="C1232" t="str">
            <v>（株）ジェイマックシステム</v>
          </cell>
          <cell r="D1232" t="str">
            <v>古瀬 司</v>
          </cell>
          <cell r="E1232" t="str">
            <v>代表取締役</v>
          </cell>
          <cell r="F1232" t="str">
            <v>060-0809</v>
          </cell>
          <cell r="G1232" t="str">
            <v>北区北９西３－１０－１ 小田ビル</v>
          </cell>
          <cell r="H1232" t="str">
            <v>726-6262</v>
          </cell>
          <cell r="I1232" t="str">
            <v>726-6260</v>
          </cell>
        </row>
        <row r="1233">
          <cell r="A1233" t="str">
            <v>16300V</v>
          </cell>
          <cell r="B1233" t="str">
            <v>ｼﾞﾑ</v>
          </cell>
          <cell r="C1233" t="str">
            <v>（株）ジム札幌支社</v>
          </cell>
          <cell r="D1233" t="str">
            <v>河辺 浩</v>
          </cell>
          <cell r="E1233" t="str">
            <v>支社長</v>
          </cell>
          <cell r="F1233" t="str">
            <v>060-0033</v>
          </cell>
          <cell r="G1233" t="str">
            <v>中央区北３東７－３６０－２</v>
          </cell>
          <cell r="H1233" t="str">
            <v>241-5756</v>
          </cell>
          <cell r="I1233" t="str">
            <v>241-5865</v>
          </cell>
        </row>
        <row r="1234">
          <cell r="A1234" t="str">
            <v>16306R</v>
          </cell>
          <cell r="B1234" t="str">
            <v>ｼｾﾞﾝﾌﾞﾝｶｿｳｼｬ</v>
          </cell>
          <cell r="C1234" t="str">
            <v>（有）自然文化創舎</v>
          </cell>
          <cell r="D1234" t="str">
            <v>君塚 孝一</v>
          </cell>
          <cell r="E1234" t="str">
            <v>代表取締役</v>
          </cell>
          <cell r="F1234" t="str">
            <v>231-0004</v>
          </cell>
          <cell r="G1234" t="str">
            <v>横浜市中区元浜町３－２１－２</v>
          </cell>
          <cell r="H1234" t="str">
            <v>045-222-8802</v>
          </cell>
          <cell r="I1234" t="str">
            <v>045-222-8283</v>
          </cell>
        </row>
        <row r="1235">
          <cell r="A1235" t="str">
            <v>16308Y</v>
          </cell>
          <cell r="B1235" t="str">
            <v>ｼﾞｬﾊﾟﾝｳｫｰﾀｰ</v>
          </cell>
          <cell r="C1235" t="str">
            <v>（株）ジャパンウォーター</v>
          </cell>
          <cell r="D1235" t="str">
            <v>水谷 重夫</v>
          </cell>
          <cell r="E1235" t="str">
            <v>代表取締役</v>
          </cell>
          <cell r="F1235" t="str">
            <v>162-0053</v>
          </cell>
          <cell r="G1235" t="str">
            <v>東京都新宿区原町３－３３－２</v>
          </cell>
          <cell r="H1235" t="str">
            <v>03-3200-3201</v>
          </cell>
          <cell r="I1235" t="str">
            <v>03-3200-3260</v>
          </cell>
        </row>
        <row r="1236">
          <cell r="A1236" t="str">
            <v>16309W</v>
          </cell>
          <cell r="B1236" t="str">
            <v>ｼﾞｪｲｱｸｱ</v>
          </cell>
          <cell r="C1236" t="str">
            <v>（有）ジェイアクア</v>
          </cell>
          <cell r="D1236" t="str">
            <v>千田 武実</v>
          </cell>
          <cell r="E1236" t="str">
            <v>代表取締役</v>
          </cell>
          <cell r="F1236" t="str">
            <v>005-0005</v>
          </cell>
          <cell r="G1236" t="str">
            <v>南区澄川５－４－２－１８</v>
          </cell>
          <cell r="H1236" t="str">
            <v>817-0002</v>
          </cell>
          <cell r="I1236" t="str">
            <v>817-0003</v>
          </cell>
        </row>
        <row r="1237">
          <cell r="A1237" t="str">
            <v>16310T</v>
          </cell>
          <cell r="B1237" t="str">
            <v>ｼﾋﾞｯｸﾒﾃﾞｨｱ</v>
          </cell>
          <cell r="C1237" t="str">
            <v>特定非営利活動法人シビックメディア</v>
          </cell>
          <cell r="D1237" t="str">
            <v>吉村 卓也</v>
          </cell>
          <cell r="E1237" t="str">
            <v>代表理事</v>
          </cell>
          <cell r="F1237" t="str">
            <v>064-0951</v>
          </cell>
          <cell r="G1237" t="str">
            <v>中央区宮の森１－１８－１－３５－１０２</v>
          </cell>
          <cell r="H1237" t="str">
            <v>613-0548</v>
          </cell>
          <cell r="I1237" t="str">
            <v>613-0549</v>
          </cell>
        </row>
        <row r="1238">
          <cell r="A1238" t="str">
            <v>16311R</v>
          </cell>
          <cell r="B1238" t="str">
            <v>ｼｽﾃﾑﾒﾃﾞｨｱ</v>
          </cell>
          <cell r="C1238" t="str">
            <v>システムメディア（協）</v>
          </cell>
          <cell r="D1238" t="str">
            <v>畑川 修一</v>
          </cell>
          <cell r="E1238" t="str">
            <v>代表理事</v>
          </cell>
          <cell r="F1238" t="str">
            <v>060-0061</v>
          </cell>
          <cell r="G1238" t="str">
            <v>中央区南１西１１－３２７－２０</v>
          </cell>
          <cell r="H1238" t="str">
            <v>223-7391</v>
          </cell>
          <cell r="I1238" t="str">
            <v>223-7392</v>
          </cell>
        </row>
        <row r="1239">
          <cell r="A1239" t="str">
            <v>16312N</v>
          </cell>
          <cell r="B1239" t="str">
            <v>ｼﾞｪｲﾄﾞ</v>
          </cell>
          <cell r="C1239" t="str">
            <v>（有）ジェイド</v>
          </cell>
          <cell r="D1239" t="str">
            <v>内田 壮</v>
          </cell>
          <cell r="E1239" t="str">
            <v>代表取締役</v>
          </cell>
          <cell r="F1239" t="str">
            <v>064-0821</v>
          </cell>
          <cell r="G1239" t="str">
            <v>中央区北１西２０－３－５</v>
          </cell>
          <cell r="H1239" t="str">
            <v>611-9731</v>
          </cell>
          <cell r="I1239" t="str">
            <v>611-9731</v>
          </cell>
        </row>
        <row r="1240">
          <cell r="A1240" t="str">
            <v>16313Y</v>
          </cell>
          <cell r="B1240" t="str">
            <v>ｼﾞｭﾓｸｺﾝｻﾙﾀﾝﾄ</v>
          </cell>
          <cell r="C1240" t="str">
            <v>（有）樹木コンサルタント</v>
          </cell>
          <cell r="D1240" t="str">
            <v>吉田 憲一</v>
          </cell>
          <cell r="E1240" t="str">
            <v>代表取締役</v>
          </cell>
          <cell r="F1240" t="str">
            <v>069-0239</v>
          </cell>
          <cell r="G1240" t="str">
            <v>空知郡南幌町稲穂１－６－１２</v>
          </cell>
          <cell r="H1240" t="str">
            <v>378-3872</v>
          </cell>
          <cell r="I1240" t="str">
            <v>378-3872</v>
          </cell>
        </row>
        <row r="1241">
          <cell r="A1241" t="str">
            <v>16314W</v>
          </cell>
          <cell r="B1241" t="str">
            <v>ｼﾞｰ･ﾃﾞｨｰ･ｱｲ</v>
          </cell>
          <cell r="C1241" t="str">
            <v>（有）ジー・ディー・アイ</v>
          </cell>
          <cell r="D1241" t="str">
            <v>阿部 直人</v>
          </cell>
          <cell r="E1241" t="str">
            <v>代表取締役</v>
          </cell>
          <cell r="F1241" t="str">
            <v>006-0852</v>
          </cell>
          <cell r="G1241" t="str">
            <v>手稲区星置２－７－５－１３</v>
          </cell>
          <cell r="H1241" t="str">
            <v>684-4165</v>
          </cell>
          <cell r="I1241" t="str">
            <v>272-9425</v>
          </cell>
        </row>
        <row r="1242">
          <cell r="A1242" t="str">
            <v>16315S</v>
          </cell>
          <cell r="B1242" t="str">
            <v>ｼﾏﾂﾞﾒﾃﾞｨｶﾙｼｽﾃﾑｽﾞ</v>
          </cell>
          <cell r="C1242" t="str">
            <v>島津メディカルシステムズ（株）北海道支店</v>
          </cell>
          <cell r="D1242" t="str">
            <v>坂本 健次</v>
          </cell>
          <cell r="E1242" t="str">
            <v>支店長</v>
          </cell>
          <cell r="F1242" t="str">
            <v>002-8081</v>
          </cell>
          <cell r="G1242" t="str">
            <v>北区百合が原７－１－３０</v>
          </cell>
          <cell r="H1242" t="str">
            <v>773-0445</v>
          </cell>
          <cell r="I1242" t="str">
            <v>772-4549</v>
          </cell>
        </row>
        <row r="1243">
          <cell r="A1243" t="str">
            <v>16316P</v>
          </cell>
          <cell r="B1243" t="str">
            <v>ｼﾛｲｼｶﾝｺｳ</v>
          </cell>
          <cell r="C1243" t="str">
            <v>白石観光（株）</v>
          </cell>
          <cell r="D1243" t="str">
            <v>布施 正樹</v>
          </cell>
          <cell r="E1243" t="str">
            <v>代表取締役</v>
          </cell>
          <cell r="F1243" t="str">
            <v>004-0033</v>
          </cell>
          <cell r="G1243" t="str">
            <v>厚別区上野幌３－３－９－７</v>
          </cell>
          <cell r="H1243" t="str">
            <v>895-5111</v>
          </cell>
          <cell r="I1243" t="str">
            <v>895-8183</v>
          </cell>
        </row>
        <row r="1244">
          <cell r="A1244" t="str">
            <v>16319V</v>
          </cell>
          <cell r="B1244" t="str">
            <v>ｼﾝｺｰｽﾎﾟｰﾂ</v>
          </cell>
          <cell r="C1244" t="str">
            <v>シンコースポーツ（株）北海道支店</v>
          </cell>
          <cell r="D1244" t="str">
            <v>田近 次郎</v>
          </cell>
          <cell r="E1244" t="str">
            <v>支店長</v>
          </cell>
          <cell r="F1244" t="str">
            <v>065-0016</v>
          </cell>
          <cell r="G1244" t="str">
            <v>東区北１６東３－１－６４</v>
          </cell>
          <cell r="H1244" t="str">
            <v>743-7481</v>
          </cell>
          <cell r="I1244" t="str">
            <v>743-7812</v>
          </cell>
        </row>
        <row r="1245">
          <cell r="A1245" t="str">
            <v>16320S</v>
          </cell>
          <cell r="B1245" t="str">
            <v>ｼﾝﾜ･ﾄｰﾀﾙ･ｼｽﾃﾑ</v>
          </cell>
          <cell r="C1245" t="str">
            <v>（株）シンワ・トータル・システム</v>
          </cell>
          <cell r="D1245" t="str">
            <v>齊田 良一</v>
          </cell>
          <cell r="E1245" t="str">
            <v>代表取締役</v>
          </cell>
          <cell r="F1245" t="str">
            <v>330-0852</v>
          </cell>
          <cell r="G1245" t="str">
            <v>さいたま市大宮区大成町１－１２９</v>
          </cell>
          <cell r="H1245" t="str">
            <v>048-662-8777</v>
          </cell>
          <cell r="I1245" t="str">
            <v>048-662-8778</v>
          </cell>
        </row>
        <row r="1246">
          <cell r="A1246" t="str">
            <v>16321P</v>
          </cell>
          <cell r="B1246" t="str">
            <v>ｼｽﾃﾑﾄﾗｲ</v>
          </cell>
          <cell r="C1246" t="str">
            <v>（株）システムトライ</v>
          </cell>
          <cell r="D1246" t="str">
            <v>千徳 倫也</v>
          </cell>
          <cell r="E1246" t="str">
            <v>代表取締役</v>
          </cell>
          <cell r="F1246" t="str">
            <v>064-0914</v>
          </cell>
          <cell r="G1246" t="str">
            <v>中央区南１４西７－１－４２</v>
          </cell>
          <cell r="H1246" t="str">
            <v>512-3220</v>
          </cell>
          <cell r="I1246" t="str">
            <v>512-3226</v>
          </cell>
        </row>
        <row r="1247">
          <cell r="A1247" t="str">
            <v>16322Z</v>
          </cell>
          <cell r="B1247" t="str">
            <v>ｼﾝｸ</v>
          </cell>
          <cell r="C1247" t="str">
            <v>（株）シンク</v>
          </cell>
          <cell r="D1247" t="str">
            <v>富松 暹雄</v>
          </cell>
          <cell r="E1247" t="str">
            <v>代表取締役</v>
          </cell>
          <cell r="F1247" t="str">
            <v>825-0001</v>
          </cell>
          <cell r="G1247" t="str">
            <v>福岡県田川市大字伊加利字狐取１８２４－２</v>
          </cell>
          <cell r="H1247" t="str">
            <v>0947-42-0111</v>
          </cell>
          <cell r="I1247" t="str">
            <v>0947-42-0155</v>
          </cell>
        </row>
        <row r="1248">
          <cell r="A1248" t="str">
            <v>16503T</v>
          </cell>
          <cell r="B1248" t="str">
            <v>ｽﾎﾟｰﾂﾊｳｽ</v>
          </cell>
          <cell r="C1248" t="str">
            <v>（株）スポーツハウス</v>
          </cell>
          <cell r="D1248" t="str">
            <v>織田 達朗</v>
          </cell>
          <cell r="E1248" t="str">
            <v>代表取締役</v>
          </cell>
          <cell r="F1248" t="str">
            <v>060-8692</v>
          </cell>
          <cell r="G1248" t="str">
            <v>中央区南３西５－１</v>
          </cell>
          <cell r="H1248" t="str">
            <v>222-5151</v>
          </cell>
          <cell r="I1248" t="str">
            <v>231-0907</v>
          </cell>
        </row>
        <row r="1249">
          <cell r="A1249" t="str">
            <v>16504R</v>
          </cell>
          <cell r="B1249" t="str">
            <v>ｽｽﾞｷﾃﾝﾄｺｳｷﾞｮｳ</v>
          </cell>
          <cell r="C1249" t="str">
            <v>鈴木テント工業（株）</v>
          </cell>
          <cell r="D1249" t="str">
            <v>鈴木 絹子</v>
          </cell>
          <cell r="E1249" t="str">
            <v>代表取締役</v>
          </cell>
          <cell r="F1249" t="str">
            <v>065-0011</v>
          </cell>
          <cell r="G1249" t="str">
            <v>東区北１１東１－５３</v>
          </cell>
          <cell r="H1249" t="str">
            <v>741-1001</v>
          </cell>
          <cell r="I1249" t="str">
            <v>741-1003</v>
          </cell>
        </row>
        <row r="1250">
          <cell r="A1250" t="str">
            <v>16506X</v>
          </cell>
          <cell r="B1250" t="str">
            <v>ｽﾐｼｮｳﾘｰｽ</v>
          </cell>
          <cell r="C1250" t="str">
            <v>住商リース（株）北海道支店</v>
          </cell>
          <cell r="D1250" t="str">
            <v>田中 謙司</v>
          </cell>
          <cell r="E1250" t="str">
            <v>支店長</v>
          </cell>
          <cell r="F1250" t="str">
            <v>060-0042</v>
          </cell>
          <cell r="G1250" t="str">
            <v>中央区大通西８－２</v>
          </cell>
          <cell r="H1250" t="str">
            <v>221-3050</v>
          </cell>
          <cell r="I1250" t="str">
            <v>232-1271</v>
          </cell>
        </row>
        <row r="1251">
          <cell r="A1251" t="str">
            <v>16513S</v>
          </cell>
          <cell r="B1251" t="str">
            <v>ｽﾀﾞｾｲﾊﾝ</v>
          </cell>
          <cell r="C1251" t="str">
            <v>（株）須田製版</v>
          </cell>
          <cell r="D1251" t="str">
            <v>須田 勝一</v>
          </cell>
          <cell r="E1251" t="str">
            <v>代表取締役社長</v>
          </cell>
          <cell r="F1251" t="str">
            <v>063-8603</v>
          </cell>
          <cell r="G1251" t="str">
            <v>西区二十四軒２－６－１－８</v>
          </cell>
          <cell r="H1251" t="str">
            <v>621-0275</v>
          </cell>
          <cell r="I1251" t="str">
            <v>642-8189</v>
          </cell>
        </row>
        <row r="1252">
          <cell r="A1252" t="str">
            <v>16515Y</v>
          </cell>
          <cell r="B1252" t="str">
            <v>ｽｽﾞｷｮｰ</v>
          </cell>
          <cell r="C1252" t="str">
            <v>（有）スズキョー</v>
          </cell>
          <cell r="D1252" t="str">
            <v>中嶋 俊郎</v>
          </cell>
          <cell r="E1252" t="str">
            <v>代表取締役</v>
          </cell>
          <cell r="F1252" t="str">
            <v>062-0007</v>
          </cell>
          <cell r="G1252" t="str">
            <v>豊平区美園７－３－６－２０</v>
          </cell>
          <cell r="H1252" t="str">
            <v>821-1253</v>
          </cell>
          <cell r="I1252" t="str">
            <v>821-9628</v>
          </cell>
        </row>
        <row r="1253">
          <cell r="A1253" t="str">
            <v>16520Y</v>
          </cell>
          <cell r="B1253" t="str">
            <v>ｽｲﾄﾞｳｷｺｳ</v>
          </cell>
          <cell r="C1253" t="str">
            <v>水道機工（株）札幌支店</v>
          </cell>
          <cell r="D1253" t="str">
            <v>小野 敬三</v>
          </cell>
          <cell r="E1253" t="str">
            <v>支店長</v>
          </cell>
          <cell r="F1253" t="str">
            <v>060-0807</v>
          </cell>
          <cell r="G1253" t="str">
            <v>北区北７西２－２０ 東京建物札幌ビル８</v>
          </cell>
          <cell r="H1253" t="str">
            <v>758-2671</v>
          </cell>
          <cell r="I1253" t="str">
            <v>758-3284</v>
          </cell>
        </row>
        <row r="1254">
          <cell r="A1254" t="str">
            <v>16524N</v>
          </cell>
          <cell r="B1254" t="str">
            <v>ｽｷﾞｼﾀｷｶｲｼｮｳｼﾞ</v>
          </cell>
          <cell r="C1254" t="str">
            <v>杉下機械商事（株）</v>
          </cell>
          <cell r="D1254" t="str">
            <v>杉下 春樹</v>
          </cell>
          <cell r="E1254" t="str">
            <v>代表取締役</v>
          </cell>
          <cell r="F1254" t="str">
            <v>003-0026</v>
          </cell>
          <cell r="G1254" t="str">
            <v>白石区本通５南３－１１</v>
          </cell>
          <cell r="H1254" t="str">
            <v>866-7800</v>
          </cell>
          <cell r="I1254" t="str">
            <v>866-7803</v>
          </cell>
        </row>
        <row r="1255">
          <cell r="A1255" t="str">
            <v>16525X</v>
          </cell>
          <cell r="B1255" t="str">
            <v>ｽﾐﾄﾓｼｮｳｼﾞﾎｯｶｲﾄﾞｳ</v>
          </cell>
          <cell r="C1255" t="str">
            <v>住友商事北海道（株）</v>
          </cell>
          <cell r="D1255" t="str">
            <v>中澤 聖</v>
          </cell>
          <cell r="E1255" t="str">
            <v>代表取締役</v>
          </cell>
          <cell r="F1255" t="str">
            <v>060-0042</v>
          </cell>
          <cell r="G1255" t="str">
            <v>中央区大通西８－２</v>
          </cell>
          <cell r="H1255" t="str">
            <v>261-9131</v>
          </cell>
          <cell r="I1255" t="str">
            <v>261-9140</v>
          </cell>
        </row>
        <row r="1256">
          <cell r="A1256" t="str">
            <v>16529Z</v>
          </cell>
          <cell r="B1256" t="str">
            <v>ｽｽﾞﾗﾝｷｮｳｻﾞｲｼｬ</v>
          </cell>
          <cell r="C1256" t="str">
            <v>（株）すずらん教材社</v>
          </cell>
          <cell r="D1256" t="str">
            <v>鈴江 修</v>
          </cell>
          <cell r="E1256" t="str">
            <v>代表取締役</v>
          </cell>
          <cell r="F1256" t="str">
            <v>003-0834</v>
          </cell>
          <cell r="G1256" t="str">
            <v>白石区北郷４－３－７－３</v>
          </cell>
          <cell r="H1256" t="str">
            <v>872-1806</v>
          </cell>
          <cell r="I1256" t="str">
            <v>872-1847</v>
          </cell>
        </row>
        <row r="1257">
          <cell r="A1257" t="str">
            <v>16533P</v>
          </cell>
          <cell r="B1257" t="str">
            <v>ｽﾐﾄﾓｾｷﾀﾝｺｳｷﾞｮｳ</v>
          </cell>
          <cell r="C1257" t="str">
            <v>住友石炭鉱業（株）採石事業部 札幌事業所</v>
          </cell>
          <cell r="D1257" t="str">
            <v>杉下 隆彦</v>
          </cell>
          <cell r="E1257" t="str">
            <v>所長</v>
          </cell>
          <cell r="F1257" t="str">
            <v>005-0827</v>
          </cell>
          <cell r="G1257" t="str">
            <v>南区南沢１８７８</v>
          </cell>
          <cell r="H1257" t="str">
            <v>572-3861</v>
          </cell>
          <cell r="I1257" t="str">
            <v>572-3529</v>
          </cell>
        </row>
        <row r="1258">
          <cell r="A1258" t="str">
            <v>16535W</v>
          </cell>
          <cell r="B1258" t="str">
            <v>ｽﾐﾄﾓｷﾝｿﾞｸｺｳｷﾞｮｳ</v>
          </cell>
          <cell r="C1258" t="str">
            <v>住友金属工業（株）北海道支社</v>
          </cell>
          <cell r="D1258" t="str">
            <v>中林 秀延</v>
          </cell>
          <cell r="E1258" t="str">
            <v>支社長</v>
          </cell>
          <cell r="F1258" t="str">
            <v>060-0042</v>
          </cell>
          <cell r="G1258" t="str">
            <v>中央区大通西４－６－８ 住友成泉札幌大通ビル</v>
          </cell>
          <cell r="H1258" t="str">
            <v>231-2225</v>
          </cell>
          <cell r="I1258" t="str">
            <v>221-1896</v>
          </cell>
        </row>
        <row r="1259">
          <cell r="A1259" t="str">
            <v>16540W</v>
          </cell>
          <cell r="B1259" t="str">
            <v>ｽﾎﾟｰﾂｼｮｯﾌﾟﾌﾙｳﾁ</v>
          </cell>
          <cell r="C1259" t="str">
            <v>（株）スポーツショップ古内</v>
          </cell>
          <cell r="D1259" t="str">
            <v>古内 昭</v>
          </cell>
          <cell r="E1259" t="str">
            <v>代表取締役</v>
          </cell>
          <cell r="F1259" t="str">
            <v>005-0842</v>
          </cell>
          <cell r="G1259" t="str">
            <v>南区石山２－２－８－２２</v>
          </cell>
          <cell r="H1259" t="str">
            <v>591-3587</v>
          </cell>
          <cell r="I1259" t="str">
            <v>592-0088</v>
          </cell>
        </row>
        <row r="1260">
          <cell r="A1260" t="str">
            <v>16541T</v>
          </cell>
          <cell r="B1260" t="str">
            <v>ｽﾎﾟｰﾂﾖｳﾋﾝﾃﾝｳﾒﾔ</v>
          </cell>
          <cell r="C1260" t="str">
            <v>（株）スポーツ用品店うめや西野店</v>
          </cell>
          <cell r="D1260" t="str">
            <v>村住 俊幸</v>
          </cell>
          <cell r="E1260" t="str">
            <v>代表取締役</v>
          </cell>
          <cell r="F1260" t="str">
            <v>063-0062</v>
          </cell>
          <cell r="G1260" t="str">
            <v>西区西町南５－１－２０</v>
          </cell>
          <cell r="H1260" t="str">
            <v>663-0767</v>
          </cell>
          <cell r="I1260" t="str">
            <v>663-0797</v>
          </cell>
        </row>
        <row r="1261">
          <cell r="A1261" t="str">
            <v>16543N</v>
          </cell>
          <cell r="B1261" t="str">
            <v>ｾﾌﾃｨﾌﾟﾗｻﾞｽｶﾞﾜﾗｻﾝｷﾞｮｳ</v>
          </cell>
          <cell r="C1261" t="str">
            <v>セフティプラザ菅原産業（株）</v>
          </cell>
          <cell r="D1261" t="str">
            <v>菅原 克彦</v>
          </cell>
          <cell r="E1261" t="str">
            <v>代表取締役</v>
          </cell>
          <cell r="F1261" t="str">
            <v>065-0011</v>
          </cell>
          <cell r="G1261" t="str">
            <v>東区北１１東１３－２－１２</v>
          </cell>
          <cell r="H1261" t="str">
            <v>721-7271</v>
          </cell>
          <cell r="I1261" t="str">
            <v>721-7273</v>
          </cell>
        </row>
        <row r="1262">
          <cell r="A1262" t="str">
            <v>16544Y</v>
          </cell>
          <cell r="B1262" t="str">
            <v>ｱｽﾓ</v>
          </cell>
          <cell r="C1262" t="str">
            <v>（株）アスモ</v>
          </cell>
          <cell r="D1262" t="str">
            <v>水田 良治</v>
          </cell>
          <cell r="E1262" t="str">
            <v>代表取締役社長</v>
          </cell>
          <cell r="F1262" t="str">
            <v>060-0051</v>
          </cell>
          <cell r="G1262" t="str">
            <v>中央区南１東２－１３</v>
          </cell>
          <cell r="H1262" t="str">
            <v>221-1423</v>
          </cell>
          <cell r="I1262" t="str">
            <v>222-5232</v>
          </cell>
        </row>
        <row r="1263">
          <cell r="A1263" t="str">
            <v>16551S</v>
          </cell>
          <cell r="B1263" t="str">
            <v>ｽﾜﾝｷｶｲｻｰﾋﾞｽ</v>
          </cell>
          <cell r="C1263" t="str">
            <v>スワン機械サービス</v>
          </cell>
          <cell r="D1263" t="str">
            <v>白鳥 守雄</v>
          </cell>
          <cell r="E1263" t="str">
            <v>代表</v>
          </cell>
          <cell r="F1263" t="str">
            <v>007-0885</v>
          </cell>
          <cell r="G1263" t="str">
            <v>東区北丘珠５－３－１５－３１</v>
          </cell>
          <cell r="H1263" t="str">
            <v>781-7489</v>
          </cell>
          <cell r="I1263" t="str">
            <v>784-3261</v>
          </cell>
        </row>
        <row r="1264">
          <cell r="A1264" t="str">
            <v>16552P</v>
          </cell>
          <cell r="B1264" t="str">
            <v>ｽｽﾞｷｶﾞｯｷﾊﾝﾊﾞｲ</v>
          </cell>
          <cell r="C1264" t="str">
            <v>鈴木楽器販売（株）北海道営業所</v>
          </cell>
          <cell r="D1264" t="str">
            <v>野村 博克</v>
          </cell>
          <cell r="E1264" t="str">
            <v>所長</v>
          </cell>
          <cell r="F1264" t="str">
            <v>064-0809</v>
          </cell>
          <cell r="G1264" t="str">
            <v>中央区南９西１１－１２７０－５</v>
          </cell>
          <cell r="H1264" t="str">
            <v>551-8911</v>
          </cell>
          <cell r="I1264" t="str">
            <v>562-1906</v>
          </cell>
        </row>
        <row r="1265">
          <cell r="A1265" t="str">
            <v>16553Z</v>
          </cell>
          <cell r="B1265" t="str">
            <v>ｽｷﾞﾔﾏﾈﾝﾘｮｳｾﾝﾀｰ</v>
          </cell>
          <cell r="C1265" t="str">
            <v>（株）杉山燃料センター</v>
          </cell>
          <cell r="D1265" t="str">
            <v>杉山 和宏</v>
          </cell>
          <cell r="E1265" t="str">
            <v>代表取締役</v>
          </cell>
          <cell r="F1265" t="str">
            <v>062-0052</v>
          </cell>
          <cell r="G1265" t="str">
            <v>豊平区月寒東２－１０－１－３１</v>
          </cell>
          <cell r="H1265" t="str">
            <v>851-3304</v>
          </cell>
          <cell r="I1265" t="str">
            <v>852-6667</v>
          </cell>
        </row>
        <row r="1266">
          <cell r="A1266" t="str">
            <v>16558Y</v>
          </cell>
          <cell r="B1266" t="str">
            <v>ｽｽﾞｷｼｮｳｶｲ</v>
          </cell>
          <cell r="C1266" t="str">
            <v>（株）鈴木商会</v>
          </cell>
          <cell r="D1266" t="str">
            <v>駒谷 嘉一</v>
          </cell>
          <cell r="E1266" t="str">
            <v>代表取締役</v>
          </cell>
          <cell r="F1266" t="str">
            <v>003-0808</v>
          </cell>
          <cell r="G1266" t="str">
            <v>白石区菊水８－３－８－１３</v>
          </cell>
          <cell r="H1266" t="str">
            <v>811-1281</v>
          </cell>
          <cell r="I1266" t="str">
            <v>811-8900</v>
          </cell>
        </row>
        <row r="1267">
          <cell r="A1267" t="str">
            <v>16560T</v>
          </cell>
          <cell r="B1267" t="str">
            <v>ｽﾎﾟｰﾂｼｮｯﾌﾟｲｼﾀﾞ</v>
          </cell>
          <cell r="C1267" t="str">
            <v>（株）スポーツショップイシダ</v>
          </cell>
          <cell r="D1267" t="str">
            <v>石田 英夫</v>
          </cell>
          <cell r="E1267" t="str">
            <v>代表取締役</v>
          </cell>
          <cell r="F1267" t="str">
            <v>004-0841</v>
          </cell>
          <cell r="G1267" t="str">
            <v>清田区清田１－１－４－３０</v>
          </cell>
          <cell r="H1267" t="str">
            <v>882-3176</v>
          </cell>
          <cell r="I1267" t="str">
            <v>882-5285</v>
          </cell>
        </row>
        <row r="1268">
          <cell r="A1268" t="str">
            <v>16562N</v>
          </cell>
          <cell r="B1268" t="str">
            <v>ｽｷﾞﾀﾏ</v>
          </cell>
          <cell r="C1268" t="str">
            <v>（株）すぎたま</v>
          </cell>
          <cell r="D1268" t="str">
            <v>杉山 隆俊</v>
          </cell>
          <cell r="E1268" t="str">
            <v>代表取締役</v>
          </cell>
          <cell r="F1268" t="str">
            <v>064-0921</v>
          </cell>
          <cell r="G1268" t="str">
            <v>中央区南２１西７</v>
          </cell>
          <cell r="H1268" t="str">
            <v>512-2221</v>
          </cell>
          <cell r="I1268" t="str">
            <v>511-3116</v>
          </cell>
        </row>
        <row r="1269">
          <cell r="A1269" t="str">
            <v>16563Y</v>
          </cell>
          <cell r="B1269" t="str">
            <v>ｽｽﾞｷｼﾞﾊﾝﾎｯｶｲﾄﾞｳ</v>
          </cell>
          <cell r="C1269" t="str">
            <v>（株）スズキ自販北海道</v>
          </cell>
          <cell r="D1269" t="str">
            <v>江連 寿志</v>
          </cell>
          <cell r="E1269" t="str">
            <v>代表取締役</v>
          </cell>
          <cell r="F1269" t="str">
            <v>065-0030</v>
          </cell>
          <cell r="G1269" t="str">
            <v>東区北３０東１－１－４４</v>
          </cell>
          <cell r="H1269" t="str">
            <v>721-8311</v>
          </cell>
          <cell r="I1269" t="str">
            <v>752-5861</v>
          </cell>
        </row>
        <row r="1270">
          <cell r="A1270" t="str">
            <v>16568X</v>
          </cell>
          <cell r="B1270" t="str">
            <v>ｽｽﾞﾃﾞﾝ</v>
          </cell>
          <cell r="C1270" t="str">
            <v>スズデン（株）</v>
          </cell>
          <cell r="D1270" t="str">
            <v>鈴木 敏雄</v>
          </cell>
          <cell r="E1270" t="str">
            <v>代表取締役社長</v>
          </cell>
          <cell r="F1270" t="str">
            <v>113-0034</v>
          </cell>
          <cell r="G1270" t="str">
            <v>東京都文京区湯島２－２－２</v>
          </cell>
          <cell r="H1270" t="str">
            <v>03-5689-8001</v>
          </cell>
          <cell r="I1270" t="str">
            <v>03-5802-6764</v>
          </cell>
        </row>
        <row r="1271">
          <cell r="A1271" t="str">
            <v>16570S</v>
          </cell>
          <cell r="B1271" t="str">
            <v>ｽｶﾞﾜﾗｶﾞﾗｽﾃﾝ</v>
          </cell>
          <cell r="C1271" t="str">
            <v>菅原ガラス店</v>
          </cell>
          <cell r="D1271" t="str">
            <v>菅原 伸彦</v>
          </cell>
          <cell r="E1271" t="str">
            <v>代表</v>
          </cell>
          <cell r="F1271" t="str">
            <v>005-0004</v>
          </cell>
          <cell r="G1271" t="str">
            <v>南区澄川４－５－１０－２６</v>
          </cell>
          <cell r="H1271" t="str">
            <v>831-5030</v>
          </cell>
          <cell r="I1271" t="str">
            <v>831-5030</v>
          </cell>
        </row>
        <row r="1272">
          <cell r="A1272" t="str">
            <v>16574V</v>
          </cell>
          <cell r="B1272" t="str">
            <v>ｽｰﾊﾟｰｻﾌﾞ</v>
          </cell>
          <cell r="C1272" t="str">
            <v>（株）スーパーサブ</v>
          </cell>
          <cell r="D1272" t="str">
            <v>江良 誠一</v>
          </cell>
          <cell r="E1272" t="str">
            <v>代表取締役</v>
          </cell>
          <cell r="F1272" t="str">
            <v>003-0001</v>
          </cell>
          <cell r="G1272" t="str">
            <v>白石区東札幌１－３－５－３７</v>
          </cell>
          <cell r="H1272" t="str">
            <v>824-1313</v>
          </cell>
          <cell r="I1272" t="str">
            <v>824-1317</v>
          </cell>
        </row>
        <row r="1273">
          <cell r="A1273" t="str">
            <v>16575R</v>
          </cell>
          <cell r="B1273" t="str">
            <v>ｽﾃｰｼﾞｱﾝｻﾝﾌﾞﾙ</v>
          </cell>
          <cell r="C1273" t="str">
            <v>（株）ステージアンサンブル</v>
          </cell>
          <cell r="D1273" t="str">
            <v>松谷 勝</v>
          </cell>
          <cell r="E1273" t="str">
            <v>代表取締役</v>
          </cell>
          <cell r="F1273" t="str">
            <v>007-0828</v>
          </cell>
          <cell r="G1273" t="str">
            <v>東区東雁来８－１－７－２７</v>
          </cell>
          <cell r="H1273" t="str">
            <v>791-5452</v>
          </cell>
          <cell r="I1273" t="str">
            <v>791-4870</v>
          </cell>
        </row>
        <row r="1274">
          <cell r="A1274" t="str">
            <v>16582Y</v>
          </cell>
          <cell r="B1274" t="str">
            <v>ｼﾝﾒｲﾜｵｰﾄｴﾝｼﾞﾆｱﾘﾝｸﾞ</v>
          </cell>
          <cell r="C1274" t="str">
            <v>新明和オートエンジニアリング（株）北海道営業所</v>
          </cell>
          <cell r="D1274" t="str">
            <v>千葉 重人</v>
          </cell>
          <cell r="E1274" t="str">
            <v>所長</v>
          </cell>
          <cell r="F1274" t="str">
            <v>063-0801</v>
          </cell>
          <cell r="G1274" t="str">
            <v>西区二十四軒１－７－２－３９</v>
          </cell>
          <cell r="H1274" t="str">
            <v>643-3481</v>
          </cell>
          <cell r="I1274" t="str">
            <v>621-0598</v>
          </cell>
        </row>
        <row r="1275">
          <cell r="A1275" t="str">
            <v>16583W</v>
          </cell>
          <cell r="B1275" t="str">
            <v>ｽﾀｼﾞｵｿﾞｳｹｲ</v>
          </cell>
          <cell r="C1275" t="str">
            <v>（有）スタジオ造形</v>
          </cell>
          <cell r="D1275" t="str">
            <v>安場 修</v>
          </cell>
          <cell r="E1275" t="str">
            <v>代表取締役</v>
          </cell>
          <cell r="F1275" t="str">
            <v>064-0925</v>
          </cell>
          <cell r="G1275" t="str">
            <v>中央区南２５西１３－１－３７</v>
          </cell>
          <cell r="H1275" t="str">
            <v>561-1215</v>
          </cell>
          <cell r="I1275" t="str">
            <v>561-7661</v>
          </cell>
        </row>
        <row r="1276">
          <cell r="A1276" t="str">
            <v>16586Z</v>
          </cell>
          <cell r="B1276" t="str">
            <v>ｽﾀｯｸｽ</v>
          </cell>
          <cell r="C1276" t="str">
            <v>（株）スタックス</v>
          </cell>
          <cell r="D1276" t="str">
            <v>中島 正巳</v>
          </cell>
          <cell r="E1276" t="str">
            <v>代表取締役</v>
          </cell>
          <cell r="F1276" t="str">
            <v>060-0906</v>
          </cell>
          <cell r="G1276" t="str">
            <v>東区北６東２－２－１０ 札幌総合卸ｾﾝﾀｰ２号館</v>
          </cell>
          <cell r="H1276" t="str">
            <v>711-5657</v>
          </cell>
          <cell r="I1276" t="str">
            <v>711-5775</v>
          </cell>
        </row>
        <row r="1277">
          <cell r="A1277" t="str">
            <v>16590P</v>
          </cell>
          <cell r="B1277" t="str">
            <v>ｽﾀｼﾞｵﾕｰ</v>
          </cell>
          <cell r="C1277" t="str">
            <v>（株）スタジオユー</v>
          </cell>
          <cell r="D1277" t="str">
            <v>柳谷 成身</v>
          </cell>
          <cell r="E1277" t="str">
            <v>代表取締役</v>
          </cell>
          <cell r="F1277" t="str">
            <v>007-0802</v>
          </cell>
          <cell r="G1277" t="str">
            <v>東区東苗穂２－３－４－４８</v>
          </cell>
          <cell r="H1277" t="str">
            <v>789-2777</v>
          </cell>
          <cell r="I1277" t="str">
            <v>789-2778</v>
          </cell>
        </row>
        <row r="1278">
          <cell r="A1278" t="str">
            <v>16594S</v>
          </cell>
          <cell r="B1278" t="str">
            <v>ｴｽﾋﾞｰｴｽ</v>
          </cell>
          <cell r="C1278" t="str">
            <v>（株）ＳＢＳ</v>
          </cell>
          <cell r="D1278" t="str">
            <v>坊 和男</v>
          </cell>
          <cell r="E1278" t="str">
            <v>代表取締役</v>
          </cell>
          <cell r="F1278" t="str">
            <v>229-1125</v>
          </cell>
          <cell r="G1278" t="str">
            <v>神奈川県相模原市田名塩田１－３－１４</v>
          </cell>
          <cell r="H1278" t="str">
            <v>042-777-6611</v>
          </cell>
          <cell r="I1278" t="str">
            <v>042-777-2190</v>
          </cell>
        </row>
        <row r="1279">
          <cell r="A1279" t="str">
            <v>16596Y</v>
          </cell>
          <cell r="B1279" t="str">
            <v>ｽﾃｯﾌﾟ</v>
          </cell>
          <cell r="C1279" t="str">
            <v>（株）ステップ</v>
          </cell>
          <cell r="D1279" t="str">
            <v>清水 保明</v>
          </cell>
          <cell r="E1279" t="str">
            <v>代表取締役</v>
          </cell>
          <cell r="F1279" t="str">
            <v>064-0920</v>
          </cell>
          <cell r="G1279" t="str">
            <v>中央区南２０西１２－２－４０</v>
          </cell>
          <cell r="H1279" t="str">
            <v>520-8111</v>
          </cell>
          <cell r="I1279" t="str">
            <v>520-1588</v>
          </cell>
        </row>
        <row r="1280">
          <cell r="A1280" t="str">
            <v>16598T</v>
          </cell>
          <cell r="B1280" t="str">
            <v>ｽｶﾞﾜﾗﾃﾞﾝｾﾂｶﾝﾘｼﾞﾑｼｮ</v>
          </cell>
          <cell r="C1280" t="str">
            <v>菅原電設管理事務所</v>
          </cell>
          <cell r="D1280" t="str">
            <v>菅原 良博</v>
          </cell>
          <cell r="E1280" t="str">
            <v>代表</v>
          </cell>
          <cell r="F1280" t="str">
            <v>061-1355</v>
          </cell>
          <cell r="G1280" t="str">
            <v>恵庭市島松寿町１－６－１３</v>
          </cell>
          <cell r="H1280" t="str">
            <v>0123-36-3273</v>
          </cell>
          <cell r="I1280" t="str">
            <v>0123-36-3273</v>
          </cell>
        </row>
        <row r="1281">
          <cell r="A1281" t="str">
            <v>16600Y</v>
          </cell>
          <cell r="B1281" t="str">
            <v>ｽｽﾞｹﾝ</v>
          </cell>
          <cell r="C1281" t="str">
            <v>（株）スズケン札幌支店</v>
          </cell>
          <cell r="D1281" t="str">
            <v>能沢 和幸</v>
          </cell>
          <cell r="E1281" t="str">
            <v>支店長</v>
          </cell>
          <cell r="F1281" t="str">
            <v>060-8533</v>
          </cell>
          <cell r="G1281" t="str">
            <v>東区北６東３－１</v>
          </cell>
          <cell r="H1281" t="str">
            <v>721-1161</v>
          </cell>
          <cell r="I1281" t="str">
            <v>753-0808</v>
          </cell>
        </row>
        <row r="1282">
          <cell r="A1282" t="str">
            <v>16603R</v>
          </cell>
          <cell r="B1282" t="str">
            <v>ｽﾄﾘﾝｸﾞ ｼｮｯﾌﾟﾋﾛ</v>
          </cell>
          <cell r="C1282" t="str">
            <v>ストリングショップヒロ</v>
          </cell>
          <cell r="D1282" t="str">
            <v>冨樫 広三</v>
          </cell>
          <cell r="E1282" t="str">
            <v>代表</v>
          </cell>
          <cell r="F1282" t="str">
            <v>064-0927</v>
          </cell>
          <cell r="G1282" t="str">
            <v>中央区南２７西１３－１－８</v>
          </cell>
          <cell r="H1282" t="str">
            <v>551-3211</v>
          </cell>
          <cell r="I1282" t="str">
            <v>551-3947</v>
          </cell>
        </row>
        <row r="1283">
          <cell r="A1283" t="str">
            <v>16606V</v>
          </cell>
          <cell r="B1283" t="str">
            <v>ｽﾀｼﾞｵ･ｱｲ</v>
          </cell>
          <cell r="C1283" t="str">
            <v>（有）スタジオ・アイ</v>
          </cell>
          <cell r="D1283" t="str">
            <v>加藤 幸郎</v>
          </cell>
          <cell r="E1283" t="str">
            <v>代表取締役</v>
          </cell>
          <cell r="F1283" t="str">
            <v>060-0031</v>
          </cell>
          <cell r="G1283" t="str">
            <v>中央区北１東１３－１</v>
          </cell>
          <cell r="H1283" t="str">
            <v>251-3937</v>
          </cell>
          <cell r="I1283" t="str">
            <v>222-0776</v>
          </cell>
        </row>
        <row r="1284">
          <cell r="A1284" t="str">
            <v>16607S</v>
          </cell>
          <cell r="B1284" t="str">
            <v>ｽﾍﾟｰｽﾌﾟﾗﾝﾆﾝｸﾞ</v>
          </cell>
          <cell r="C1284" t="str">
            <v>（有）スペースプランニング</v>
          </cell>
          <cell r="D1284" t="str">
            <v>峰 孝</v>
          </cell>
          <cell r="E1284" t="str">
            <v>代表取締役</v>
          </cell>
          <cell r="F1284" t="str">
            <v>064-0918</v>
          </cell>
          <cell r="G1284" t="str">
            <v>中央区南１８西８－１－１１</v>
          </cell>
          <cell r="H1284" t="str">
            <v>511-6743</v>
          </cell>
          <cell r="I1284" t="str">
            <v>511-7060</v>
          </cell>
        </row>
        <row r="1285">
          <cell r="A1285" t="str">
            <v>16608P</v>
          </cell>
          <cell r="B1285" t="str">
            <v>ｽﾏｯﾄ</v>
          </cell>
          <cell r="C1285" t="str">
            <v>（株）スマット</v>
          </cell>
          <cell r="D1285" t="str">
            <v>澤田 幸夫</v>
          </cell>
          <cell r="E1285" t="str">
            <v>代表取締役</v>
          </cell>
          <cell r="F1285" t="str">
            <v>003-0011</v>
          </cell>
          <cell r="G1285" t="str">
            <v>白石区中央１－５－６－１４</v>
          </cell>
          <cell r="H1285" t="str">
            <v>824-7808</v>
          </cell>
          <cell r="I1285" t="str">
            <v>820-4578</v>
          </cell>
        </row>
        <row r="1286">
          <cell r="A1286" t="str">
            <v>16609Z</v>
          </cell>
          <cell r="B1286" t="str">
            <v>ｽﾄﾗﾊﾟｯｸ</v>
          </cell>
          <cell r="C1286" t="str">
            <v>ストラパック（株）札幌支店</v>
          </cell>
          <cell r="D1286" t="str">
            <v>奥村 直人</v>
          </cell>
          <cell r="E1286" t="str">
            <v>支店長</v>
          </cell>
          <cell r="F1286" t="str">
            <v>060-0041</v>
          </cell>
          <cell r="G1286" t="str">
            <v>中央区大通東９－１ みきビル２</v>
          </cell>
          <cell r="H1286" t="str">
            <v>241-6335</v>
          </cell>
          <cell r="I1286" t="str">
            <v>222-3728</v>
          </cell>
        </row>
        <row r="1287">
          <cell r="A1287" t="str">
            <v>16620W</v>
          </cell>
          <cell r="B1287" t="str">
            <v>ｽｽﾞｷﾁｭｳﾃﾂｺｳｷﾞｮｳ</v>
          </cell>
          <cell r="C1287" t="str">
            <v>スズキ鋳鉄工業（株）東北営業所</v>
          </cell>
          <cell r="D1287" t="str">
            <v>磯藤 祥規</v>
          </cell>
          <cell r="E1287" t="str">
            <v>所長</v>
          </cell>
          <cell r="F1287" t="str">
            <v>982-0252</v>
          </cell>
          <cell r="G1287" t="str">
            <v>区仙台市太白区茂庭台４－２６－２－４０３</v>
          </cell>
          <cell r="H1287" t="str">
            <v>022-268-5991</v>
          </cell>
          <cell r="I1287" t="str">
            <v>022-268-5992</v>
          </cell>
        </row>
        <row r="1288">
          <cell r="A1288" t="str">
            <v>16623N</v>
          </cell>
          <cell r="B1288" t="str">
            <v>ｽｽﾞﾗﾝｼｮｳｼﾞ</v>
          </cell>
          <cell r="C1288" t="str">
            <v>（株）すずらん商事</v>
          </cell>
          <cell r="D1288" t="str">
            <v>厚川 博彦</v>
          </cell>
          <cell r="E1288" t="str">
            <v>代表取締役</v>
          </cell>
          <cell r="F1288" t="str">
            <v>003-0814</v>
          </cell>
          <cell r="G1288" t="str">
            <v>白石区菊水上町４－３－５１－１６</v>
          </cell>
          <cell r="H1288" t="str">
            <v>812-0088</v>
          </cell>
          <cell r="I1288" t="str">
            <v>812-6572</v>
          </cell>
        </row>
        <row r="1289">
          <cell r="A1289" t="str">
            <v>16624Y</v>
          </cell>
          <cell r="B1289" t="str">
            <v>ｽﾐｼｮｳｵｰﾄﾘｰｽ</v>
          </cell>
          <cell r="C1289" t="str">
            <v>住商オートリース（株）</v>
          </cell>
          <cell r="D1289" t="str">
            <v>加藤 浩則</v>
          </cell>
          <cell r="E1289" t="str">
            <v>取締役社長</v>
          </cell>
          <cell r="F1289" t="str">
            <v>163-1434</v>
          </cell>
          <cell r="G1289" t="str">
            <v>東京都新宿区西新宿３－２０－２東京ｵﾍﾟﾗｼﾃ</v>
          </cell>
          <cell r="H1289" t="str">
            <v>03-5358-6311</v>
          </cell>
          <cell r="I1289" t="str">
            <v>03-5358-6341</v>
          </cell>
        </row>
        <row r="1290">
          <cell r="A1290" t="str">
            <v>16628Z</v>
          </cell>
          <cell r="B1290" t="str">
            <v>ｽｲｷﾃｸﾉｽ</v>
          </cell>
          <cell r="C1290" t="str">
            <v>（株）水機テクノス</v>
          </cell>
          <cell r="D1290" t="str">
            <v>美藤 紀彦</v>
          </cell>
          <cell r="E1290" t="str">
            <v>代表取締役</v>
          </cell>
          <cell r="F1290" t="str">
            <v>156-0055</v>
          </cell>
          <cell r="G1290" t="str">
            <v>東京都世田谷区船橋１－１０－７</v>
          </cell>
          <cell r="H1290" t="str">
            <v>03-3426-2600</v>
          </cell>
          <cell r="I1290" t="str">
            <v>03-3426-2619</v>
          </cell>
        </row>
        <row r="1291">
          <cell r="A1291" t="str">
            <v>16629X</v>
          </cell>
          <cell r="B1291" t="str">
            <v>ﾐﾂｲｽﾐﾄﾓｷﾞﾝｵｰﾄﾘｰｽ</v>
          </cell>
          <cell r="C1291" t="str">
            <v>三井住友銀オートリース（株）</v>
          </cell>
          <cell r="D1291" t="str">
            <v>齋藤 純夫</v>
          </cell>
          <cell r="E1291" t="str">
            <v>代表取締役</v>
          </cell>
          <cell r="F1291" t="str">
            <v>103-0025</v>
          </cell>
          <cell r="G1291" t="str">
            <v>東京都中央区日本橋茅場町１－１３－１２</v>
          </cell>
          <cell r="H1291" t="str">
            <v>03-3660-8870</v>
          </cell>
          <cell r="I1291" t="str">
            <v>03-3660-8840</v>
          </cell>
        </row>
        <row r="1292">
          <cell r="A1292" t="str">
            <v>16632P</v>
          </cell>
          <cell r="B1292" t="str">
            <v>ｽﾏｲﾙﾌｪｲｽ</v>
          </cell>
          <cell r="C1292" t="str">
            <v>（有）スマイルフェイス</v>
          </cell>
          <cell r="D1292" t="str">
            <v>平岡 良朗</v>
          </cell>
          <cell r="E1292" t="str">
            <v>代表取締役</v>
          </cell>
          <cell r="F1292" t="str">
            <v>003-0005</v>
          </cell>
          <cell r="G1292" t="str">
            <v>白石区東札幌５－１－１－１</v>
          </cell>
          <cell r="H1292" t="str">
            <v>837-8088</v>
          </cell>
          <cell r="I1292" t="str">
            <v>837-8588</v>
          </cell>
        </row>
        <row r="1293">
          <cell r="A1293" t="str">
            <v>16634X</v>
          </cell>
          <cell r="B1293" t="str">
            <v>ｽﾐｶﾜﾌｫﾄｾﾝﾀｰ</v>
          </cell>
          <cell r="C1293" t="str">
            <v>澄川フォトセンター</v>
          </cell>
          <cell r="D1293" t="str">
            <v>佐々木 憲一</v>
          </cell>
          <cell r="E1293" t="str">
            <v>代表者</v>
          </cell>
          <cell r="F1293" t="str">
            <v>005-0006</v>
          </cell>
          <cell r="G1293" t="str">
            <v>南区澄川６－３－１－３０</v>
          </cell>
          <cell r="H1293" t="str">
            <v>842-7540</v>
          </cell>
          <cell r="I1293" t="str">
            <v>842-7540</v>
          </cell>
        </row>
        <row r="1294">
          <cell r="A1294" t="str">
            <v>16635T</v>
          </cell>
          <cell r="B1294" t="str">
            <v>ｽﾘｰｴｽﾒﾝﾃﾅﾝｽ</v>
          </cell>
          <cell r="C1294" t="str">
            <v>（有）スリーエスメンテナンス</v>
          </cell>
          <cell r="D1294" t="str">
            <v>花房 長男</v>
          </cell>
          <cell r="E1294" t="str">
            <v>代表取締役</v>
          </cell>
          <cell r="F1294" t="str">
            <v>004-0834</v>
          </cell>
          <cell r="G1294" t="str">
            <v>清田区真栄４－１－２－１４</v>
          </cell>
          <cell r="H1294" t="str">
            <v>885-1477</v>
          </cell>
          <cell r="I1294" t="str">
            <v>885-1477</v>
          </cell>
        </row>
        <row r="1295">
          <cell r="A1295" t="str">
            <v>16636R</v>
          </cell>
          <cell r="B1295" t="str">
            <v>ｽﾀﾝﾀﾞｰﾄﾞ</v>
          </cell>
          <cell r="C1295" t="str">
            <v>（株）スタンダード</v>
          </cell>
          <cell r="D1295" t="str">
            <v>中村 章一</v>
          </cell>
          <cell r="E1295" t="str">
            <v>代表取締役</v>
          </cell>
          <cell r="F1295" t="str">
            <v>153-8645</v>
          </cell>
          <cell r="G1295" t="str">
            <v>東京都目黒区中目黒４－８－８</v>
          </cell>
          <cell r="H1295" t="str">
            <v>03-3719-2231</v>
          </cell>
          <cell r="I1295" t="str">
            <v>03-3715-9992</v>
          </cell>
        </row>
        <row r="1296">
          <cell r="A1296" t="str">
            <v>16640T</v>
          </cell>
          <cell r="B1296" t="str">
            <v>ﾃｸﾉｳｲﾝｸﾞ</v>
          </cell>
          <cell r="C1296" t="str">
            <v>（株）テクノウイング</v>
          </cell>
          <cell r="D1296" t="str">
            <v>長澤 康夫</v>
          </cell>
          <cell r="E1296" t="str">
            <v>代表取締役</v>
          </cell>
          <cell r="F1296" t="str">
            <v>060-0001</v>
          </cell>
          <cell r="G1296" t="str">
            <v>中央区北１西３－３札幌住友信託ビル８Ｆ</v>
          </cell>
          <cell r="H1296" t="str">
            <v>222-7350</v>
          </cell>
          <cell r="I1296" t="str">
            <v>231-8013</v>
          </cell>
        </row>
        <row r="1297">
          <cell r="A1297" t="str">
            <v>16644W</v>
          </cell>
          <cell r="B1297" t="str">
            <v>ｽﾎﾟｰﾂﾌｨｯﾄ</v>
          </cell>
          <cell r="C1297" t="str">
            <v>（有）スポーツフィット</v>
          </cell>
          <cell r="D1297" t="str">
            <v>上杉 秀昭</v>
          </cell>
          <cell r="E1297" t="str">
            <v>代表取締役</v>
          </cell>
          <cell r="F1297" t="str">
            <v>007-0868</v>
          </cell>
          <cell r="G1297" t="str">
            <v>東区伏古８－３－６－１０－２０６</v>
          </cell>
          <cell r="H1297" t="str">
            <v>787-4618</v>
          </cell>
          <cell r="I1297" t="str">
            <v>787-4618</v>
          </cell>
        </row>
        <row r="1298">
          <cell r="A1298" t="str">
            <v>16645S</v>
          </cell>
          <cell r="B1298" t="str">
            <v>ｽﾘｰｴｽ</v>
          </cell>
          <cell r="C1298" t="str">
            <v>（株）スリーエス</v>
          </cell>
          <cell r="D1298" t="str">
            <v>森本 恵美</v>
          </cell>
          <cell r="E1298" t="str">
            <v>代表取締役</v>
          </cell>
          <cell r="F1298" t="str">
            <v>062-0004</v>
          </cell>
          <cell r="G1298" t="str">
            <v>豊平区美園４－８－１－７</v>
          </cell>
          <cell r="H1298" t="str">
            <v>812-2430</v>
          </cell>
          <cell r="I1298" t="str">
            <v>842-7401</v>
          </cell>
        </row>
        <row r="1299">
          <cell r="A1299" t="str">
            <v>16646P</v>
          </cell>
          <cell r="B1299" t="str">
            <v>ｽﾍﾟｰｽ</v>
          </cell>
          <cell r="C1299" t="str">
            <v>（株）スペース</v>
          </cell>
          <cell r="D1299" t="str">
            <v>辻 好博</v>
          </cell>
          <cell r="E1299" t="str">
            <v>代表取締役</v>
          </cell>
          <cell r="F1299" t="str">
            <v>064-0805</v>
          </cell>
          <cell r="G1299" t="str">
            <v>中央区南５西１－２</v>
          </cell>
          <cell r="H1299" t="str">
            <v>520-6771</v>
          </cell>
          <cell r="I1299" t="str">
            <v>520-6772</v>
          </cell>
        </row>
        <row r="1300">
          <cell r="A1300" t="str">
            <v>17001Y</v>
          </cell>
          <cell r="B1300" t="str">
            <v>ﾌｼﾞﾂｳｾﾞﾈﾗﾙ</v>
          </cell>
          <cell r="C1300" t="str">
            <v>（株）富士通ゼネラル北海道情報通信ネットワーク営業部</v>
          </cell>
          <cell r="D1300" t="str">
            <v>畠山 三樹次</v>
          </cell>
          <cell r="E1300" t="str">
            <v>部長</v>
          </cell>
          <cell r="F1300" t="str">
            <v>060-0007</v>
          </cell>
          <cell r="G1300" t="str">
            <v>中央区北７西１３－９－１</v>
          </cell>
          <cell r="H1300" t="str">
            <v>251-6639</v>
          </cell>
          <cell r="I1300" t="str">
            <v>251-4762</v>
          </cell>
        </row>
        <row r="1301">
          <cell r="A1301" t="str">
            <v>17003T</v>
          </cell>
          <cell r="B1301" t="str">
            <v>ｾｲﾋﾞﾄﾞｳｼｮﾃﾝ</v>
          </cell>
          <cell r="C1301" t="str">
            <v>（株）成美堂書店</v>
          </cell>
          <cell r="D1301" t="str">
            <v>川人 義信</v>
          </cell>
          <cell r="E1301" t="str">
            <v>代表取締役</v>
          </cell>
          <cell r="F1301" t="str">
            <v>004-0814</v>
          </cell>
          <cell r="G1301" t="str">
            <v>清田区美しが丘４－８－２－１２</v>
          </cell>
          <cell r="H1301" t="str">
            <v>885-8681</v>
          </cell>
          <cell r="I1301" t="str">
            <v>885-8685</v>
          </cell>
        </row>
        <row r="1302">
          <cell r="A1302" t="str">
            <v>17004R</v>
          </cell>
          <cell r="B1302" t="str">
            <v>ﾃｸﾄ</v>
          </cell>
          <cell r="C1302" t="str">
            <v>（株）テクト</v>
          </cell>
          <cell r="D1302" t="str">
            <v>宮田 修二</v>
          </cell>
          <cell r="E1302" t="str">
            <v>代表取締役</v>
          </cell>
          <cell r="F1302" t="str">
            <v>065-0020</v>
          </cell>
          <cell r="G1302" t="str">
            <v>東区北２０東７－２－２８</v>
          </cell>
          <cell r="H1302" t="str">
            <v>742-7831</v>
          </cell>
          <cell r="I1302" t="str">
            <v>742-7833</v>
          </cell>
        </row>
        <row r="1303">
          <cell r="A1303" t="str">
            <v>17005Z</v>
          </cell>
          <cell r="B1303" t="str">
            <v>ｾｲｷﾄｳｷｭｳｺｳｷﾞｮｳ</v>
          </cell>
          <cell r="C1303" t="str">
            <v>世紀東急工業（株）北海道支店</v>
          </cell>
          <cell r="D1303" t="str">
            <v>池田 光雄</v>
          </cell>
          <cell r="E1303" t="str">
            <v>支店長</v>
          </cell>
          <cell r="F1303" t="str">
            <v>060-0001</v>
          </cell>
          <cell r="G1303" t="str">
            <v>中央区北１西７－１－１</v>
          </cell>
          <cell r="H1303" t="str">
            <v>232-5252</v>
          </cell>
          <cell r="I1303" t="str">
            <v>232-5233</v>
          </cell>
        </row>
        <row r="1304">
          <cell r="A1304" t="str">
            <v>17009P</v>
          </cell>
          <cell r="B1304" t="str">
            <v>ｾｲｶｴﾝﾁｬﾎ</v>
          </cell>
          <cell r="C1304" t="str">
            <v>盛香園茶舗</v>
          </cell>
          <cell r="D1304" t="str">
            <v>斎野 昭二</v>
          </cell>
          <cell r="E1304" t="str">
            <v>代表</v>
          </cell>
          <cell r="F1304" t="str">
            <v>064-0915</v>
          </cell>
          <cell r="G1304" t="str">
            <v>中央区南１５西７－２－５</v>
          </cell>
          <cell r="H1304" t="str">
            <v>511-6272</v>
          </cell>
          <cell r="I1304" t="str">
            <v>511-6325</v>
          </cell>
        </row>
        <row r="1305">
          <cell r="A1305" t="str">
            <v>17012V</v>
          </cell>
          <cell r="B1305" t="str">
            <v>ｾｲｺｳ</v>
          </cell>
          <cell r="C1305" t="str">
            <v>（株）青工</v>
          </cell>
          <cell r="D1305" t="str">
            <v>熊谷 格</v>
          </cell>
          <cell r="E1305" t="str">
            <v>代表取締役</v>
          </cell>
          <cell r="F1305" t="str">
            <v>060-0053</v>
          </cell>
          <cell r="G1305" t="str">
            <v>中央区南３東４－１－３８</v>
          </cell>
          <cell r="H1305" t="str">
            <v>221-2889</v>
          </cell>
          <cell r="I1305" t="str">
            <v>232-2535</v>
          </cell>
        </row>
        <row r="1306">
          <cell r="A1306" t="str">
            <v>17016W</v>
          </cell>
          <cell r="B1306" t="str">
            <v>ｾﾞﾌﾞﾗ･ﾌﾟﾗﾈｯﾂ</v>
          </cell>
          <cell r="C1306" t="str">
            <v>ゼブラ・プラネッツ（株）</v>
          </cell>
          <cell r="D1306" t="str">
            <v>勇﨑 哲史</v>
          </cell>
          <cell r="E1306" t="str">
            <v>代表取締役</v>
          </cell>
          <cell r="F1306" t="str">
            <v>060-0041</v>
          </cell>
          <cell r="G1306" t="str">
            <v>中央区大通東２－２</v>
          </cell>
          <cell r="H1306" t="str">
            <v>231-7220</v>
          </cell>
          <cell r="I1306" t="str">
            <v>221-3065</v>
          </cell>
        </row>
        <row r="1307">
          <cell r="A1307" t="str">
            <v>17017T</v>
          </cell>
          <cell r="B1307" t="str">
            <v>ｾﾝﾄﾗﾙﾌｫｰﾑ</v>
          </cell>
          <cell r="C1307" t="str">
            <v>（株）セントラルフォーム</v>
          </cell>
          <cell r="D1307" t="str">
            <v>宮本 孝雄</v>
          </cell>
          <cell r="E1307" t="str">
            <v>代表取締役</v>
          </cell>
          <cell r="F1307" t="str">
            <v>004-0005</v>
          </cell>
          <cell r="G1307" t="str">
            <v>厚別区厚別東５－２－３－３３</v>
          </cell>
          <cell r="H1307" t="str">
            <v>898-0511</v>
          </cell>
          <cell r="I1307" t="str">
            <v>898-0515</v>
          </cell>
        </row>
        <row r="1308">
          <cell r="A1308" t="str">
            <v>17018R</v>
          </cell>
          <cell r="B1308" t="str">
            <v>ｾｲﾌﾞﾌﾞﾋﾝﾊﾝﾊﾞｲ</v>
          </cell>
          <cell r="C1308" t="str">
            <v>西武部品販売（株）</v>
          </cell>
          <cell r="D1308" t="str">
            <v>西 忠彦</v>
          </cell>
          <cell r="E1308" t="str">
            <v>代表取締役</v>
          </cell>
          <cell r="F1308" t="str">
            <v>003-0002</v>
          </cell>
          <cell r="G1308" t="str">
            <v>白石区東札幌２－５－６－１５</v>
          </cell>
          <cell r="H1308" t="str">
            <v>823-1311</v>
          </cell>
          <cell r="I1308" t="str">
            <v>832-1500</v>
          </cell>
        </row>
        <row r="1309">
          <cell r="A1309" t="str">
            <v>17019N</v>
          </cell>
          <cell r="B1309" t="str">
            <v>ｾﾝｼｭｳｱﾝｾｲｶ</v>
          </cell>
          <cell r="C1309" t="str">
            <v>千秋庵製菓（株）</v>
          </cell>
          <cell r="D1309" t="str">
            <v>岡部 卓司</v>
          </cell>
          <cell r="E1309" t="str">
            <v>代表取締役会長</v>
          </cell>
          <cell r="F1309" t="str">
            <v>060-0063</v>
          </cell>
          <cell r="G1309" t="str">
            <v>中央区南３西３－１７</v>
          </cell>
          <cell r="H1309" t="str">
            <v>251-6131</v>
          </cell>
          <cell r="I1309" t="str">
            <v>251-0785</v>
          </cell>
        </row>
        <row r="1310">
          <cell r="A1310" t="str">
            <v>17020Y</v>
          </cell>
          <cell r="B1310" t="str">
            <v>ｻｯﾎﾟﾛﾜﾝﾀﾞｰｼｬ</v>
          </cell>
          <cell r="C1310" t="str">
            <v>（有）札幌ワンダー社</v>
          </cell>
          <cell r="D1310" t="str">
            <v>菅原 秀男</v>
          </cell>
          <cell r="E1310" t="str">
            <v>取締役</v>
          </cell>
          <cell r="F1310" t="str">
            <v>065-0017</v>
          </cell>
          <cell r="G1310" t="str">
            <v>東区北１７東１８－４－１６</v>
          </cell>
          <cell r="H1310" t="str">
            <v>782-2211</v>
          </cell>
          <cell r="I1310" t="str">
            <v>782-1186</v>
          </cell>
        </row>
        <row r="1311">
          <cell r="A1311" t="str">
            <v>17021W</v>
          </cell>
          <cell r="B1311" t="str">
            <v>ｾﾞﾝｵﾝｶﾞｸﾌｼｭｯﾊﾟﾝｼｬ</v>
          </cell>
          <cell r="C1311" t="str">
            <v>（株）全音楽譜出版社札幌営業所</v>
          </cell>
          <cell r="D1311" t="str">
            <v>植村 鐐一</v>
          </cell>
          <cell r="E1311" t="str">
            <v>所長</v>
          </cell>
          <cell r="F1311" t="str">
            <v>065-0031</v>
          </cell>
          <cell r="G1311" t="str">
            <v>東区北３１東２－１－１９</v>
          </cell>
          <cell r="H1311" t="str">
            <v>751-5111</v>
          </cell>
          <cell r="I1311" t="str">
            <v>751-5200</v>
          </cell>
        </row>
        <row r="1312">
          <cell r="A1312" t="str">
            <v>17022T</v>
          </cell>
          <cell r="B1312" t="str">
            <v>ｾｲｼｮｳｴﾝ</v>
          </cell>
          <cell r="C1312" t="str">
            <v>（有）静松園</v>
          </cell>
          <cell r="D1312" t="str">
            <v>小長谷 一義</v>
          </cell>
          <cell r="E1312" t="str">
            <v>代表取締役</v>
          </cell>
          <cell r="F1312" t="str">
            <v>064-0808</v>
          </cell>
          <cell r="G1312" t="str">
            <v>中央区南８西９－７５７</v>
          </cell>
          <cell r="H1312" t="str">
            <v>531-7272</v>
          </cell>
          <cell r="I1312" t="str">
            <v>531-7273</v>
          </cell>
        </row>
        <row r="1313">
          <cell r="A1313" t="str">
            <v>17023R</v>
          </cell>
          <cell r="B1313" t="str">
            <v>ｾｲﾜﾃﾞﾝｷ</v>
          </cell>
          <cell r="C1313" t="str">
            <v>星和電機（株）北海道支社</v>
          </cell>
          <cell r="D1313" t="str">
            <v>金谷 晃宏</v>
          </cell>
          <cell r="E1313" t="str">
            <v>支社長</v>
          </cell>
          <cell r="F1313" t="str">
            <v>060-0061</v>
          </cell>
          <cell r="G1313" t="str">
            <v>中央区南１西５－８ 愛生舘ビル７Ｆ</v>
          </cell>
          <cell r="H1313" t="str">
            <v>222-5321</v>
          </cell>
          <cell r="I1313" t="str">
            <v>207-7180</v>
          </cell>
        </row>
        <row r="1314">
          <cell r="A1314" t="str">
            <v>17024N</v>
          </cell>
          <cell r="B1314" t="str">
            <v>ｾｲﾉｷｶｲ</v>
          </cell>
          <cell r="C1314" t="str">
            <v>（株）清野機械</v>
          </cell>
          <cell r="D1314" t="str">
            <v>清野 孝樹</v>
          </cell>
          <cell r="E1314" t="str">
            <v>代表取締役</v>
          </cell>
          <cell r="F1314" t="str">
            <v>007-0852</v>
          </cell>
          <cell r="G1314" t="str">
            <v>東区栄町８９９－１４</v>
          </cell>
          <cell r="H1314" t="str">
            <v>782-3115</v>
          </cell>
          <cell r="I1314" t="str">
            <v>783-3868</v>
          </cell>
        </row>
        <row r="1315">
          <cell r="A1315" t="str">
            <v>17026V</v>
          </cell>
          <cell r="B1315" t="str">
            <v>ｾｲﾜﾃﾞﾝｺｳ</v>
          </cell>
          <cell r="C1315" t="str">
            <v>正和電工（株）</v>
          </cell>
          <cell r="D1315" t="str">
            <v>橘井 敏弘</v>
          </cell>
          <cell r="E1315" t="str">
            <v>代表取締役</v>
          </cell>
          <cell r="F1315" t="str">
            <v>078-8271</v>
          </cell>
          <cell r="G1315" t="str">
            <v>旭川市工業団地１－１－３－２</v>
          </cell>
          <cell r="H1315" t="str">
            <v>0166-39-7611</v>
          </cell>
          <cell r="I1315" t="str">
            <v>0166-39-7612</v>
          </cell>
        </row>
        <row r="1316">
          <cell r="A1316" t="str">
            <v>17029Z</v>
          </cell>
          <cell r="B1316" t="str">
            <v>ｾｲｾｲｻﾝｷﾞｮｳ</v>
          </cell>
          <cell r="C1316" t="str">
            <v>セイセイ産業（有）</v>
          </cell>
          <cell r="D1316" t="str">
            <v>本郷 公章</v>
          </cell>
          <cell r="E1316" t="str">
            <v>代表取締役</v>
          </cell>
          <cell r="F1316" t="str">
            <v>065-0026</v>
          </cell>
          <cell r="G1316" t="str">
            <v>東区北２６東１９－１－４</v>
          </cell>
          <cell r="H1316" t="str">
            <v>782-1836</v>
          </cell>
          <cell r="I1316" t="str">
            <v>782-6845</v>
          </cell>
        </row>
        <row r="1317">
          <cell r="A1317" t="str">
            <v>17034Z</v>
          </cell>
          <cell r="B1317" t="str">
            <v>ｾﾝﾄﾗﾙﾕﾆ</v>
          </cell>
          <cell r="C1317" t="str">
            <v>（株）セントラルユニ北海道支社</v>
          </cell>
          <cell r="D1317" t="str">
            <v>鶴田 尚敏</v>
          </cell>
          <cell r="E1317" t="str">
            <v>支社長</v>
          </cell>
          <cell r="F1317" t="str">
            <v>060-0001</v>
          </cell>
          <cell r="G1317" t="str">
            <v>中央区北１西２－１ 札幌時計台ビル１１Ｆ</v>
          </cell>
          <cell r="H1317" t="str">
            <v>241-4377</v>
          </cell>
          <cell r="I1317" t="str">
            <v>221-2628</v>
          </cell>
        </row>
        <row r="1318">
          <cell r="A1318" t="str">
            <v>17036T</v>
          </cell>
          <cell r="B1318" t="str">
            <v>ｾﾞｾﾞﾔﾁｬﾎ</v>
          </cell>
          <cell r="C1318" t="str">
            <v>（有）ぜぜや茶舗</v>
          </cell>
          <cell r="D1318" t="str">
            <v>陶山 隆英</v>
          </cell>
          <cell r="E1318" t="str">
            <v>代表取締役</v>
          </cell>
          <cell r="F1318" t="str">
            <v>060-0012</v>
          </cell>
          <cell r="G1318" t="str">
            <v>中央区北１２西２３－４１０</v>
          </cell>
          <cell r="H1318" t="str">
            <v>611-3082</v>
          </cell>
          <cell r="I1318" t="str">
            <v>614-1263</v>
          </cell>
        </row>
        <row r="1319">
          <cell r="A1319" t="str">
            <v>17037R</v>
          </cell>
          <cell r="B1319" t="str">
            <v>ｾｲﾊﾝ</v>
          </cell>
          <cell r="C1319" t="str">
            <v>（株）セイハン</v>
          </cell>
          <cell r="D1319" t="str">
            <v>金谷 哲生</v>
          </cell>
          <cell r="E1319" t="str">
            <v>代表取締役</v>
          </cell>
          <cell r="F1319" t="str">
            <v>003-0832</v>
          </cell>
          <cell r="G1319" t="str">
            <v>白石区北郷２－２－２－１４</v>
          </cell>
          <cell r="H1319" t="str">
            <v>873-2000</v>
          </cell>
          <cell r="I1319" t="str">
            <v>873-2100</v>
          </cell>
        </row>
        <row r="1320">
          <cell r="A1320" t="str">
            <v>17038N</v>
          </cell>
          <cell r="B1320" t="str">
            <v>ﾆﾁｲｶﾞｯｶﾝ</v>
          </cell>
          <cell r="C1320" t="str">
            <v>（株）ニチイ学館</v>
          </cell>
          <cell r="D1320" t="str">
            <v>寺田 明彦</v>
          </cell>
          <cell r="E1320" t="str">
            <v>代表取締役</v>
          </cell>
          <cell r="F1320" t="str">
            <v>101-8688</v>
          </cell>
          <cell r="G1320" t="str">
            <v>東京都千代田区神田駿河台２－９</v>
          </cell>
          <cell r="H1320" t="str">
            <v>03-3291-2121</v>
          </cell>
          <cell r="I1320" t="str">
            <v>03-3291-6886</v>
          </cell>
        </row>
        <row r="1321">
          <cell r="A1321" t="str">
            <v>17041T</v>
          </cell>
          <cell r="B1321" t="str">
            <v>ｾﾝｼｭｳｱｲﾃﾑ</v>
          </cell>
          <cell r="C1321" t="str">
            <v>（株）千修アイテム</v>
          </cell>
          <cell r="D1321" t="str">
            <v>新保 宏四</v>
          </cell>
          <cell r="E1321" t="str">
            <v>代表取締役</v>
          </cell>
          <cell r="F1321" t="str">
            <v>065-0024</v>
          </cell>
          <cell r="G1321" t="str">
            <v>東区北２４東１－３－３３</v>
          </cell>
          <cell r="H1321" t="str">
            <v>752-2555</v>
          </cell>
          <cell r="I1321" t="str">
            <v>752-3113</v>
          </cell>
        </row>
        <row r="1322">
          <cell r="A1322" t="str">
            <v>17043N</v>
          </cell>
          <cell r="B1322" t="str">
            <v>ｾｲｼﾝｼｮｳｼﾞ</v>
          </cell>
          <cell r="C1322" t="str">
            <v>西進商事（株）北海道営業所</v>
          </cell>
          <cell r="D1322" t="str">
            <v>鈴木 美津男</v>
          </cell>
          <cell r="E1322" t="str">
            <v>所長</v>
          </cell>
          <cell r="F1322" t="str">
            <v>060-0002</v>
          </cell>
          <cell r="G1322" t="str">
            <v>中央区北２西１－１０ ピア２・１ビル８Ｆ</v>
          </cell>
          <cell r="H1322" t="str">
            <v>221-2171</v>
          </cell>
          <cell r="I1322" t="str">
            <v>221-2010</v>
          </cell>
        </row>
        <row r="1323">
          <cell r="A1323" t="str">
            <v>17044Y</v>
          </cell>
          <cell r="B1323" t="str">
            <v>ｾﾌﾞﾝﾃﾞﾝｺｳ</v>
          </cell>
          <cell r="C1323" t="str">
            <v>セブン電工（株）</v>
          </cell>
          <cell r="D1323" t="str">
            <v>岡田 俊男</v>
          </cell>
          <cell r="E1323" t="str">
            <v>代表取締役</v>
          </cell>
          <cell r="F1323" t="str">
            <v>006-0860</v>
          </cell>
          <cell r="G1323" t="str">
            <v>手稲区手稲山口５２８</v>
          </cell>
          <cell r="H1323" t="str">
            <v>685-5351</v>
          </cell>
          <cell r="I1323" t="str">
            <v>685-5375</v>
          </cell>
        </row>
        <row r="1324">
          <cell r="A1324" t="str">
            <v>17045V</v>
          </cell>
          <cell r="B1324" t="str">
            <v>ｾｲﾌﾞﾝｶﾝ</v>
          </cell>
          <cell r="C1324" t="str">
            <v>（株）西文舘</v>
          </cell>
          <cell r="D1324" t="str">
            <v>南元 好幸</v>
          </cell>
          <cell r="E1324" t="str">
            <v>代表取締役</v>
          </cell>
          <cell r="F1324" t="str">
            <v>064-0823</v>
          </cell>
          <cell r="G1324" t="str">
            <v>中央区北３西３０－４－１１</v>
          </cell>
          <cell r="H1324" t="str">
            <v>616-8803</v>
          </cell>
          <cell r="I1324" t="str">
            <v>616-8813</v>
          </cell>
        </row>
        <row r="1325">
          <cell r="A1325" t="str">
            <v>17050V</v>
          </cell>
          <cell r="B1325" t="str">
            <v>ｾﾚｽﾎﾟ</v>
          </cell>
          <cell r="C1325" t="str">
            <v>（株）セレスポ札幌支店</v>
          </cell>
          <cell r="D1325" t="str">
            <v>麓 寿久</v>
          </cell>
          <cell r="E1325" t="str">
            <v>支店長</v>
          </cell>
          <cell r="F1325" t="str">
            <v>004-0871</v>
          </cell>
          <cell r="G1325" t="str">
            <v>清田区平岡１－２－１２－１８</v>
          </cell>
          <cell r="H1325" t="str">
            <v>884-4085</v>
          </cell>
          <cell r="I1325" t="str">
            <v>884-4385</v>
          </cell>
        </row>
        <row r="1326">
          <cell r="A1326" t="str">
            <v>17051S</v>
          </cell>
          <cell r="B1326" t="str">
            <v>ｾﾞﾈﾗﾙｺｳｻﾝ</v>
          </cell>
          <cell r="C1326" t="str">
            <v>ゼネラル興産（株）</v>
          </cell>
          <cell r="D1326" t="str">
            <v>手塚 清二</v>
          </cell>
          <cell r="E1326" t="str">
            <v>代表取締役</v>
          </cell>
          <cell r="F1326" t="str">
            <v>064-0808</v>
          </cell>
          <cell r="G1326" t="str">
            <v>中央区南８西４－４４２</v>
          </cell>
          <cell r="H1326" t="str">
            <v>511-2226</v>
          </cell>
          <cell r="I1326" t="str">
            <v>511-2766</v>
          </cell>
        </row>
        <row r="1327">
          <cell r="A1327" t="str">
            <v>17055T</v>
          </cell>
          <cell r="B1327" t="str">
            <v>ｾｲﾜｻﾌﾟﾗｲ</v>
          </cell>
          <cell r="C1327" t="str">
            <v>星和サプライ（株）</v>
          </cell>
          <cell r="D1327" t="str">
            <v>逸本 正一</v>
          </cell>
          <cell r="E1327" t="str">
            <v>代表取締役</v>
          </cell>
          <cell r="F1327" t="str">
            <v>064-0914</v>
          </cell>
          <cell r="G1327" t="str">
            <v>中央区南１４西１５－３－１１</v>
          </cell>
          <cell r="H1327" t="str">
            <v>562-4411</v>
          </cell>
          <cell r="I1327" t="str">
            <v>562-1315</v>
          </cell>
        </row>
        <row r="1328">
          <cell r="A1328" t="str">
            <v>17057N</v>
          </cell>
          <cell r="B1328" t="str">
            <v>ｾﾝﾀﾞｲﾒｲﾊﾞﾝ</v>
          </cell>
          <cell r="C1328" t="str">
            <v>（株）仙台銘板札幌営業所</v>
          </cell>
          <cell r="D1328" t="str">
            <v>木村 賢一</v>
          </cell>
          <cell r="E1328" t="str">
            <v>所長</v>
          </cell>
          <cell r="F1328" t="str">
            <v>003-0871</v>
          </cell>
          <cell r="G1328" t="str">
            <v>白石区米里１－３－４－３</v>
          </cell>
          <cell r="H1328" t="str">
            <v>874-8231</v>
          </cell>
          <cell r="I1328" t="str">
            <v>874-8031</v>
          </cell>
        </row>
        <row r="1329">
          <cell r="A1329" t="str">
            <v>17058Y</v>
          </cell>
          <cell r="B1329" t="str">
            <v>ｾｲｺｰｲｰｼﾞｰｱﾝﾄﾞｼﾞｰ</v>
          </cell>
          <cell r="C1329" t="str">
            <v>セイコー・イージーアンドジー（株）</v>
          </cell>
          <cell r="D1329" t="str">
            <v>原 明</v>
          </cell>
          <cell r="E1329" t="str">
            <v>代表取締役</v>
          </cell>
          <cell r="F1329" t="str">
            <v>136-0071</v>
          </cell>
          <cell r="G1329" t="str">
            <v>東京都江東区亀戸６－３１－１</v>
          </cell>
          <cell r="H1329" t="str">
            <v>047-392-7888</v>
          </cell>
          <cell r="I1329" t="str">
            <v>047-391-0985</v>
          </cell>
        </row>
        <row r="1330">
          <cell r="A1330" t="str">
            <v>17060T</v>
          </cell>
          <cell r="B1330" t="str">
            <v>ｾｲｺｰﾏｰﾄｱﾗｷ</v>
          </cell>
          <cell r="C1330" t="str">
            <v>セイコーマートあらき</v>
          </cell>
          <cell r="D1330" t="str">
            <v>新木 力太</v>
          </cell>
          <cell r="E1330" t="str">
            <v>代表</v>
          </cell>
          <cell r="F1330" t="str">
            <v>004-0022</v>
          </cell>
          <cell r="G1330" t="str">
            <v>厚別区厚別南４－４－２８</v>
          </cell>
          <cell r="H1330" t="str">
            <v>891-1809</v>
          </cell>
          <cell r="I1330" t="str">
            <v>891-1844</v>
          </cell>
        </row>
        <row r="1331">
          <cell r="A1331" t="str">
            <v>17061R</v>
          </cell>
          <cell r="B1331" t="str">
            <v>ｾﾞｰﾀｼｮｳｼﾞ</v>
          </cell>
          <cell r="C1331" t="str">
            <v>ゼータ商事（株）</v>
          </cell>
          <cell r="D1331" t="str">
            <v>佐藤 勝利</v>
          </cell>
          <cell r="E1331" t="str">
            <v>代表取締役</v>
          </cell>
          <cell r="F1331" t="str">
            <v>060-0032</v>
          </cell>
          <cell r="G1331" t="str">
            <v>中央区北２東３－２</v>
          </cell>
          <cell r="H1331" t="str">
            <v>232-8442</v>
          </cell>
          <cell r="I1331" t="str">
            <v>232-3765</v>
          </cell>
        </row>
        <row r="1332">
          <cell r="A1332" t="str">
            <v>17062N</v>
          </cell>
          <cell r="B1332" t="str">
            <v>ｾﾝﾁｭﾘｰ･ﾘｰｼﾝｸﾞ･ｼｽﾃﾑ</v>
          </cell>
          <cell r="C1332" t="str">
            <v>センチュリー・リーシング・システム（株）札幌支店</v>
          </cell>
          <cell r="D1332" t="str">
            <v>永田 裕一</v>
          </cell>
          <cell r="E1332" t="str">
            <v>支店長</v>
          </cell>
          <cell r="F1332" t="str">
            <v>060-0003</v>
          </cell>
          <cell r="G1332" t="str">
            <v>中央区北１西３－３</v>
          </cell>
          <cell r="H1332" t="str">
            <v>272-3171</v>
          </cell>
          <cell r="I1332" t="str">
            <v>272-3169</v>
          </cell>
        </row>
        <row r="1333">
          <cell r="A1333" t="str">
            <v>17064W</v>
          </cell>
          <cell r="B1333" t="str">
            <v>ｾﾌﾟﾄ</v>
          </cell>
          <cell r="C1333" t="str">
            <v>（株）セプト</v>
          </cell>
          <cell r="D1333" t="str">
            <v>松谷 勝</v>
          </cell>
          <cell r="E1333" t="str">
            <v>代表取締役</v>
          </cell>
          <cell r="F1333" t="str">
            <v>007-0828</v>
          </cell>
          <cell r="G1333" t="str">
            <v>東区東雁来８－１－７－２７</v>
          </cell>
          <cell r="H1333" t="str">
            <v>792-3699</v>
          </cell>
          <cell r="I1333" t="str">
            <v>792-3779</v>
          </cell>
        </row>
        <row r="1334">
          <cell r="A1334" t="str">
            <v>17065S</v>
          </cell>
          <cell r="B1334" t="str">
            <v>ｾﾝﾄﾗﾙﾌﾟﾛﾓｰｼｮﾝﾎｯｶｲﾄﾞｳ</v>
          </cell>
          <cell r="C1334" t="str">
            <v>（株）セントラルプロモーション北海道</v>
          </cell>
          <cell r="D1334" t="str">
            <v>三島 敬子</v>
          </cell>
          <cell r="E1334" t="str">
            <v>代表取締役</v>
          </cell>
          <cell r="F1334" t="str">
            <v>060-0061</v>
          </cell>
          <cell r="G1334" t="str">
            <v>中央区南１西５－１７－２</v>
          </cell>
          <cell r="H1334" t="str">
            <v>271-7658</v>
          </cell>
          <cell r="I1334" t="str">
            <v>221-3977</v>
          </cell>
        </row>
        <row r="1335">
          <cell r="A1335" t="str">
            <v>17066P</v>
          </cell>
          <cell r="B1335" t="str">
            <v>ｾｲｼﾝｻｰﾋﾞｽ</v>
          </cell>
          <cell r="C1335" t="str">
            <v>西新サービス（株）</v>
          </cell>
          <cell r="D1335" t="str">
            <v>今中 道雄</v>
          </cell>
          <cell r="E1335" t="str">
            <v>代表取締役社長</v>
          </cell>
          <cell r="F1335" t="str">
            <v>170-6041</v>
          </cell>
          <cell r="G1335" t="str">
            <v>東京都豊島区東池袋３－１－１</v>
          </cell>
          <cell r="H1335" t="str">
            <v>03-3987-0164</v>
          </cell>
          <cell r="I1335" t="str">
            <v>03-3980-5398</v>
          </cell>
        </row>
        <row r="1336">
          <cell r="A1336" t="str">
            <v>17070S</v>
          </cell>
          <cell r="B1336" t="str">
            <v>ｾﾞﾈﾗﾙｻｰﾋﾞｽ</v>
          </cell>
          <cell r="C1336" t="str">
            <v>（株）ゼネラルサービス北海道支社</v>
          </cell>
          <cell r="D1336" t="str">
            <v>橋詰 明</v>
          </cell>
          <cell r="E1336" t="str">
            <v>支社長</v>
          </cell>
          <cell r="F1336" t="str">
            <v>064-0916</v>
          </cell>
          <cell r="G1336" t="str">
            <v>中央区南１６西７－１－７ ﾗｲｵﾝｽﾞﾏﾝｼｮﾝ２Ｆ</v>
          </cell>
          <cell r="H1336" t="str">
            <v>521-3605</v>
          </cell>
          <cell r="I1336" t="str">
            <v>562-3723</v>
          </cell>
        </row>
        <row r="1337">
          <cell r="A1337" t="str">
            <v>17072Z</v>
          </cell>
          <cell r="B1337" t="str">
            <v>ｾﾗﾋﾞ</v>
          </cell>
          <cell r="C1337" t="str">
            <v>（株）セラビ</v>
          </cell>
          <cell r="D1337" t="str">
            <v>時岡 一秀</v>
          </cell>
          <cell r="E1337" t="str">
            <v>代表取締役</v>
          </cell>
          <cell r="F1337" t="str">
            <v>060-0008</v>
          </cell>
          <cell r="G1337" t="str">
            <v>中央区北８西２０－２－１</v>
          </cell>
          <cell r="H1337" t="str">
            <v>632-6116</v>
          </cell>
          <cell r="I1337" t="str">
            <v>632-6006</v>
          </cell>
        </row>
        <row r="1338">
          <cell r="A1338" t="str">
            <v>17083W</v>
          </cell>
          <cell r="B1338" t="str">
            <v>ｾｲﾌｳﾄﾞｳ</v>
          </cell>
          <cell r="C1338" t="str">
            <v>（株）清風堂</v>
          </cell>
          <cell r="D1338" t="str">
            <v>中村 登</v>
          </cell>
          <cell r="E1338" t="str">
            <v>代表取締役</v>
          </cell>
          <cell r="F1338" t="str">
            <v>060-0063</v>
          </cell>
          <cell r="G1338" t="str">
            <v>中央区南３西９－９９９－２４</v>
          </cell>
          <cell r="H1338" t="str">
            <v>242-1900</v>
          </cell>
          <cell r="I1338" t="str">
            <v>242-1901</v>
          </cell>
        </row>
        <row r="1339">
          <cell r="A1339" t="str">
            <v>17085P</v>
          </cell>
          <cell r="B1339" t="str">
            <v>ｼﾞｰｲｰﾌﾘｰﾄｻｰﾋﾞｽ</v>
          </cell>
          <cell r="C1339" t="str">
            <v>ジーイーフリートサービス（株）</v>
          </cell>
          <cell r="D1339" t="str">
            <v>呉 文精</v>
          </cell>
          <cell r="E1339" t="str">
            <v>代表取締役</v>
          </cell>
          <cell r="F1339" t="str">
            <v>104-0041</v>
          </cell>
          <cell r="G1339" t="str">
            <v>東京都中央区新富１－１８－８</v>
          </cell>
          <cell r="H1339" t="str">
            <v>03-3537-9800</v>
          </cell>
          <cell r="I1339" t="str">
            <v>03-5540-0411</v>
          </cell>
        </row>
        <row r="1340">
          <cell r="A1340" t="str">
            <v>17086Z</v>
          </cell>
          <cell r="B1340" t="str">
            <v>ｾｰﾌｼｽﾃﾑﾒﾝﾃﾅﾝｽ</v>
          </cell>
          <cell r="C1340" t="str">
            <v>（有）セーフシステムメンテナンス</v>
          </cell>
          <cell r="D1340" t="str">
            <v>高橋 直樹</v>
          </cell>
          <cell r="E1340" t="str">
            <v>代表取締役</v>
          </cell>
          <cell r="F1340" t="str">
            <v>062-0052</v>
          </cell>
          <cell r="G1340" t="str">
            <v>豊平区月寒東２－１７－１－４５</v>
          </cell>
          <cell r="H1340" t="str">
            <v>855-6006</v>
          </cell>
          <cell r="I1340" t="str">
            <v>855-6086</v>
          </cell>
        </row>
        <row r="1341">
          <cell r="A1341" t="str">
            <v>17087X</v>
          </cell>
          <cell r="B1341" t="str">
            <v>ｾｲｶｻﾝｷﾞｮｳ</v>
          </cell>
          <cell r="C1341" t="str">
            <v>西華産業（株）札幌支店</v>
          </cell>
          <cell r="D1341" t="str">
            <v>綿屋 恒利</v>
          </cell>
          <cell r="E1341" t="str">
            <v>支店長</v>
          </cell>
          <cell r="F1341" t="str">
            <v>060-0003</v>
          </cell>
          <cell r="G1341" t="str">
            <v>中央区北３西３－１札幌北三条ビル１２Ｆ</v>
          </cell>
          <cell r="H1341" t="str">
            <v>219-7611</v>
          </cell>
          <cell r="I1341" t="str">
            <v>219-7612</v>
          </cell>
        </row>
        <row r="1342">
          <cell r="A1342" t="str">
            <v>17089S</v>
          </cell>
          <cell r="B1342" t="str">
            <v>ｾﾄﾙｴｲﾄ</v>
          </cell>
          <cell r="C1342" t="str">
            <v>（株）セトルエイト</v>
          </cell>
          <cell r="D1342" t="str">
            <v>小場 泰知</v>
          </cell>
          <cell r="E1342" t="str">
            <v>代表取締役</v>
          </cell>
          <cell r="F1342" t="str">
            <v>003-0027</v>
          </cell>
          <cell r="G1342" t="str">
            <v>白石区本通２０北１－１０</v>
          </cell>
          <cell r="H1342" t="str">
            <v>862-8008</v>
          </cell>
          <cell r="I1342" t="str">
            <v>860-7070</v>
          </cell>
        </row>
        <row r="1343">
          <cell r="A1343" t="str">
            <v>17090P</v>
          </cell>
          <cell r="B1343" t="str">
            <v>ｾｲﾌﾞｳﾝﾕ</v>
          </cell>
          <cell r="C1343" t="str">
            <v>西武運輸（株）北海道統括支店</v>
          </cell>
          <cell r="D1343" t="str">
            <v>白田 茂樹</v>
          </cell>
          <cell r="E1343" t="str">
            <v>支店長</v>
          </cell>
          <cell r="F1343" t="str">
            <v>003-0872</v>
          </cell>
          <cell r="G1343" t="str">
            <v>白石区米里２－３－３－４６</v>
          </cell>
          <cell r="H1343" t="str">
            <v>872-7811</v>
          </cell>
          <cell r="I1343" t="str">
            <v>872-9909</v>
          </cell>
        </row>
        <row r="1344">
          <cell r="A1344" t="str">
            <v>17091Z</v>
          </cell>
          <cell r="B1344" t="str">
            <v>ｾｷｭﾒﾝﾄ</v>
          </cell>
          <cell r="C1344" t="str">
            <v>（株）セキュメント札幌事業所</v>
          </cell>
          <cell r="D1344" t="str">
            <v>大内 康史</v>
          </cell>
          <cell r="E1344" t="str">
            <v>所長</v>
          </cell>
          <cell r="F1344" t="str">
            <v>004-0063</v>
          </cell>
          <cell r="G1344" t="str">
            <v>厚別区厚別西３－４－４－２３</v>
          </cell>
          <cell r="H1344" t="str">
            <v>801-2781</v>
          </cell>
          <cell r="I1344" t="str">
            <v>801-2782</v>
          </cell>
        </row>
        <row r="1345">
          <cell r="A1345" t="str">
            <v>17092X</v>
          </cell>
          <cell r="B1345" t="str">
            <v>ｾｲｺｰｹﾝﾊﾟﾝ</v>
          </cell>
          <cell r="C1345" t="str">
            <v>（株）セイコー建販</v>
          </cell>
          <cell r="D1345" t="str">
            <v>常國 正光</v>
          </cell>
          <cell r="E1345" t="str">
            <v>代表取締役</v>
          </cell>
          <cell r="F1345" t="str">
            <v>003-0876</v>
          </cell>
          <cell r="G1345" t="str">
            <v>白石区東米里２１９４－７２</v>
          </cell>
          <cell r="H1345" t="str">
            <v>875-2778</v>
          </cell>
          <cell r="I1345" t="str">
            <v>875-2684</v>
          </cell>
        </row>
        <row r="1346">
          <cell r="A1346" t="str">
            <v>17093V</v>
          </cell>
          <cell r="B1346" t="str">
            <v>ｾｲﾖｳﾌｰﾄﾞｼｽﾃﾑｽﾞ</v>
          </cell>
          <cell r="C1346" t="str">
            <v>（株）西洋フードシステムズ</v>
          </cell>
          <cell r="D1346" t="str">
            <v>幸島 武</v>
          </cell>
          <cell r="E1346" t="str">
            <v>代表取締役</v>
          </cell>
          <cell r="F1346" t="str">
            <v>170-0013</v>
          </cell>
          <cell r="G1346" t="str">
            <v>東京都豊島区東池袋３－１３－３ 星和池袋</v>
          </cell>
          <cell r="H1346" t="str">
            <v>03-3984-0281</v>
          </cell>
          <cell r="I1346" t="str">
            <v>03-3983-3046</v>
          </cell>
        </row>
        <row r="1347">
          <cell r="A1347" t="str">
            <v>17097W</v>
          </cell>
          <cell r="B1347" t="str">
            <v>ｾｺﾑｽﾀﾃｨｯｸﾎｯｶｲﾄﾞｳ</v>
          </cell>
          <cell r="C1347" t="str">
            <v>セコムスタティック北海道（株）</v>
          </cell>
          <cell r="D1347" t="str">
            <v>山下 英一</v>
          </cell>
          <cell r="E1347" t="str">
            <v>代表取締役</v>
          </cell>
          <cell r="F1347" t="str">
            <v>060-0042</v>
          </cell>
          <cell r="G1347" t="str">
            <v>中央区大通西３－１１</v>
          </cell>
          <cell r="H1347" t="str">
            <v>210-6591</v>
          </cell>
          <cell r="I1347" t="str">
            <v>210-5331</v>
          </cell>
        </row>
        <row r="1348">
          <cell r="A1348" t="str">
            <v>17099R</v>
          </cell>
          <cell r="B1348" t="str">
            <v>ｾｲﾜｹﾝｺｳ</v>
          </cell>
          <cell r="C1348" t="str">
            <v>清和建工（株）</v>
          </cell>
          <cell r="D1348" t="str">
            <v>佐藤 奎嗣</v>
          </cell>
          <cell r="E1348" t="str">
            <v>代表取締役</v>
          </cell>
          <cell r="F1348" t="str">
            <v>007-0841</v>
          </cell>
          <cell r="G1348" t="str">
            <v>東区北４１東３－３－１０</v>
          </cell>
          <cell r="H1348" t="str">
            <v>7115360</v>
          </cell>
          <cell r="I1348" t="str">
            <v>867-5884</v>
          </cell>
        </row>
        <row r="1349">
          <cell r="A1349" t="str">
            <v>17100Y</v>
          </cell>
          <cell r="B1349" t="str">
            <v>ｾﾉｰ</v>
          </cell>
          <cell r="C1349" t="str">
            <v>セノー（株）</v>
          </cell>
          <cell r="D1349" t="str">
            <v>勢能 一男</v>
          </cell>
          <cell r="E1349" t="str">
            <v>代表取締役</v>
          </cell>
          <cell r="F1349" t="str">
            <v>140-0004</v>
          </cell>
          <cell r="G1349" t="str">
            <v>東京都品川区南品川２－２－１３</v>
          </cell>
          <cell r="H1349" t="str">
            <v>03-5461-4511</v>
          </cell>
          <cell r="I1349" t="str">
            <v>03-5461-4151</v>
          </cell>
        </row>
        <row r="1350">
          <cell r="A1350" t="str">
            <v>17502V</v>
          </cell>
          <cell r="B1350" t="str">
            <v>ｿｳｴﾝﾀｲﾔ</v>
          </cell>
          <cell r="C1350" t="str">
            <v>（株）桑園タイヤ</v>
          </cell>
          <cell r="D1350" t="str">
            <v>鍛治川 亮太郎</v>
          </cell>
          <cell r="E1350" t="str">
            <v>代表取締役</v>
          </cell>
          <cell r="F1350" t="str">
            <v>060-0008</v>
          </cell>
          <cell r="G1350" t="str">
            <v>中央区北８西１６－２８</v>
          </cell>
          <cell r="H1350" t="str">
            <v>621-3505</v>
          </cell>
          <cell r="I1350" t="str">
            <v>642-6863</v>
          </cell>
        </row>
        <row r="1351">
          <cell r="A1351" t="str">
            <v>17504P</v>
          </cell>
          <cell r="B1351" t="str">
            <v>ｿﾒﾔｼｮｳｶｲ</v>
          </cell>
          <cell r="C1351" t="str">
            <v>（株）染谷商会</v>
          </cell>
          <cell r="D1351" t="str">
            <v>染谷 富幸</v>
          </cell>
          <cell r="E1351" t="str">
            <v>代表取締役</v>
          </cell>
          <cell r="F1351" t="str">
            <v>062-0905</v>
          </cell>
          <cell r="G1351" t="str">
            <v>豊平区豊平５－１０－２－３２</v>
          </cell>
          <cell r="H1351" t="str">
            <v>811-7156</v>
          </cell>
          <cell r="I1351" t="str">
            <v>813-8323</v>
          </cell>
        </row>
        <row r="1352">
          <cell r="A1352" t="str">
            <v>17509N</v>
          </cell>
          <cell r="B1352" t="str">
            <v>ｿｰﾀﾞﾆｯｶ</v>
          </cell>
          <cell r="C1352" t="str">
            <v>ソーダニッカ（株）札幌支店</v>
          </cell>
          <cell r="D1352" t="str">
            <v>千野根 忠夫</v>
          </cell>
          <cell r="E1352" t="str">
            <v>支店長</v>
          </cell>
          <cell r="F1352" t="str">
            <v>060-0042</v>
          </cell>
          <cell r="G1352" t="str">
            <v>中央区大通西４－１ 道銀ビル</v>
          </cell>
          <cell r="H1352" t="str">
            <v>251-6171</v>
          </cell>
          <cell r="I1352" t="str">
            <v>251-2022</v>
          </cell>
        </row>
        <row r="1353">
          <cell r="A1353" t="str">
            <v>17510Y</v>
          </cell>
          <cell r="B1353" t="str">
            <v>ｿｯｷｼｬｼｮｳｶｲ</v>
          </cell>
          <cell r="C1353" t="str">
            <v>（株）測機舎商会</v>
          </cell>
          <cell r="D1353" t="str">
            <v>灰谷 義郎</v>
          </cell>
          <cell r="E1353" t="str">
            <v>代表取締役社長</v>
          </cell>
          <cell r="F1353" t="str">
            <v>064-0914</v>
          </cell>
          <cell r="G1353" t="str">
            <v>中央区南１４西１１－３－３</v>
          </cell>
          <cell r="H1353" t="str">
            <v>561-5203</v>
          </cell>
          <cell r="I1353" t="str">
            <v>551-3114</v>
          </cell>
        </row>
        <row r="1354">
          <cell r="A1354" t="str">
            <v>17511W</v>
          </cell>
          <cell r="B1354" t="str">
            <v>ｿｳﾎｯｶｲ</v>
          </cell>
          <cell r="C1354" t="str">
            <v>（株）総北海札幌支社</v>
          </cell>
          <cell r="D1354" t="str">
            <v>近川 敏</v>
          </cell>
          <cell r="E1354" t="str">
            <v>取締役支社長</v>
          </cell>
          <cell r="F1354" t="str">
            <v>001-0030</v>
          </cell>
          <cell r="G1354" t="str">
            <v>北区北３０西５菊地ビル４Ｆ</v>
          </cell>
          <cell r="H1354" t="str">
            <v>757-6995</v>
          </cell>
          <cell r="I1354" t="str">
            <v>700-5077</v>
          </cell>
        </row>
        <row r="1355">
          <cell r="A1355" t="str">
            <v>17519Z</v>
          </cell>
          <cell r="B1355" t="str">
            <v>ｿｳｺﾞｼｽﾃﾑｻｰﾋﾞｽ</v>
          </cell>
          <cell r="C1355" t="str">
            <v>（株）相互システムサービス</v>
          </cell>
          <cell r="D1355" t="str">
            <v>山根 春雄</v>
          </cell>
          <cell r="E1355" t="str">
            <v>代表取締役</v>
          </cell>
          <cell r="F1355" t="str">
            <v>003-0821</v>
          </cell>
          <cell r="G1355" t="str">
            <v>白石区菊水元町１－１－５１－３</v>
          </cell>
          <cell r="H1355" t="str">
            <v>875-4651</v>
          </cell>
          <cell r="I1355" t="str">
            <v>875-4789</v>
          </cell>
        </row>
        <row r="1356">
          <cell r="A1356" t="str">
            <v>17521V</v>
          </cell>
          <cell r="B1356" t="str">
            <v>ｿｳｺﾞﾂｳｼｮｳ</v>
          </cell>
          <cell r="C1356" t="str">
            <v>相互通商（株）</v>
          </cell>
          <cell r="D1356" t="str">
            <v>石尾 一夫</v>
          </cell>
          <cell r="E1356" t="str">
            <v>代表取締役</v>
          </cell>
          <cell r="F1356" t="str">
            <v>001-0923</v>
          </cell>
          <cell r="G1356" t="str">
            <v>北区新川３－８－５－１２</v>
          </cell>
          <cell r="H1356" t="str">
            <v>765-5222</v>
          </cell>
          <cell r="I1356" t="str">
            <v>765-5221</v>
          </cell>
        </row>
        <row r="1357">
          <cell r="A1357" t="str">
            <v>17529Y</v>
          </cell>
          <cell r="B1357" t="str">
            <v>ｿｸﾁｶｲﾊﾂ</v>
          </cell>
          <cell r="C1357" t="str">
            <v>測地開発（株）</v>
          </cell>
          <cell r="D1357" t="str">
            <v>島田 範義</v>
          </cell>
          <cell r="E1357" t="str">
            <v>代表取締役</v>
          </cell>
          <cell r="F1357" t="str">
            <v>062-0931</v>
          </cell>
          <cell r="G1357" t="str">
            <v>豊平区平岸１－１３－４－２７</v>
          </cell>
          <cell r="H1357" t="str">
            <v>822-0087</v>
          </cell>
          <cell r="I1357" t="str">
            <v>822-1444</v>
          </cell>
        </row>
        <row r="1358">
          <cell r="A1358" t="str">
            <v>17530W</v>
          </cell>
          <cell r="B1358" t="str">
            <v>ﾄｳｼﾊﾞﾊﾟｿｺﾝｼｽﾃﾑ</v>
          </cell>
          <cell r="C1358" t="str">
            <v>東芝パソコンシステム（株）</v>
          </cell>
          <cell r="D1358" t="str">
            <v>矢島 勝美</v>
          </cell>
          <cell r="E1358" t="str">
            <v>代表取締役</v>
          </cell>
          <cell r="F1358" t="str">
            <v>261-8580</v>
          </cell>
          <cell r="G1358" t="str">
            <v>千葉市美浜区真砂５－２０－７</v>
          </cell>
          <cell r="H1358" t="str">
            <v>043-279-2622</v>
          </cell>
          <cell r="I1358" t="str">
            <v>043-277-7782</v>
          </cell>
        </row>
        <row r="1359">
          <cell r="A1359" t="str">
            <v>17536S</v>
          </cell>
          <cell r="B1359" t="str">
            <v>ｿｳｺﾞｳﾂｳｼﾝ</v>
          </cell>
          <cell r="C1359" t="str">
            <v>綜合通信（株）</v>
          </cell>
          <cell r="D1359" t="str">
            <v>山田 秀毅</v>
          </cell>
          <cell r="E1359" t="str">
            <v>代表取締役</v>
          </cell>
          <cell r="F1359" t="str">
            <v>003-0021</v>
          </cell>
          <cell r="G1359" t="str">
            <v>白石区栄通３－３－２７</v>
          </cell>
          <cell r="H1359" t="str">
            <v>853-2842</v>
          </cell>
          <cell r="I1359" t="str">
            <v>853-2815</v>
          </cell>
        </row>
        <row r="1360">
          <cell r="A1360" t="str">
            <v>17537P</v>
          </cell>
          <cell r="B1360" t="str">
            <v>ｿﾗﾁｲﾝｻﾂ</v>
          </cell>
          <cell r="C1360" t="str">
            <v>空知印刷（株）</v>
          </cell>
          <cell r="D1360" t="str">
            <v>朝山 竹博</v>
          </cell>
          <cell r="E1360" t="str">
            <v>代表取締役</v>
          </cell>
          <cell r="F1360" t="str">
            <v>068-0002</v>
          </cell>
          <cell r="G1360" t="str">
            <v>岩見沢市２東２－２－５</v>
          </cell>
          <cell r="H1360" t="str">
            <v>0126-22-4343</v>
          </cell>
          <cell r="I1360" t="str">
            <v>0126-22-4344</v>
          </cell>
        </row>
        <row r="1361">
          <cell r="A1361" t="str">
            <v>17538Z</v>
          </cell>
          <cell r="B1361" t="str">
            <v>ｿｳｺﾞｳﾎｳｾｲ</v>
          </cell>
          <cell r="C1361" t="str">
            <v>相合縫製（株）</v>
          </cell>
          <cell r="D1361" t="str">
            <v>笠原 祥史</v>
          </cell>
          <cell r="E1361" t="str">
            <v>代表取締役</v>
          </cell>
          <cell r="F1361" t="str">
            <v>003-0026</v>
          </cell>
          <cell r="G1361" t="str">
            <v>白石区本通１０南７－９</v>
          </cell>
          <cell r="H1361" t="str">
            <v>864-1953</v>
          </cell>
          <cell r="I1361" t="str">
            <v>864-1954</v>
          </cell>
        </row>
        <row r="1362">
          <cell r="A1362" t="str">
            <v>17540V</v>
          </cell>
          <cell r="B1362" t="str">
            <v>ｿﾆｰﾌｧｲﾅﾝｽｲﾝﾀｰﾅｼｮﾅﾙ</v>
          </cell>
          <cell r="C1362" t="str">
            <v>（株）ｿﾆｰﾌｧｲﾅﾝｽｲﾝﾀｰﾅｼｮﾅﾙ</v>
          </cell>
          <cell r="D1362" t="str">
            <v>松延 赳士</v>
          </cell>
          <cell r="E1362" t="str">
            <v>代表取締役</v>
          </cell>
          <cell r="F1362" t="str">
            <v>107-0062</v>
          </cell>
          <cell r="G1362" t="str">
            <v>東京都港区南青山１－１－１</v>
          </cell>
          <cell r="H1362" t="str">
            <v>03-3475-8711</v>
          </cell>
          <cell r="I1362" t="str">
            <v>03-3475-8799</v>
          </cell>
        </row>
        <row r="1363">
          <cell r="A1363" t="str">
            <v>17543Z</v>
          </cell>
          <cell r="B1363" t="str">
            <v>ｿﾘﾄﾝｼｽﾃﾑｽﾞ</v>
          </cell>
          <cell r="C1363" t="str">
            <v>（株）ソリトンシステムズ</v>
          </cell>
          <cell r="D1363" t="str">
            <v>鎌田 信夫</v>
          </cell>
          <cell r="E1363" t="str">
            <v>代表取締役</v>
          </cell>
          <cell r="F1363" t="str">
            <v>160-0022</v>
          </cell>
          <cell r="G1363" t="str">
            <v>東京都新宿区新宿２－４－３</v>
          </cell>
          <cell r="H1363" t="str">
            <v>03-5360-3801</v>
          </cell>
          <cell r="I1363" t="str">
            <v>03-3356-6354</v>
          </cell>
        </row>
        <row r="1364">
          <cell r="A1364" t="str">
            <v>17550T</v>
          </cell>
          <cell r="B1364" t="str">
            <v>ｿﾌﾄﾌﾛﾝﾄ</v>
          </cell>
          <cell r="C1364" t="str">
            <v>（株）ソフトフロント</v>
          </cell>
          <cell r="D1364" t="str">
            <v>村田 利文</v>
          </cell>
          <cell r="E1364" t="str">
            <v>代表取締役</v>
          </cell>
          <cell r="F1364" t="str">
            <v>060-0009</v>
          </cell>
          <cell r="G1364" t="str">
            <v>中央区北９西１５－２８－１９６</v>
          </cell>
          <cell r="H1364" t="str">
            <v>623-1001</v>
          </cell>
          <cell r="I1364" t="str">
            <v>623-1002</v>
          </cell>
        </row>
        <row r="1365">
          <cell r="A1365" t="str">
            <v>17551R</v>
          </cell>
          <cell r="B1365" t="str">
            <v>ｿﾌﾄｺﾑ</v>
          </cell>
          <cell r="C1365" t="str">
            <v>（株）ソフトコム</v>
          </cell>
          <cell r="D1365" t="str">
            <v>城宝 守</v>
          </cell>
          <cell r="E1365" t="str">
            <v>代表取締役</v>
          </cell>
          <cell r="F1365" t="str">
            <v>060-0001</v>
          </cell>
          <cell r="G1365" t="str">
            <v>中央区北１西３－３ 札幌三和ビル９</v>
          </cell>
          <cell r="H1365" t="str">
            <v>219-1313</v>
          </cell>
          <cell r="I1365" t="str">
            <v>218-5826</v>
          </cell>
        </row>
        <row r="1366">
          <cell r="A1366" t="str">
            <v>17552N</v>
          </cell>
          <cell r="B1366" t="str">
            <v>ｿｳｹﾞｲ</v>
          </cell>
          <cell r="C1366" t="str">
            <v>（株）創芸</v>
          </cell>
          <cell r="D1366" t="str">
            <v>妹尾 弘文</v>
          </cell>
          <cell r="E1366" t="str">
            <v>代表取締役社長</v>
          </cell>
          <cell r="F1366" t="str">
            <v>104-0052</v>
          </cell>
          <cell r="G1366" t="str">
            <v>東京都中央区月島１－１５－７</v>
          </cell>
          <cell r="H1366" t="str">
            <v>03-3532-6301</v>
          </cell>
          <cell r="I1366" t="str">
            <v>03-3532-6381</v>
          </cell>
        </row>
        <row r="1367">
          <cell r="A1367" t="str">
            <v>17555S</v>
          </cell>
          <cell r="B1367" t="str">
            <v>ｿｳｺﾞｳﾒﾃﾞｨｶﾙ</v>
          </cell>
          <cell r="C1367" t="str">
            <v>総合メディカル（株）札幌支店</v>
          </cell>
          <cell r="D1367" t="str">
            <v>立山 光浩</v>
          </cell>
          <cell r="E1367" t="str">
            <v>支店長</v>
          </cell>
          <cell r="F1367" t="str">
            <v>060-0005</v>
          </cell>
          <cell r="G1367" t="str">
            <v>中央区北５西６－２－２ 札幌センタービル１２階</v>
          </cell>
          <cell r="H1367" t="str">
            <v>252-6901</v>
          </cell>
          <cell r="I1367" t="str">
            <v>252-6902</v>
          </cell>
        </row>
        <row r="1368">
          <cell r="A1368" t="str">
            <v>17556P</v>
          </cell>
          <cell r="B1368" t="str">
            <v>ｿｳｺﾞｳﾘｻｲｸﾙｻｰﾋﾞｽ</v>
          </cell>
          <cell r="C1368" t="str">
            <v>（株）総合リサイクルサービス</v>
          </cell>
          <cell r="D1368" t="str">
            <v>原田 久</v>
          </cell>
          <cell r="E1368" t="str">
            <v>代表取締役</v>
          </cell>
          <cell r="F1368" t="str">
            <v>060-0032</v>
          </cell>
          <cell r="G1368" t="str">
            <v>中央区北２東１－５－２ｻﾆｰﾌﾟﾘﾝｽｼｬﾄｰ３Ｆ</v>
          </cell>
          <cell r="H1368" t="str">
            <v>233-0530</v>
          </cell>
          <cell r="I1368" t="str">
            <v>233-0531</v>
          </cell>
        </row>
        <row r="1369">
          <cell r="A1369" t="str">
            <v>17557Z</v>
          </cell>
          <cell r="B1369" t="str">
            <v>ｾﾝﾄﾗﾙﾋﾞﾙｻｰﾋﾞｽ</v>
          </cell>
          <cell r="C1369" t="str">
            <v>（株）セントラルビルサービス札幌営業所</v>
          </cell>
          <cell r="D1369" t="str">
            <v>泉 守之</v>
          </cell>
          <cell r="E1369" t="str">
            <v>所長</v>
          </cell>
          <cell r="F1369" t="str">
            <v>060-0062</v>
          </cell>
          <cell r="G1369" t="str">
            <v>中央区南２西６－１３－１南２西６ビル１階</v>
          </cell>
          <cell r="H1369" t="str">
            <v>207-8181</v>
          </cell>
          <cell r="I1369" t="str">
            <v>207-8292</v>
          </cell>
        </row>
        <row r="1370">
          <cell r="A1370" t="str">
            <v>17558X</v>
          </cell>
          <cell r="B1370" t="str">
            <v>ｿｶﾞ</v>
          </cell>
          <cell r="C1370" t="str">
            <v>曽我（株）札幌出張所</v>
          </cell>
          <cell r="D1370" t="str">
            <v>須藤 博</v>
          </cell>
          <cell r="E1370" t="str">
            <v>所長</v>
          </cell>
          <cell r="F1370" t="str">
            <v>060-0061</v>
          </cell>
          <cell r="G1370" t="str">
            <v>中央区南１西１２－３２２第２一条ビル</v>
          </cell>
          <cell r="H1370" t="str">
            <v>221-8331</v>
          </cell>
          <cell r="I1370" t="str">
            <v>261-1934</v>
          </cell>
        </row>
        <row r="1371">
          <cell r="A1371" t="str">
            <v>17559V</v>
          </cell>
          <cell r="B1371" t="str">
            <v>ｿﾒﾔﾃﾞｻﾞｲﾝｵﾌｨｽ</v>
          </cell>
          <cell r="C1371" t="str">
            <v>（有）染谷デザインオフィス</v>
          </cell>
          <cell r="D1371" t="str">
            <v>染谷 昭司</v>
          </cell>
          <cell r="E1371" t="str">
            <v>代表取締役</v>
          </cell>
          <cell r="F1371" t="str">
            <v>060-0052</v>
          </cell>
          <cell r="G1371" t="str">
            <v>中央区南２東１－１－１２</v>
          </cell>
          <cell r="H1371" t="str">
            <v>242-0393</v>
          </cell>
          <cell r="I1371" t="str">
            <v>242-1062</v>
          </cell>
        </row>
        <row r="1372">
          <cell r="A1372" t="str">
            <v>17560S</v>
          </cell>
          <cell r="B1372" t="str">
            <v>ｿｰｼｬﾙ･ｴｲﾄﾞ･ﾘｻｰﾁ</v>
          </cell>
          <cell r="C1372" t="str">
            <v>（株）ソーシャル・エイド・リサーチ</v>
          </cell>
          <cell r="D1372" t="str">
            <v>近藤 道夫</v>
          </cell>
          <cell r="E1372" t="str">
            <v>代表取締役</v>
          </cell>
          <cell r="F1372" t="str">
            <v>068-0034</v>
          </cell>
          <cell r="G1372" t="str">
            <v>岩見沢市有明町南１－２９岩見沢市新産業</v>
          </cell>
          <cell r="H1372" t="str">
            <v>0126-33-8822</v>
          </cell>
          <cell r="I1372" t="str">
            <v>0126-33-8822</v>
          </cell>
        </row>
        <row r="1373">
          <cell r="A1373" t="str">
            <v>17561P</v>
          </cell>
          <cell r="B1373" t="str">
            <v>ｿﾞｳﾄｳｼｬｳｴｽﾄ</v>
          </cell>
          <cell r="C1373" t="str">
            <v>（有）贈答社ウエスト</v>
          </cell>
          <cell r="D1373" t="str">
            <v>西野 治</v>
          </cell>
          <cell r="E1373" t="str">
            <v>代表取締役</v>
          </cell>
          <cell r="F1373" t="str">
            <v>062-0003</v>
          </cell>
          <cell r="G1373" t="str">
            <v>豊平区美園３－８－１－１</v>
          </cell>
          <cell r="H1373" t="str">
            <v>822-7000</v>
          </cell>
          <cell r="I1373" t="str">
            <v>816-3444</v>
          </cell>
        </row>
        <row r="1374">
          <cell r="A1374" t="str">
            <v>17562Z</v>
          </cell>
          <cell r="B1374" t="str">
            <v>ｿｳｺﾞｳﾃｸﾉ</v>
          </cell>
          <cell r="C1374" t="str">
            <v>綜合テクノ（株）</v>
          </cell>
          <cell r="D1374" t="str">
            <v>山下 金吾</v>
          </cell>
          <cell r="E1374" t="str">
            <v>代表取締役</v>
          </cell>
          <cell r="F1374" t="str">
            <v>059-1372</v>
          </cell>
          <cell r="G1374" t="str">
            <v>苫小牧市勇払２７６－１９</v>
          </cell>
          <cell r="H1374" t="str">
            <v>0144-55-0441</v>
          </cell>
          <cell r="I1374" t="str">
            <v>0144-55-9543</v>
          </cell>
        </row>
        <row r="1375">
          <cell r="A1375" t="str">
            <v>17563X</v>
          </cell>
          <cell r="B1375" t="str">
            <v>ｿｳｺﾞｼｮｳｼﾞ</v>
          </cell>
          <cell r="C1375" t="str">
            <v>相互商事（株）</v>
          </cell>
          <cell r="D1375" t="str">
            <v>杉山 文雄</v>
          </cell>
          <cell r="E1375" t="str">
            <v>代表取締役</v>
          </cell>
          <cell r="F1375" t="str">
            <v>067-0052</v>
          </cell>
          <cell r="G1375" t="str">
            <v>江別市角山４３７－６</v>
          </cell>
          <cell r="H1375" t="str">
            <v>384-2531</v>
          </cell>
          <cell r="I1375" t="str">
            <v>384-2578</v>
          </cell>
        </row>
        <row r="1376">
          <cell r="A1376" t="str">
            <v>17565R</v>
          </cell>
          <cell r="B1376" t="str">
            <v>ｿﾆｰﾌﾞﾛｰﾄﾞﾊﾞﾝﾄﾞｿﾘｭｰｼｮﾝ</v>
          </cell>
          <cell r="C1376" t="str">
            <v>ソニーブロードバンドソリューション（株）</v>
          </cell>
          <cell r="D1376" t="str">
            <v>池 和夫</v>
          </cell>
          <cell r="E1376" t="str">
            <v>代表取締役</v>
          </cell>
          <cell r="F1376" t="str">
            <v>108-0074</v>
          </cell>
          <cell r="G1376" t="str">
            <v>東京都港区高輪４－１０－１８</v>
          </cell>
          <cell r="H1376" t="str">
            <v>03-5792-3240</v>
          </cell>
          <cell r="I1376" t="str">
            <v>03-5792-3098</v>
          </cell>
        </row>
        <row r="1377">
          <cell r="A1377" t="str">
            <v>17566N</v>
          </cell>
          <cell r="B1377" t="str">
            <v>ｿｳｼﾝｶﾝｺｳ</v>
          </cell>
          <cell r="C1377" t="str">
            <v>（有）総伸管工</v>
          </cell>
          <cell r="D1377" t="str">
            <v>相馬 静矢</v>
          </cell>
          <cell r="E1377" t="str">
            <v>取締役社長</v>
          </cell>
          <cell r="F1377" t="str">
            <v>002-8027</v>
          </cell>
          <cell r="G1377" t="str">
            <v>北区篠路７－４－３－８</v>
          </cell>
          <cell r="H1377" t="str">
            <v>773-3514</v>
          </cell>
          <cell r="I1377" t="str">
            <v>773-3514</v>
          </cell>
        </row>
        <row r="1378">
          <cell r="A1378" t="str">
            <v>18002V</v>
          </cell>
          <cell r="B1378" t="str">
            <v>ﾀﾞｲｼｮｳ</v>
          </cell>
          <cell r="C1378" t="str">
            <v>（株）大粧</v>
          </cell>
          <cell r="D1378" t="str">
            <v>大内 睦弘</v>
          </cell>
          <cell r="E1378" t="str">
            <v>代表取締役</v>
          </cell>
          <cell r="F1378" t="str">
            <v>003-0029</v>
          </cell>
          <cell r="G1378" t="str">
            <v>白石区平和通１５北１２－１</v>
          </cell>
          <cell r="H1378" t="str">
            <v>862-0670</v>
          </cell>
          <cell r="I1378" t="str">
            <v>862-0690</v>
          </cell>
        </row>
        <row r="1379">
          <cell r="A1379" t="str">
            <v>18003S</v>
          </cell>
          <cell r="B1379" t="str">
            <v>ﾎｸﾖｳﾘｰｽ</v>
          </cell>
          <cell r="C1379" t="str">
            <v>北洋リース（株）</v>
          </cell>
          <cell r="D1379" t="str">
            <v>瀧澤 嘉一</v>
          </cell>
          <cell r="E1379" t="str">
            <v>代表取締役</v>
          </cell>
          <cell r="F1379" t="str">
            <v>060-0062</v>
          </cell>
          <cell r="G1379" t="str">
            <v>中央区南２西３－８</v>
          </cell>
          <cell r="H1379" t="str">
            <v>231-7135</v>
          </cell>
          <cell r="I1379" t="str">
            <v>222-5602</v>
          </cell>
        </row>
        <row r="1380">
          <cell r="A1380" t="str">
            <v>18004P</v>
          </cell>
          <cell r="B1380" t="str">
            <v>ﾀﾞｲﾜﾕﾆﾌｫｰﾑ</v>
          </cell>
          <cell r="C1380" t="str">
            <v>大和ユニフォーム（株）</v>
          </cell>
          <cell r="D1380" t="str">
            <v>内田 芳史</v>
          </cell>
          <cell r="E1380" t="str">
            <v>代表取締役</v>
          </cell>
          <cell r="F1380" t="str">
            <v>070-0037</v>
          </cell>
          <cell r="G1380" t="str">
            <v>旭川市６－１６－左１０</v>
          </cell>
          <cell r="H1380" t="str">
            <v>0166-22-1220</v>
          </cell>
          <cell r="I1380" t="str">
            <v>0166-22-1235</v>
          </cell>
        </row>
        <row r="1381">
          <cell r="A1381" t="str">
            <v>18006W</v>
          </cell>
          <cell r="B1381" t="str">
            <v>ﾀﾞｲｺｳ</v>
          </cell>
          <cell r="C1381" t="str">
            <v>（株）大広 北海道支局</v>
          </cell>
          <cell r="D1381" t="str">
            <v>岡本 和晃</v>
          </cell>
          <cell r="E1381" t="str">
            <v>北海道支局長</v>
          </cell>
          <cell r="F1381" t="str">
            <v>060-0002</v>
          </cell>
          <cell r="G1381" t="str">
            <v>中央区北２西３－１－１３ ５７山京ビル７Ｆ</v>
          </cell>
          <cell r="H1381" t="str">
            <v>222-1544</v>
          </cell>
          <cell r="I1381" t="str">
            <v>271-4599</v>
          </cell>
        </row>
        <row r="1382">
          <cell r="A1382" t="str">
            <v>18007T</v>
          </cell>
          <cell r="B1382" t="str">
            <v>ﾀｲｼﾞﾄﾞｳｼｬｺｳｷﾞｮｳ</v>
          </cell>
          <cell r="C1382" t="str">
            <v>田井自動車工業（株）</v>
          </cell>
          <cell r="D1382" t="str">
            <v>田井 秀典</v>
          </cell>
          <cell r="E1382" t="str">
            <v>代表取締役</v>
          </cell>
          <cell r="F1382" t="str">
            <v>007-0885</v>
          </cell>
          <cell r="G1382" t="str">
            <v>東区北丘珠５－４－３－１</v>
          </cell>
          <cell r="H1382" t="str">
            <v>783-2550</v>
          </cell>
          <cell r="I1382" t="str">
            <v>783-2224</v>
          </cell>
        </row>
        <row r="1383">
          <cell r="A1383" t="str">
            <v>18008R</v>
          </cell>
          <cell r="B1383" t="str">
            <v>ﾀﾅｶ</v>
          </cell>
          <cell r="C1383" t="str">
            <v>（株）タナカ</v>
          </cell>
          <cell r="D1383" t="str">
            <v>本阿弥 孝</v>
          </cell>
          <cell r="E1383" t="str">
            <v>代表取締役</v>
          </cell>
          <cell r="F1383" t="str">
            <v>060-0906</v>
          </cell>
          <cell r="G1383" t="str">
            <v>東区北６東２－２－１１</v>
          </cell>
          <cell r="H1383" t="str">
            <v>731-0291</v>
          </cell>
          <cell r="I1383" t="str">
            <v>742-9582</v>
          </cell>
        </row>
        <row r="1384">
          <cell r="A1384" t="str">
            <v>18011W</v>
          </cell>
          <cell r="B1384" t="str">
            <v>ﾀﾞｲﾏﾙｻｰﾋﾞｽ</v>
          </cell>
          <cell r="C1384" t="str">
            <v>大丸サービス（株）</v>
          </cell>
          <cell r="D1384" t="str">
            <v>鎌倉 文博</v>
          </cell>
          <cell r="E1384" t="str">
            <v>代表取締役</v>
          </cell>
          <cell r="F1384" t="str">
            <v>003-0803</v>
          </cell>
          <cell r="G1384" t="str">
            <v>白石区菊水３－１－８－２０</v>
          </cell>
          <cell r="H1384" t="str">
            <v>632-4861</v>
          </cell>
          <cell r="I1384" t="str">
            <v>632-4862</v>
          </cell>
        </row>
        <row r="1385">
          <cell r="A1385" t="str">
            <v>18014N</v>
          </cell>
          <cell r="B1385" t="str">
            <v>ﾀﾞｲｲﾁｴﾝﾁﾞﾆｱﾘﾝｸﾞ</v>
          </cell>
          <cell r="C1385" t="str">
            <v>（株）第一エンヂニアリング</v>
          </cell>
          <cell r="D1385" t="str">
            <v>佐久間 正己</v>
          </cell>
          <cell r="E1385" t="str">
            <v>代表取締役</v>
          </cell>
          <cell r="F1385" t="str">
            <v>005-0805</v>
          </cell>
          <cell r="G1385" t="str">
            <v>南区川沿５－２－６－１</v>
          </cell>
          <cell r="H1385" t="str">
            <v>571-7057</v>
          </cell>
          <cell r="I1385" t="str">
            <v>571-7058</v>
          </cell>
        </row>
        <row r="1386">
          <cell r="A1386" t="str">
            <v>18015X</v>
          </cell>
          <cell r="B1386" t="str">
            <v>ﾀｹﾔﾏｼｮｳｼﾞ</v>
          </cell>
          <cell r="C1386" t="str">
            <v>武山商事（株）</v>
          </cell>
          <cell r="D1386" t="str">
            <v>武山 靖雄</v>
          </cell>
          <cell r="E1386" t="str">
            <v>代表取締役</v>
          </cell>
          <cell r="F1386" t="str">
            <v>060-0909</v>
          </cell>
          <cell r="G1386" t="str">
            <v>東区北９東２－３－１０</v>
          </cell>
          <cell r="H1386" t="str">
            <v>741-3515</v>
          </cell>
          <cell r="I1386" t="str">
            <v>711-5664</v>
          </cell>
        </row>
        <row r="1387">
          <cell r="A1387" t="str">
            <v>18018P</v>
          </cell>
          <cell r="B1387" t="str">
            <v>ﾀｶｷﾞｼｮｳｼﾞ</v>
          </cell>
          <cell r="C1387" t="str">
            <v>髙木商事（株）</v>
          </cell>
          <cell r="D1387" t="str">
            <v>髙木 靖晃</v>
          </cell>
          <cell r="E1387" t="str">
            <v>代表取締役</v>
          </cell>
          <cell r="F1387" t="str">
            <v>065-0015</v>
          </cell>
          <cell r="G1387" t="str">
            <v>東区北１５東５－１－３８</v>
          </cell>
          <cell r="H1387" t="str">
            <v>742-2111</v>
          </cell>
          <cell r="I1387" t="str">
            <v>741-3022</v>
          </cell>
        </row>
        <row r="1388">
          <cell r="A1388" t="str">
            <v>18020X</v>
          </cell>
          <cell r="B1388" t="str">
            <v>ﾎｯｶｲﾄﾞｳｸﾞﾛｰﾘｰ</v>
          </cell>
          <cell r="C1388" t="str">
            <v>北海道グローリー（株）</v>
          </cell>
          <cell r="D1388" t="str">
            <v>渡部 三男</v>
          </cell>
          <cell r="E1388" t="str">
            <v>代表取締役社長</v>
          </cell>
          <cell r="F1388" t="str">
            <v>060-0013</v>
          </cell>
          <cell r="G1388" t="str">
            <v>中央区北１３西１７－１－４５</v>
          </cell>
          <cell r="H1388" t="str">
            <v>707-4111</v>
          </cell>
          <cell r="I1388" t="str">
            <v>707-9900</v>
          </cell>
        </row>
        <row r="1389">
          <cell r="A1389" t="str">
            <v>18021V</v>
          </cell>
          <cell r="B1389" t="str">
            <v>ﾀﾞｲﾏﾙﾌｼﾞｲ</v>
          </cell>
          <cell r="C1389" t="str">
            <v>大丸藤井（株）</v>
          </cell>
          <cell r="D1389" t="str">
            <v>藤井 敬一</v>
          </cell>
          <cell r="E1389" t="str">
            <v>代表取締役</v>
          </cell>
          <cell r="F1389" t="str">
            <v>060-0061</v>
          </cell>
          <cell r="G1389" t="str">
            <v>中央区南１西３－２</v>
          </cell>
          <cell r="H1389" t="str">
            <v>612-3411</v>
          </cell>
          <cell r="I1389" t="str">
            <v>612-6840</v>
          </cell>
        </row>
        <row r="1390">
          <cell r="A1390" t="str">
            <v>18022S</v>
          </cell>
          <cell r="B1390" t="str">
            <v>ﾀﾞｲｶﾞｸﾉｳｴﾝ</v>
          </cell>
          <cell r="C1390" t="str">
            <v>（株）大学農園</v>
          </cell>
          <cell r="D1390" t="str">
            <v>佐藤 昌一</v>
          </cell>
          <cell r="E1390" t="str">
            <v>代表取締役</v>
          </cell>
          <cell r="F1390" t="str">
            <v>060-0006</v>
          </cell>
          <cell r="G1390" t="str">
            <v>中央区北１西１６－１</v>
          </cell>
          <cell r="H1390" t="str">
            <v>631-1556</v>
          </cell>
          <cell r="I1390" t="str">
            <v/>
          </cell>
        </row>
        <row r="1391">
          <cell r="A1391" t="str">
            <v>18023P</v>
          </cell>
          <cell r="B1391" t="str">
            <v>ﾀｲｾｲﾛﾃｯｸ</v>
          </cell>
          <cell r="C1391" t="str">
            <v>大成ロテック（株）道央営業所</v>
          </cell>
          <cell r="D1391" t="str">
            <v>寺田 公司</v>
          </cell>
          <cell r="E1391" t="str">
            <v>営業所長</v>
          </cell>
          <cell r="F1391" t="str">
            <v>063-0012</v>
          </cell>
          <cell r="G1391" t="str">
            <v>西区福井７－１２－５</v>
          </cell>
          <cell r="H1391" t="str">
            <v>661-3151</v>
          </cell>
          <cell r="I1391" t="str">
            <v>665-7244</v>
          </cell>
        </row>
        <row r="1392">
          <cell r="A1392" t="str">
            <v>18026T</v>
          </cell>
          <cell r="B1392" t="str">
            <v>ﾀﾞｲﾜｺﾝﾎﾟｳ</v>
          </cell>
          <cell r="C1392" t="str">
            <v>大和梱包（株）</v>
          </cell>
          <cell r="D1392" t="str">
            <v>寿見 光夫</v>
          </cell>
          <cell r="E1392" t="str">
            <v>代表取締役</v>
          </cell>
          <cell r="F1392" t="str">
            <v>001-0012</v>
          </cell>
          <cell r="G1392" t="str">
            <v>北区北１２西２－２７</v>
          </cell>
          <cell r="H1392" t="str">
            <v>746-1111</v>
          </cell>
          <cell r="I1392" t="str">
            <v>716-4760</v>
          </cell>
        </row>
        <row r="1393">
          <cell r="A1393" t="str">
            <v>18027R</v>
          </cell>
          <cell r="B1393" t="str">
            <v>ﾀｲﾖｳｼﾞﾑｷ</v>
          </cell>
          <cell r="C1393" t="str">
            <v>大洋事務機（株）</v>
          </cell>
          <cell r="D1393" t="str">
            <v>小田切 喜孝</v>
          </cell>
          <cell r="E1393" t="str">
            <v>代表取締役</v>
          </cell>
          <cell r="F1393" t="str">
            <v>065-0041</v>
          </cell>
          <cell r="G1393" t="str">
            <v>東区本町１－１－３</v>
          </cell>
          <cell r="H1393" t="str">
            <v>782-1141</v>
          </cell>
          <cell r="I1393" t="str">
            <v>782-1160</v>
          </cell>
        </row>
        <row r="1394">
          <cell r="A1394" t="str">
            <v>18030W</v>
          </cell>
          <cell r="B1394" t="str">
            <v>ﾀﾆｻﾞﾜｾｲｻｸｼｮ</v>
          </cell>
          <cell r="C1394" t="str">
            <v>（株）谷沢製作所札幌営業所</v>
          </cell>
          <cell r="D1394" t="str">
            <v>松本 和博</v>
          </cell>
          <cell r="E1394" t="str">
            <v>営業所長</v>
          </cell>
          <cell r="F1394" t="str">
            <v>063-0850</v>
          </cell>
          <cell r="G1394" t="str">
            <v>西区八軒１０西１２－２－１９</v>
          </cell>
          <cell r="H1394" t="str">
            <v>643-2791</v>
          </cell>
          <cell r="I1394" t="str">
            <v>640-6808</v>
          </cell>
        </row>
        <row r="1395">
          <cell r="A1395" t="str">
            <v>18032R</v>
          </cell>
          <cell r="B1395" t="str">
            <v>ﾀﾆﾒｯｸ</v>
          </cell>
          <cell r="C1395" t="str">
            <v>（株）タニメック</v>
          </cell>
          <cell r="D1395" t="str">
            <v>蔦 孝行</v>
          </cell>
          <cell r="E1395" t="str">
            <v>代表取締役</v>
          </cell>
          <cell r="F1395" t="str">
            <v>007-0823</v>
          </cell>
          <cell r="G1395" t="str">
            <v>東区東雁来３－１－２－７</v>
          </cell>
          <cell r="H1395" t="str">
            <v>782-2101</v>
          </cell>
          <cell r="I1395" t="str">
            <v>782-0163</v>
          </cell>
        </row>
        <row r="1396">
          <cell r="A1396" t="str">
            <v>18033N</v>
          </cell>
          <cell r="B1396" t="str">
            <v>ﾀｶﾔﾅｷﾞｼﾞﾄﾞｳｼｬｾｲﾋﾞｺｳｼﾞｮｳ</v>
          </cell>
          <cell r="C1396" t="str">
            <v>（株）高柳自動車整備工場</v>
          </cell>
          <cell r="D1396" t="str">
            <v>高柳 幹雄</v>
          </cell>
          <cell r="E1396" t="str">
            <v>代表取締役</v>
          </cell>
          <cell r="F1396" t="str">
            <v>062-0001</v>
          </cell>
          <cell r="G1396" t="str">
            <v>豊平区美園１－２－３－２７</v>
          </cell>
          <cell r="H1396" t="str">
            <v>821-3201</v>
          </cell>
          <cell r="I1396" t="str">
            <v>811-3061</v>
          </cell>
        </row>
        <row r="1397">
          <cell r="A1397" t="str">
            <v>18040V</v>
          </cell>
          <cell r="B1397" t="str">
            <v>ﾀｲﾍｲﾖｳｾｷﾕﾊﾝﾊﾞｲ</v>
          </cell>
          <cell r="C1397" t="str">
            <v>太平洋石油販売（株）札幌支店</v>
          </cell>
          <cell r="D1397" t="str">
            <v>山下 悟</v>
          </cell>
          <cell r="E1397" t="str">
            <v>取締役支店長</v>
          </cell>
          <cell r="F1397" t="str">
            <v>003-0001</v>
          </cell>
          <cell r="G1397" t="str">
            <v>白石区東札幌１－２－２－１６</v>
          </cell>
          <cell r="H1397" t="str">
            <v>811-2111</v>
          </cell>
          <cell r="I1397" t="str">
            <v>811-2355</v>
          </cell>
        </row>
        <row r="1398">
          <cell r="A1398" t="str">
            <v>18045T</v>
          </cell>
          <cell r="B1398" t="str">
            <v>ﾀﾞｲｺｳｼｮｳｼﾞ</v>
          </cell>
          <cell r="C1398" t="str">
            <v>（株）大興商事</v>
          </cell>
          <cell r="D1398" t="str">
            <v>木村 恵吾</v>
          </cell>
          <cell r="E1398" t="str">
            <v>代表取締役</v>
          </cell>
          <cell r="F1398" t="str">
            <v>060-0032</v>
          </cell>
          <cell r="G1398" t="str">
            <v>中央区北２東１０－９３</v>
          </cell>
          <cell r="H1398" t="str">
            <v>231-2288</v>
          </cell>
          <cell r="I1398" t="str">
            <v>221-6525</v>
          </cell>
        </row>
        <row r="1399">
          <cell r="A1399" t="str">
            <v>18047N</v>
          </cell>
          <cell r="B1399" t="str">
            <v>ﾀﾞｲｲﾁﾘﾝｼｮｳｹﾝｻｾﾝﾀｰ</v>
          </cell>
          <cell r="C1399" t="str">
            <v>（株）第一臨床検査センター</v>
          </cell>
          <cell r="D1399" t="str">
            <v>上野 了</v>
          </cell>
          <cell r="E1399" t="str">
            <v>代表取締役</v>
          </cell>
          <cell r="F1399" t="str">
            <v>007-0867</v>
          </cell>
          <cell r="G1399" t="str">
            <v>東区伏古７－３－５－１０</v>
          </cell>
          <cell r="H1399" t="str">
            <v>787-2111</v>
          </cell>
          <cell r="I1399" t="str">
            <v>787-2191</v>
          </cell>
        </row>
        <row r="1400">
          <cell r="A1400" t="str">
            <v>18049W</v>
          </cell>
          <cell r="B1400" t="str">
            <v>ﾀﾞｲﾊﾁｾｲｿｳ</v>
          </cell>
          <cell r="C1400" t="str">
            <v>大八清掃（株）</v>
          </cell>
          <cell r="D1400" t="str">
            <v>西窪 辰子</v>
          </cell>
          <cell r="E1400" t="str">
            <v>代表取締役</v>
          </cell>
          <cell r="F1400" t="str">
            <v>002-8054</v>
          </cell>
          <cell r="G1400" t="str">
            <v>北区篠路町拓北１６２－６１</v>
          </cell>
          <cell r="H1400" t="str">
            <v>778-1818</v>
          </cell>
          <cell r="I1400" t="str">
            <v>778-9888</v>
          </cell>
        </row>
        <row r="1401">
          <cell r="A1401" t="str">
            <v>18050T</v>
          </cell>
          <cell r="B1401" t="str">
            <v>ﾀｼﾞﾘｷｶｲｺｳｷﾞｮｳ</v>
          </cell>
          <cell r="C1401" t="str">
            <v>田尻機械工業（株）</v>
          </cell>
          <cell r="D1401" t="str">
            <v>田尻 耕一</v>
          </cell>
          <cell r="E1401" t="str">
            <v>代表取締役社長</v>
          </cell>
          <cell r="F1401" t="str">
            <v>060-0033</v>
          </cell>
          <cell r="G1401" t="str">
            <v>中央区北３東８－８</v>
          </cell>
          <cell r="H1401" t="str">
            <v>281-5271</v>
          </cell>
          <cell r="I1401" t="str">
            <v>222-5874</v>
          </cell>
        </row>
        <row r="1402">
          <cell r="A1402" t="str">
            <v>18051R</v>
          </cell>
          <cell r="B1402" t="str">
            <v>ｱﾗﾀ</v>
          </cell>
          <cell r="C1402" t="str">
            <v>（株）あらた札幌支店</v>
          </cell>
          <cell r="D1402" t="str">
            <v>小谷 幸充</v>
          </cell>
          <cell r="E1402" t="str">
            <v>支店長</v>
          </cell>
          <cell r="F1402" t="str">
            <v>003-0030</v>
          </cell>
          <cell r="G1402" t="str">
            <v>白石区流通センター１－７－３８</v>
          </cell>
          <cell r="H1402" t="str">
            <v>862-5222</v>
          </cell>
          <cell r="I1402" t="str">
            <v>862-4404</v>
          </cell>
        </row>
        <row r="1403">
          <cell r="A1403" t="str">
            <v>18052N</v>
          </cell>
          <cell r="B1403" t="str">
            <v>ﾀﾏﾙ</v>
          </cell>
          <cell r="C1403" t="str">
            <v>（株）田丸札幌支店</v>
          </cell>
          <cell r="D1403" t="str">
            <v>柴田 信敏</v>
          </cell>
          <cell r="E1403" t="str">
            <v>支店長</v>
          </cell>
          <cell r="F1403" t="str">
            <v>003-0023</v>
          </cell>
          <cell r="G1403" t="str">
            <v>白石区南郷通２０北１－１１</v>
          </cell>
          <cell r="H1403" t="str">
            <v>863-2733</v>
          </cell>
          <cell r="I1403" t="str">
            <v>862-5541</v>
          </cell>
        </row>
        <row r="1404">
          <cell r="A1404" t="str">
            <v>18053Y</v>
          </cell>
          <cell r="B1404" t="str">
            <v>ﾀﾞｲｼｮｳﾂｳｼﾝｷｻｰﾋﾞｽ</v>
          </cell>
          <cell r="C1404" t="str">
            <v>大昭通信機サービス（株）</v>
          </cell>
          <cell r="D1404" t="str">
            <v>鈴木 伸哉</v>
          </cell>
          <cell r="E1404" t="str">
            <v>代表取締役</v>
          </cell>
          <cell r="F1404" t="str">
            <v>063-0832</v>
          </cell>
          <cell r="G1404" t="str">
            <v>西区発寒１２－２－８－２３</v>
          </cell>
          <cell r="H1404" t="str">
            <v>665-8770</v>
          </cell>
          <cell r="I1404" t="str">
            <v>665-9505</v>
          </cell>
        </row>
        <row r="1405">
          <cell r="A1405" t="str">
            <v>18054W</v>
          </cell>
          <cell r="B1405" t="str">
            <v>ﾀﾅｶｶｽﾞｼﾞｼｮｳﾃﾝ</v>
          </cell>
          <cell r="C1405" t="str">
            <v>（株）田中一二商店</v>
          </cell>
          <cell r="D1405" t="str">
            <v>田中 満</v>
          </cell>
          <cell r="E1405" t="str">
            <v>代表取締役</v>
          </cell>
          <cell r="F1405" t="str">
            <v>060-0032</v>
          </cell>
          <cell r="G1405" t="str">
            <v>中央区北２東８－８６－１３</v>
          </cell>
          <cell r="H1405" t="str">
            <v>241-7176</v>
          </cell>
          <cell r="I1405" t="str">
            <v>241-7179</v>
          </cell>
        </row>
        <row r="1406">
          <cell r="A1406" t="str">
            <v>18055S</v>
          </cell>
          <cell r="B1406" t="str">
            <v>ﾀｲｺｳｼｬｲﾝｻﾂ</v>
          </cell>
          <cell r="C1406" t="str">
            <v>（株）大弘社印刷札幌支店</v>
          </cell>
          <cell r="D1406" t="str">
            <v>鈴木 勲</v>
          </cell>
          <cell r="E1406" t="str">
            <v>支店長</v>
          </cell>
          <cell r="F1406" t="str">
            <v>064-0821</v>
          </cell>
          <cell r="G1406" t="str">
            <v>中央区北１西２８－５９</v>
          </cell>
          <cell r="H1406" t="str">
            <v>614-4121</v>
          </cell>
          <cell r="I1406" t="str">
            <v>614-0999</v>
          </cell>
        </row>
        <row r="1407">
          <cell r="A1407" t="str">
            <v>18056P</v>
          </cell>
          <cell r="B1407" t="str">
            <v>ﾀﾞｲﾅﾃｯｸ</v>
          </cell>
          <cell r="C1407" t="str">
            <v>（株）ダイナテック</v>
          </cell>
          <cell r="D1407" t="str">
            <v>山岸 鉄樹</v>
          </cell>
          <cell r="E1407" t="str">
            <v>代表取締役</v>
          </cell>
          <cell r="F1407" t="str">
            <v>060-0004</v>
          </cell>
          <cell r="G1407" t="str">
            <v>中央区北４西６－１</v>
          </cell>
          <cell r="H1407" t="str">
            <v>210-8199</v>
          </cell>
          <cell r="I1407" t="str">
            <v>222-7493</v>
          </cell>
        </row>
        <row r="1408">
          <cell r="A1408" t="str">
            <v>18059V</v>
          </cell>
          <cell r="B1408" t="str">
            <v>ﾀｹﾔﾌﾞﾗｼｺｳｷﾞｮｳ</v>
          </cell>
          <cell r="C1408" t="str">
            <v>タケヤ刷子工業（株）</v>
          </cell>
          <cell r="D1408" t="str">
            <v>後藤 徳由</v>
          </cell>
          <cell r="E1408" t="str">
            <v>代表取締役</v>
          </cell>
          <cell r="F1408" t="str">
            <v>060-0031</v>
          </cell>
          <cell r="G1408" t="str">
            <v>中央区北１東２－４</v>
          </cell>
          <cell r="H1408" t="str">
            <v>221-3116</v>
          </cell>
          <cell r="I1408" t="str">
            <v>241-0036</v>
          </cell>
        </row>
        <row r="1409">
          <cell r="A1409" t="str">
            <v>18061P</v>
          </cell>
          <cell r="B1409" t="str">
            <v>ﾀｹﾔﾏ</v>
          </cell>
          <cell r="C1409" t="str">
            <v>（株）竹山</v>
          </cell>
          <cell r="D1409" t="str">
            <v>竹山 哲夫</v>
          </cell>
          <cell r="E1409" t="str">
            <v>代表取締役</v>
          </cell>
          <cell r="F1409" t="str">
            <v>060-0906</v>
          </cell>
          <cell r="G1409" t="str">
            <v>東区北６東２－２－１５</v>
          </cell>
          <cell r="H1409" t="str">
            <v>711-0121</v>
          </cell>
          <cell r="I1409" t="str">
            <v>711-0295</v>
          </cell>
        </row>
        <row r="1410">
          <cell r="A1410" t="str">
            <v>18063X</v>
          </cell>
          <cell r="B1410" t="str">
            <v>ﾀﾞｲｺｸｼﾞｺｳ</v>
          </cell>
          <cell r="C1410" t="str">
            <v>大黒自工（株）</v>
          </cell>
          <cell r="D1410" t="str">
            <v>紫藤 正行</v>
          </cell>
          <cell r="E1410" t="str">
            <v>代表取締役</v>
          </cell>
          <cell r="F1410" t="str">
            <v>065-0033</v>
          </cell>
          <cell r="G1410" t="str">
            <v>東区北３３東１－３－１０</v>
          </cell>
          <cell r="H1410" t="str">
            <v>721-3321</v>
          </cell>
          <cell r="I1410" t="str">
            <v>721-8833</v>
          </cell>
        </row>
        <row r="1411">
          <cell r="A1411" t="str">
            <v>18066N</v>
          </cell>
          <cell r="B1411" t="str">
            <v>ﾀﾞｲｲﾁｼﾞﾂｷﾞｮｳ</v>
          </cell>
          <cell r="C1411" t="str">
            <v>第一実業（株）札幌支店</v>
          </cell>
          <cell r="D1411" t="str">
            <v>森谷 優</v>
          </cell>
          <cell r="E1411" t="str">
            <v>支店長</v>
          </cell>
          <cell r="F1411" t="str">
            <v>060-0061</v>
          </cell>
          <cell r="G1411" t="str">
            <v>中央区南１西３ 札石ビル</v>
          </cell>
          <cell r="H1411" t="str">
            <v>241-2435</v>
          </cell>
          <cell r="I1411" t="str">
            <v>251-5279</v>
          </cell>
        </row>
        <row r="1412">
          <cell r="A1412" t="str">
            <v>18068W</v>
          </cell>
          <cell r="B1412" t="str">
            <v>ﾀｲｷｲﾝｻﾂ</v>
          </cell>
          <cell r="C1412" t="str">
            <v>大輝印刷（株）</v>
          </cell>
          <cell r="D1412" t="str">
            <v>西山 恒夫</v>
          </cell>
          <cell r="E1412" t="str">
            <v>代表取締役</v>
          </cell>
          <cell r="F1412" t="str">
            <v>060-0806</v>
          </cell>
          <cell r="G1412" t="str">
            <v>北区北６西７</v>
          </cell>
          <cell r="H1412" t="str">
            <v>726-2235</v>
          </cell>
          <cell r="I1412" t="str">
            <v>716-9124</v>
          </cell>
        </row>
        <row r="1413">
          <cell r="A1413" t="str">
            <v>18069T</v>
          </cell>
          <cell r="B1413" t="str">
            <v>ﾀﾞｲｲﾁﾋﾞﾆｰﾙｺｳｷﾞｮｳ</v>
          </cell>
          <cell r="C1413" t="str">
            <v>第一ビニール工業（株）</v>
          </cell>
          <cell r="D1413" t="str">
            <v>篠原 郁恵</v>
          </cell>
          <cell r="E1413" t="str">
            <v>代表取締役</v>
          </cell>
          <cell r="F1413" t="str">
            <v>001-0015</v>
          </cell>
          <cell r="G1413" t="str">
            <v>北区北１５西４－２１</v>
          </cell>
          <cell r="H1413" t="str">
            <v>746-2266</v>
          </cell>
          <cell r="I1413" t="str">
            <v>717-7233</v>
          </cell>
        </row>
        <row r="1414">
          <cell r="A1414" t="str">
            <v>18071N</v>
          </cell>
          <cell r="B1414" t="str">
            <v>ﾀｲｼｮｳｵｰﾃﾞｨｯﾄ</v>
          </cell>
          <cell r="C1414" t="str">
            <v>（株）大正オーディット札幌支店</v>
          </cell>
          <cell r="D1414" t="str">
            <v>中川 將行</v>
          </cell>
          <cell r="E1414" t="str">
            <v>支店長</v>
          </cell>
          <cell r="F1414" t="str">
            <v>060-0001</v>
          </cell>
          <cell r="G1414" t="str">
            <v>中央区北１西５－２－９ 北一条三井ビル７Ｆ</v>
          </cell>
          <cell r="H1414" t="str">
            <v>219-0669</v>
          </cell>
          <cell r="I1414" t="str">
            <v>219-5253</v>
          </cell>
        </row>
        <row r="1415">
          <cell r="A1415" t="str">
            <v>18077X</v>
          </cell>
          <cell r="B1415" t="str">
            <v>ﾀﾞｲｲﾁﾕﾆﾌｫｰﾑ</v>
          </cell>
          <cell r="C1415" t="str">
            <v>（株）第一ユニフォーム</v>
          </cell>
          <cell r="D1415" t="str">
            <v>大井 邦浩</v>
          </cell>
          <cell r="E1415" t="str">
            <v>代表取締役</v>
          </cell>
          <cell r="F1415" t="str">
            <v>060-0906</v>
          </cell>
          <cell r="G1415" t="str">
            <v>東区北６東５－１－４－１８</v>
          </cell>
          <cell r="H1415" t="str">
            <v>748-6600</v>
          </cell>
          <cell r="I1415" t="str">
            <v>748-6601</v>
          </cell>
        </row>
        <row r="1416">
          <cell r="A1416" t="str">
            <v>18078V</v>
          </cell>
          <cell r="B1416" t="str">
            <v>ﾀｲﾍｲｼﾞﾄﾞｳｼｬ</v>
          </cell>
          <cell r="C1416" t="str">
            <v>太平自動車（株）</v>
          </cell>
          <cell r="D1416" t="str">
            <v>水野 一行</v>
          </cell>
          <cell r="E1416" t="str">
            <v>代表取締役</v>
          </cell>
          <cell r="F1416" t="str">
            <v>006-0004</v>
          </cell>
          <cell r="G1416" t="str">
            <v>手稲区西宮の沢４－３－３０９－２</v>
          </cell>
          <cell r="H1416" t="str">
            <v>683-6755</v>
          </cell>
          <cell r="I1416" t="str">
            <v>683-2996</v>
          </cell>
        </row>
        <row r="1417">
          <cell r="A1417" t="str">
            <v>18080P</v>
          </cell>
          <cell r="B1417" t="str">
            <v>ﾀｶﾔﾅｷﾞｼﾞﾄﾞｳｼｬｻｰﾋﾞｽｽﾃｰｼｮﾝ</v>
          </cell>
          <cell r="C1417" t="str">
            <v>（株）高柳自動車サービスステーション</v>
          </cell>
          <cell r="D1417" t="str">
            <v>高柳 司</v>
          </cell>
          <cell r="E1417" t="str">
            <v>代表取締役</v>
          </cell>
          <cell r="F1417" t="str">
            <v>064-0808</v>
          </cell>
          <cell r="G1417" t="str">
            <v>中央区南８西１－１３</v>
          </cell>
          <cell r="H1417" t="str">
            <v>511-0456</v>
          </cell>
          <cell r="I1417" t="str">
            <v>511-9483</v>
          </cell>
        </row>
        <row r="1418">
          <cell r="A1418" t="str">
            <v>18082X</v>
          </cell>
          <cell r="B1418" t="str">
            <v>ﾀｸﾞﾁｼｮｳｶｲ</v>
          </cell>
          <cell r="C1418" t="str">
            <v>（株）田口商会</v>
          </cell>
          <cell r="D1418" t="str">
            <v>花岡 弘子</v>
          </cell>
          <cell r="E1418" t="str">
            <v>代表取締役</v>
          </cell>
          <cell r="F1418" t="str">
            <v>060-0061</v>
          </cell>
          <cell r="G1418" t="str">
            <v>中央区南１西１２－３２２</v>
          </cell>
          <cell r="H1418" t="str">
            <v>251-2613</v>
          </cell>
          <cell r="I1418" t="str">
            <v>221-9218</v>
          </cell>
        </row>
        <row r="1419">
          <cell r="A1419" t="str">
            <v>18084S</v>
          </cell>
          <cell r="B1419" t="str">
            <v>ﾀﾞｲｲﾁﾎｳｷ</v>
          </cell>
          <cell r="C1419" t="str">
            <v>第一法規（株）</v>
          </cell>
          <cell r="D1419" t="str">
            <v>田中 英雄</v>
          </cell>
          <cell r="E1419" t="str">
            <v>代表取締役社長</v>
          </cell>
          <cell r="F1419" t="str">
            <v>107-8560</v>
          </cell>
          <cell r="G1419" t="str">
            <v>東京都港区南青山２－１１－１７</v>
          </cell>
          <cell r="H1419" t="str">
            <v>03-3404-2251</v>
          </cell>
          <cell r="I1419" t="str">
            <v>03-3404-2269</v>
          </cell>
        </row>
        <row r="1420">
          <cell r="A1420" t="str">
            <v>18091Y</v>
          </cell>
          <cell r="B1420" t="str">
            <v>ﾀｶﾗﾃﾞﾝｹﾝ</v>
          </cell>
          <cell r="C1420" t="str">
            <v>（株）タカラ電建</v>
          </cell>
          <cell r="D1420" t="str">
            <v>森永 忠輔</v>
          </cell>
          <cell r="E1420" t="str">
            <v>代表取締役</v>
          </cell>
          <cell r="F1420" t="str">
            <v>060-0807</v>
          </cell>
          <cell r="G1420" t="str">
            <v>北区北７西５－８－５</v>
          </cell>
          <cell r="H1420" t="str">
            <v>726-7801</v>
          </cell>
          <cell r="I1420" t="str">
            <v>726-7565</v>
          </cell>
        </row>
        <row r="1421">
          <cell r="A1421" t="str">
            <v>18094R</v>
          </cell>
          <cell r="B1421" t="str">
            <v>ﾀｶﾅﾐﾘｭｳｶｴﾝ</v>
          </cell>
          <cell r="C1421" t="str">
            <v>（有）高波隆花園</v>
          </cell>
          <cell r="D1421" t="str">
            <v>高波 肇</v>
          </cell>
          <cell r="E1421" t="str">
            <v>代表取締役</v>
          </cell>
          <cell r="F1421" t="str">
            <v>062-0903</v>
          </cell>
          <cell r="G1421" t="str">
            <v>豊平区豊平３－１３－２－２４</v>
          </cell>
          <cell r="H1421" t="str">
            <v>811-0344</v>
          </cell>
          <cell r="I1421" t="str">
            <v>811-3450</v>
          </cell>
        </row>
        <row r="1422">
          <cell r="A1422" t="str">
            <v>18095Z</v>
          </cell>
          <cell r="B1422" t="str">
            <v>ﾀｶﾗﾔｼｮｳｼﾞ</v>
          </cell>
          <cell r="C1422" t="str">
            <v>（有）宝屋商事</v>
          </cell>
          <cell r="D1422" t="str">
            <v>池端 三次</v>
          </cell>
          <cell r="E1422" t="str">
            <v>代表取締役</v>
          </cell>
          <cell r="F1422" t="str">
            <v>005-0015</v>
          </cell>
          <cell r="G1422" t="str">
            <v>南区真駒内泉町２－２－２</v>
          </cell>
          <cell r="H1422" t="str">
            <v>581-3226</v>
          </cell>
          <cell r="I1422" t="str">
            <v>582-7782</v>
          </cell>
        </row>
        <row r="1423">
          <cell r="A1423" t="str">
            <v>18101V</v>
          </cell>
          <cell r="B1423" t="str">
            <v>ﾀｲﾖｳｷｻﾞｲ</v>
          </cell>
          <cell r="C1423" t="str">
            <v>大洋機材（株）</v>
          </cell>
          <cell r="D1423" t="str">
            <v>中澤 正邦</v>
          </cell>
          <cell r="E1423" t="str">
            <v>代表取締役</v>
          </cell>
          <cell r="F1423" t="str">
            <v>065-0010</v>
          </cell>
          <cell r="G1423" t="str">
            <v>東区北１０東１２－３－１２</v>
          </cell>
          <cell r="H1423" t="str">
            <v>731-6691</v>
          </cell>
          <cell r="I1423" t="str">
            <v>751-8487</v>
          </cell>
        </row>
        <row r="1424">
          <cell r="A1424" t="str">
            <v>18107R</v>
          </cell>
          <cell r="B1424" t="str">
            <v>ｴｽｱｲﾋﾞｼﾞﾈｽ</v>
          </cell>
          <cell r="C1424" t="str">
            <v>エスアイビジネス（株）</v>
          </cell>
          <cell r="D1424" t="str">
            <v>池野 進</v>
          </cell>
          <cell r="E1424" t="str">
            <v>代表取締役</v>
          </cell>
          <cell r="F1424" t="str">
            <v>063-0002</v>
          </cell>
          <cell r="G1424" t="str">
            <v>西区山の手２－１－１－１８</v>
          </cell>
          <cell r="H1424" t="str">
            <v>622-6191</v>
          </cell>
          <cell r="I1424" t="str">
            <v>622-6198</v>
          </cell>
        </row>
        <row r="1425">
          <cell r="A1425" t="str">
            <v>18110W</v>
          </cell>
          <cell r="B1425" t="str">
            <v>ﾀﾞｲﾜｽﾎﾟｰﾂ</v>
          </cell>
          <cell r="C1425" t="str">
            <v>ダイワスポーツ（株）</v>
          </cell>
          <cell r="D1425" t="str">
            <v>江端 信英</v>
          </cell>
          <cell r="E1425" t="str">
            <v>代表取締役</v>
          </cell>
          <cell r="F1425" t="str">
            <v>065-0017</v>
          </cell>
          <cell r="G1425" t="str">
            <v>東区北１７東４－３－１６</v>
          </cell>
          <cell r="H1425" t="str">
            <v>751-7111</v>
          </cell>
          <cell r="I1425" t="str">
            <v>751-1500</v>
          </cell>
        </row>
        <row r="1426">
          <cell r="A1426" t="str">
            <v>18112R</v>
          </cell>
          <cell r="B1426" t="str">
            <v>ﾀｲﾍｲﾃﾞﾝｷ</v>
          </cell>
          <cell r="C1426" t="str">
            <v>泰平電機（株）札幌営業所</v>
          </cell>
          <cell r="D1426" t="str">
            <v>伊藤 博</v>
          </cell>
          <cell r="E1426" t="str">
            <v>所長</v>
          </cell>
          <cell r="F1426" t="str">
            <v>003-0021</v>
          </cell>
          <cell r="G1426" t="str">
            <v>白石区栄通１５－９－３０</v>
          </cell>
          <cell r="H1426" t="str">
            <v>857-7611</v>
          </cell>
          <cell r="I1426" t="str">
            <v>857-7612</v>
          </cell>
        </row>
        <row r="1427">
          <cell r="A1427" t="str">
            <v>18114Y</v>
          </cell>
          <cell r="B1427" t="str">
            <v>ｱｲﾋﾞｯｸ</v>
          </cell>
          <cell r="C1427" t="str">
            <v>（株）アイビックダスキン白石西支店</v>
          </cell>
          <cell r="D1427" t="str">
            <v>谷口 健一</v>
          </cell>
          <cell r="E1427" t="str">
            <v>支店長</v>
          </cell>
          <cell r="F1427" t="str">
            <v>003-0871</v>
          </cell>
          <cell r="G1427" t="str">
            <v>白石区米里１－３－４－１</v>
          </cell>
          <cell r="H1427" t="str">
            <v>872-5550</v>
          </cell>
          <cell r="I1427" t="str">
            <v>872-6633</v>
          </cell>
        </row>
        <row r="1428">
          <cell r="A1428" t="str">
            <v>18117P</v>
          </cell>
          <cell r="B1428" t="str">
            <v>ﾀｷｻﾞﾜｴﾝ</v>
          </cell>
          <cell r="C1428" t="str">
            <v>（株）滝沢園</v>
          </cell>
          <cell r="D1428" t="str">
            <v>西田 武</v>
          </cell>
          <cell r="E1428" t="str">
            <v>代表取締役</v>
          </cell>
          <cell r="F1428" t="str">
            <v>060-0807</v>
          </cell>
          <cell r="G1428" t="str">
            <v>北区北７西８－８</v>
          </cell>
          <cell r="H1428" t="str">
            <v>738-3837</v>
          </cell>
          <cell r="I1428" t="str">
            <v>738-3834</v>
          </cell>
        </row>
        <row r="1429">
          <cell r="A1429" t="str">
            <v>18120V</v>
          </cell>
          <cell r="B1429" t="str">
            <v>ﾀｹﾀﾞｻﾝｷﾞｮｳ</v>
          </cell>
          <cell r="C1429" t="str">
            <v>武田産業（株）</v>
          </cell>
          <cell r="D1429" t="str">
            <v>笹原 孝道</v>
          </cell>
          <cell r="E1429" t="str">
            <v>代表取締役</v>
          </cell>
          <cell r="F1429" t="str">
            <v>003-0024</v>
          </cell>
          <cell r="G1429" t="str">
            <v>白石区本通１４北１－３７</v>
          </cell>
          <cell r="H1429" t="str">
            <v>861-4338</v>
          </cell>
          <cell r="I1429" t="str">
            <v>861-4343</v>
          </cell>
        </row>
        <row r="1430">
          <cell r="A1430" t="str">
            <v>18130T</v>
          </cell>
          <cell r="B1430" t="str">
            <v>ﾀﾏｷｼｮｳﾃﾝｷﾞｮｸｽｲｴﾝ</v>
          </cell>
          <cell r="C1430" t="str">
            <v>（株）玉木商店玉翠園</v>
          </cell>
          <cell r="D1430" t="str">
            <v>玉木 義政</v>
          </cell>
          <cell r="E1430" t="str">
            <v>代表取締役</v>
          </cell>
          <cell r="F1430" t="str">
            <v>060-0051</v>
          </cell>
          <cell r="G1430" t="str">
            <v>中央区南１東１－１</v>
          </cell>
          <cell r="H1430" t="str">
            <v>231-1500</v>
          </cell>
          <cell r="I1430" t="str">
            <v>231-1502</v>
          </cell>
        </row>
        <row r="1431">
          <cell r="A1431" t="str">
            <v>18136P</v>
          </cell>
          <cell r="B1431" t="str">
            <v>ﾀｲﾘｸｻﾝｷﾞｮｳｾﾂﾋﾞ</v>
          </cell>
          <cell r="C1431" t="str">
            <v>大陸産業設備（株）</v>
          </cell>
          <cell r="D1431" t="str">
            <v>山崎 勲</v>
          </cell>
          <cell r="E1431" t="str">
            <v>代表取締役</v>
          </cell>
          <cell r="F1431" t="str">
            <v>007-0844</v>
          </cell>
          <cell r="G1431" t="str">
            <v>東区北４４東１ー２－２８</v>
          </cell>
          <cell r="H1431" t="str">
            <v>702-1409</v>
          </cell>
          <cell r="I1431" t="str">
            <v>704-1919</v>
          </cell>
        </row>
        <row r="1432">
          <cell r="A1432" t="str">
            <v>18144V</v>
          </cell>
          <cell r="B1432" t="str">
            <v>ﾆﾜｼｮｳﾃﾝ</v>
          </cell>
          <cell r="C1432" t="str">
            <v>（有）丹羽商店</v>
          </cell>
          <cell r="D1432" t="str">
            <v>丹羽 和則</v>
          </cell>
          <cell r="E1432" t="str">
            <v>取締役</v>
          </cell>
          <cell r="F1432" t="str">
            <v>064-0914</v>
          </cell>
          <cell r="G1432" t="str">
            <v>中央区南１４西１３－１－５</v>
          </cell>
          <cell r="H1432" t="str">
            <v>561-8254</v>
          </cell>
          <cell r="I1432" t="str">
            <v>561-5902</v>
          </cell>
        </row>
        <row r="1433">
          <cell r="A1433" t="str">
            <v>18147Y</v>
          </cell>
          <cell r="B1433" t="str">
            <v>ﾀﾞｲﾘｺｳｺｸ</v>
          </cell>
          <cell r="C1433" t="str">
            <v>大利広告（株）</v>
          </cell>
          <cell r="D1433" t="str">
            <v>浅井 一</v>
          </cell>
          <cell r="E1433" t="str">
            <v>代表取締役</v>
          </cell>
          <cell r="F1433" t="str">
            <v>060-0061</v>
          </cell>
          <cell r="G1433" t="str">
            <v>中央区南１西７－１８－４</v>
          </cell>
          <cell r="H1433" t="str">
            <v>233-2222</v>
          </cell>
          <cell r="I1433" t="str">
            <v>233-2223</v>
          </cell>
        </row>
        <row r="1434">
          <cell r="A1434" t="str">
            <v>18148W</v>
          </cell>
          <cell r="B1434" t="str">
            <v>ﾀﾞｲﾜｾｲﾋﾞｷｺｳ</v>
          </cell>
          <cell r="C1434" t="str">
            <v>ダイワ整備機工（株）</v>
          </cell>
          <cell r="D1434" t="str">
            <v>高橋 啓</v>
          </cell>
          <cell r="E1434" t="str">
            <v>代表取締役</v>
          </cell>
          <cell r="F1434" t="str">
            <v>007-0802</v>
          </cell>
          <cell r="G1434" t="str">
            <v>東区東苗穂２－３－３－５５</v>
          </cell>
          <cell r="H1434" t="str">
            <v>783-7887</v>
          </cell>
          <cell r="I1434" t="str">
            <v>783-7871</v>
          </cell>
        </row>
        <row r="1435">
          <cell r="A1435" t="str">
            <v>18149T</v>
          </cell>
          <cell r="B1435" t="str">
            <v>ﾀﾞｽｷﾝｴﾙﾑ</v>
          </cell>
          <cell r="C1435" t="str">
            <v>（株）ダスキンエルム</v>
          </cell>
          <cell r="D1435" t="str">
            <v>藤沢 捷</v>
          </cell>
          <cell r="E1435" t="str">
            <v>代表取締役</v>
          </cell>
          <cell r="F1435" t="str">
            <v>007-0848</v>
          </cell>
          <cell r="G1435" t="str">
            <v>東区北４８東１０－２－１０</v>
          </cell>
          <cell r="H1435" t="str">
            <v>722-7262</v>
          </cell>
          <cell r="I1435" t="str">
            <v>711-3771</v>
          </cell>
        </row>
        <row r="1436">
          <cell r="A1436" t="str">
            <v>18156Z</v>
          </cell>
          <cell r="B1436" t="str">
            <v>ﾀｲﾎｰｺｳｷﾞｮｳ</v>
          </cell>
          <cell r="C1436" t="str">
            <v>タイホー工業（株）札幌営業所</v>
          </cell>
          <cell r="D1436" t="str">
            <v>籾山 晴雄</v>
          </cell>
          <cell r="E1436" t="str">
            <v>所長</v>
          </cell>
          <cell r="F1436" t="str">
            <v>060-0061</v>
          </cell>
          <cell r="G1436" t="str">
            <v>中央区南１西６－１５－１ 札幌あおば生命ビル</v>
          </cell>
          <cell r="H1436" t="str">
            <v>251-0573</v>
          </cell>
          <cell r="I1436" t="str">
            <v>271-6876</v>
          </cell>
        </row>
        <row r="1437">
          <cell r="A1437" t="str">
            <v>18158V</v>
          </cell>
          <cell r="B1437" t="str">
            <v>ﾀｶﾐﾁｲﾝｻﾂ</v>
          </cell>
          <cell r="C1437" t="str">
            <v>（有）高道印刷</v>
          </cell>
          <cell r="D1437" t="str">
            <v>高道 英夫</v>
          </cell>
          <cell r="E1437" t="str">
            <v>代表取締役</v>
          </cell>
          <cell r="F1437" t="str">
            <v>064-0808</v>
          </cell>
          <cell r="G1437" t="str">
            <v>中央区南８西７－１０３６</v>
          </cell>
          <cell r="H1437" t="str">
            <v>521-2967</v>
          </cell>
          <cell r="I1437" t="str">
            <v>511-5823</v>
          </cell>
        </row>
        <row r="1438">
          <cell r="A1438" t="str">
            <v>18159S</v>
          </cell>
          <cell r="B1438" t="str">
            <v>ﾀｹｳﾁｶﾞﾗｽﾃﾝ</v>
          </cell>
          <cell r="C1438" t="str">
            <v>（有）竹内硝子店</v>
          </cell>
          <cell r="D1438" t="str">
            <v>竹内 修司</v>
          </cell>
          <cell r="E1438" t="str">
            <v>代表取締役</v>
          </cell>
          <cell r="F1438" t="str">
            <v>062-0903</v>
          </cell>
          <cell r="G1438" t="str">
            <v>豊平区豊平３－１－１－３６</v>
          </cell>
          <cell r="H1438" t="str">
            <v>811-0716</v>
          </cell>
          <cell r="I1438" t="str">
            <v>811-0716</v>
          </cell>
        </row>
        <row r="1439">
          <cell r="A1439" t="str">
            <v>18160P</v>
          </cell>
          <cell r="B1439" t="str">
            <v>ﾀﾞｲﾄﾞｳｼﾞﾄﾞｳｼｬｺｳｷﾞｮｳ</v>
          </cell>
          <cell r="C1439" t="str">
            <v>大同自動車工業（株）</v>
          </cell>
          <cell r="D1439" t="str">
            <v>岩田 基義</v>
          </cell>
          <cell r="E1439" t="str">
            <v>代表取締役</v>
          </cell>
          <cell r="F1439" t="str">
            <v>065-0041</v>
          </cell>
          <cell r="G1439" t="str">
            <v>東区本町１－１０－１－５</v>
          </cell>
          <cell r="H1439" t="str">
            <v>783-7575</v>
          </cell>
          <cell r="I1439" t="str">
            <v>783-7634</v>
          </cell>
        </row>
        <row r="1440">
          <cell r="A1440" t="str">
            <v>18161Z</v>
          </cell>
          <cell r="B1440" t="str">
            <v>ﾀｲｾｲｺｳｺｸｼｬ</v>
          </cell>
          <cell r="C1440" t="str">
            <v>（株）大成広告社</v>
          </cell>
          <cell r="D1440" t="str">
            <v>粟田 収作</v>
          </cell>
          <cell r="E1440" t="str">
            <v>代表取締役社長</v>
          </cell>
          <cell r="F1440" t="str">
            <v>060-0051</v>
          </cell>
          <cell r="G1440" t="str">
            <v>中央区南１東３ 大成ビル</v>
          </cell>
          <cell r="H1440" t="str">
            <v>231-8025</v>
          </cell>
          <cell r="I1440" t="str">
            <v>231-8029</v>
          </cell>
        </row>
        <row r="1441">
          <cell r="A1441" t="str">
            <v>18167W</v>
          </cell>
          <cell r="B1441" t="str">
            <v>ﾀｲﾖｳｼｮｳｼﾞ</v>
          </cell>
          <cell r="C1441" t="str">
            <v>太陽商事（株）</v>
          </cell>
          <cell r="D1441" t="str">
            <v>杉澤 達史</v>
          </cell>
          <cell r="E1441" t="str">
            <v>代表取締役</v>
          </cell>
          <cell r="F1441" t="str">
            <v>064-0804</v>
          </cell>
          <cell r="G1441" t="str">
            <v>中央区南４西９－１００８</v>
          </cell>
          <cell r="H1441" t="str">
            <v>511-1293</v>
          </cell>
          <cell r="I1441" t="str">
            <v>511-1140</v>
          </cell>
        </row>
        <row r="1442">
          <cell r="A1442" t="str">
            <v>18179P</v>
          </cell>
          <cell r="B1442" t="str">
            <v>ﾀﾞｲﾄｳｾｷﾕﾊﾝﾊﾞｲ</v>
          </cell>
          <cell r="C1442" t="str">
            <v>大東石油販売（株）札幌支店</v>
          </cell>
          <cell r="D1442" t="str">
            <v>河野 友博</v>
          </cell>
          <cell r="E1442" t="str">
            <v>支店長</v>
          </cell>
          <cell r="F1442" t="str">
            <v>007-0873</v>
          </cell>
          <cell r="G1442" t="str">
            <v>東区伏古１３－５－１１－５</v>
          </cell>
          <cell r="H1442" t="str">
            <v>780-2788</v>
          </cell>
          <cell r="I1442" t="str">
            <v>787-2788</v>
          </cell>
        </row>
        <row r="1443">
          <cell r="A1443" t="str">
            <v>18180Z</v>
          </cell>
          <cell r="B1443" t="str">
            <v>ﾀﾞｽｷﾝﾋﾊﾞﾘ</v>
          </cell>
          <cell r="C1443" t="str">
            <v>（株）ダスキンひばり</v>
          </cell>
          <cell r="D1443" t="str">
            <v>獅子原 幸子</v>
          </cell>
          <cell r="E1443" t="str">
            <v>代表取締役</v>
          </cell>
          <cell r="F1443" t="str">
            <v>062-0053</v>
          </cell>
          <cell r="G1443" t="str">
            <v>豊平区月寒東３－４－４－４</v>
          </cell>
          <cell r="H1443" t="str">
            <v>851-2267</v>
          </cell>
          <cell r="I1443" t="str">
            <v>851-2227</v>
          </cell>
        </row>
        <row r="1444">
          <cell r="A1444" t="str">
            <v>18183S</v>
          </cell>
          <cell r="B1444" t="str">
            <v>ﾀﾓﾘｹﾝｼｮｳ</v>
          </cell>
          <cell r="C1444" t="str">
            <v>（有）タモリ建商</v>
          </cell>
          <cell r="D1444" t="str">
            <v>田森 征詔</v>
          </cell>
          <cell r="E1444" t="str">
            <v>代表取締役</v>
          </cell>
          <cell r="F1444" t="str">
            <v>062-0033</v>
          </cell>
          <cell r="G1444" t="str">
            <v>豊平区西岡３－１０－１－２０</v>
          </cell>
          <cell r="H1444" t="str">
            <v>855-0866</v>
          </cell>
          <cell r="I1444" t="str">
            <v>854-7104</v>
          </cell>
        </row>
        <row r="1445">
          <cell r="A1445" t="str">
            <v>18187T</v>
          </cell>
          <cell r="B1445" t="str">
            <v>ﾀﾞｲﾆﾁｻﾝｷﾞｮｳ</v>
          </cell>
          <cell r="C1445" t="str">
            <v>大日産業（株）</v>
          </cell>
          <cell r="D1445" t="str">
            <v>嘉見 敏秀</v>
          </cell>
          <cell r="E1445" t="str">
            <v>代表取締役</v>
          </cell>
          <cell r="F1445" t="str">
            <v>001-0032</v>
          </cell>
          <cell r="G1445" t="str">
            <v>北区北３２西２－３－１</v>
          </cell>
          <cell r="H1445" t="str">
            <v>717-7173</v>
          </cell>
          <cell r="I1445" t="str">
            <v>717-7228</v>
          </cell>
        </row>
        <row r="1446">
          <cell r="A1446" t="str">
            <v>18194N</v>
          </cell>
          <cell r="B1446" t="str">
            <v>ﾀｲﾜｾｷﾕ</v>
          </cell>
          <cell r="C1446" t="str">
            <v>泰和石油（株）</v>
          </cell>
          <cell r="D1446" t="str">
            <v>田井 中</v>
          </cell>
          <cell r="E1446" t="str">
            <v>代表取締役</v>
          </cell>
          <cell r="F1446" t="str">
            <v>003-0003</v>
          </cell>
          <cell r="G1446" t="str">
            <v>白石区東札幌３－２－１－５７－１０１</v>
          </cell>
          <cell r="H1446" t="str">
            <v>831-3151</v>
          </cell>
          <cell r="I1446" t="str">
            <v>823-5701</v>
          </cell>
        </row>
        <row r="1447">
          <cell r="A1447" t="str">
            <v>18196V</v>
          </cell>
          <cell r="B1447" t="str">
            <v>ﾀﾆｺｰ</v>
          </cell>
          <cell r="C1447" t="str">
            <v>タニコー（株）札幌営業所</v>
          </cell>
          <cell r="D1447" t="str">
            <v>永根 裕二</v>
          </cell>
          <cell r="E1447" t="str">
            <v>札幌営業所長</v>
          </cell>
          <cell r="F1447" t="str">
            <v>003-0028</v>
          </cell>
          <cell r="G1447" t="str">
            <v>白石区平和通１７南３－１１</v>
          </cell>
          <cell r="H1447" t="str">
            <v>862-3000</v>
          </cell>
          <cell r="I1447" t="str">
            <v>862-5050</v>
          </cell>
        </row>
        <row r="1448">
          <cell r="A1448" t="str">
            <v>18197S</v>
          </cell>
          <cell r="B1448" t="str">
            <v>ﾀｸﾜ</v>
          </cell>
          <cell r="C1448" t="str">
            <v>（株）拓和札幌支店</v>
          </cell>
          <cell r="D1448" t="str">
            <v>大野 善典</v>
          </cell>
          <cell r="E1448" t="str">
            <v>支店長</v>
          </cell>
          <cell r="F1448" t="str">
            <v>060-0008</v>
          </cell>
          <cell r="G1448" t="str">
            <v>中央区北８西１８－３５－１００ エアリービル</v>
          </cell>
          <cell r="H1448" t="str">
            <v>641-8962</v>
          </cell>
          <cell r="I1448" t="str">
            <v>641-8963</v>
          </cell>
        </row>
        <row r="1449">
          <cell r="A1449" t="str">
            <v>18200V</v>
          </cell>
          <cell r="B1449" t="str">
            <v>ﾀｲｷﾄﾞｳ</v>
          </cell>
          <cell r="C1449" t="str">
            <v>大貴堂</v>
          </cell>
          <cell r="D1449" t="str">
            <v>井田 和夫</v>
          </cell>
          <cell r="E1449" t="str">
            <v>代表</v>
          </cell>
          <cell r="F1449" t="str">
            <v>005-0801</v>
          </cell>
          <cell r="G1449" t="str">
            <v>南区川沿１－５－３－１５</v>
          </cell>
          <cell r="H1449" t="str">
            <v>572-0585</v>
          </cell>
          <cell r="I1449" t="str">
            <v>572-0585</v>
          </cell>
        </row>
        <row r="1450">
          <cell r="A1450" t="str">
            <v>18201S</v>
          </cell>
          <cell r="B1450" t="str">
            <v>ﾀｲﾍｲﾖｳｹﾝｾﾂｺｳｷﾞｮｳ</v>
          </cell>
          <cell r="C1450" t="str">
            <v>太平洋建設工業（株）札幌支店</v>
          </cell>
          <cell r="D1450" t="str">
            <v>高木 明</v>
          </cell>
          <cell r="E1450" t="str">
            <v>取締役支店長</v>
          </cell>
          <cell r="F1450" t="str">
            <v>067-0052</v>
          </cell>
          <cell r="G1450" t="str">
            <v>区江別市角山４２５－１</v>
          </cell>
          <cell r="H1450" t="str">
            <v>382-1077</v>
          </cell>
          <cell r="I1450" t="str">
            <v>382-1066</v>
          </cell>
        </row>
        <row r="1451">
          <cell r="A1451" t="str">
            <v>18207N</v>
          </cell>
          <cell r="B1451" t="str">
            <v>ﾀﾞｲｼﾝﾄｳ</v>
          </cell>
          <cell r="C1451" t="str">
            <v>大新東（株）北海道支店</v>
          </cell>
          <cell r="D1451" t="str">
            <v>篠原 茂晴</v>
          </cell>
          <cell r="E1451" t="str">
            <v>支店長</v>
          </cell>
          <cell r="F1451" t="str">
            <v>060-0061</v>
          </cell>
          <cell r="G1451" t="str">
            <v>中央区南１西１－１３－１</v>
          </cell>
          <cell r="H1451" t="str">
            <v>222-3080</v>
          </cell>
          <cell r="I1451" t="str">
            <v>222-3237</v>
          </cell>
        </row>
        <row r="1452">
          <cell r="A1452" t="str">
            <v>18210T</v>
          </cell>
          <cell r="B1452" t="str">
            <v>ﾀｸﾌﾞﾝｼｬｲﾝｻﾂ</v>
          </cell>
          <cell r="C1452" t="str">
            <v>拓文社印刷（株）</v>
          </cell>
          <cell r="D1452" t="str">
            <v>紙谷 栄一</v>
          </cell>
          <cell r="E1452" t="str">
            <v>代表取締役</v>
          </cell>
          <cell r="F1452" t="str">
            <v>001-0921</v>
          </cell>
          <cell r="G1452" t="str">
            <v>北区新川１－１－１－２８</v>
          </cell>
          <cell r="H1452" t="str">
            <v>756-4331</v>
          </cell>
          <cell r="I1452" t="str">
            <v>756-4335</v>
          </cell>
        </row>
        <row r="1453">
          <cell r="A1453" t="str">
            <v>18215S</v>
          </cell>
          <cell r="B1453" t="str">
            <v>ﾀﾞｲﾔﾃﾞﾝｼｺｳｷﾞｮｳ</v>
          </cell>
          <cell r="C1453" t="str">
            <v>ダイヤ電子工業（株）</v>
          </cell>
          <cell r="D1453" t="str">
            <v>井原 貞夫</v>
          </cell>
          <cell r="E1453" t="str">
            <v>代表取締役</v>
          </cell>
          <cell r="F1453" t="str">
            <v>003-0813</v>
          </cell>
          <cell r="G1453" t="str">
            <v>白石区菊水上町３－３－３７－１５</v>
          </cell>
          <cell r="H1453" t="str">
            <v>811-8005</v>
          </cell>
          <cell r="I1453" t="str">
            <v>811-8016</v>
          </cell>
        </row>
        <row r="1454">
          <cell r="A1454" t="str">
            <v>18216P</v>
          </cell>
          <cell r="B1454" t="str">
            <v>ﾀｶﾊｼｾﾝｼｮｳ</v>
          </cell>
          <cell r="C1454" t="str">
            <v>（有）高橋繊商</v>
          </cell>
          <cell r="D1454" t="str">
            <v>髙橋 松雄</v>
          </cell>
          <cell r="E1454" t="str">
            <v>代表取締役</v>
          </cell>
          <cell r="F1454" t="str">
            <v>001-0909</v>
          </cell>
          <cell r="G1454" t="str">
            <v>北区新琴似９－３－１－６</v>
          </cell>
          <cell r="H1454" t="str">
            <v>761-2760</v>
          </cell>
          <cell r="I1454" t="str">
            <v>763-6386</v>
          </cell>
        </row>
        <row r="1455">
          <cell r="A1455" t="str">
            <v>18221P</v>
          </cell>
          <cell r="B1455" t="str">
            <v>ﾀﾂﾉ</v>
          </cell>
          <cell r="C1455" t="str">
            <v>（株）タツノ東京支店</v>
          </cell>
          <cell r="D1455" t="str">
            <v>鈴木 規夫</v>
          </cell>
          <cell r="E1455" t="str">
            <v>支店長</v>
          </cell>
          <cell r="F1455" t="str">
            <v>102-0075</v>
          </cell>
          <cell r="G1455" t="str">
            <v>区東京都千代田区三番町３－２</v>
          </cell>
          <cell r="H1455" t="str">
            <v>03-3264-2480</v>
          </cell>
          <cell r="I1455" t="str">
            <v>03-3234-7505</v>
          </cell>
        </row>
        <row r="1456">
          <cell r="A1456" t="str">
            <v>18226N</v>
          </cell>
          <cell r="B1456" t="str">
            <v>ﾀﾏｷ</v>
          </cell>
          <cell r="C1456" t="str">
            <v>（有）タマキ</v>
          </cell>
          <cell r="D1456" t="str">
            <v>玉木 美佐</v>
          </cell>
          <cell r="E1456" t="str">
            <v>代表取締役</v>
          </cell>
          <cell r="F1456" t="str">
            <v>003-0805</v>
          </cell>
          <cell r="G1456" t="str">
            <v>白石区菊水５－３－４－３２</v>
          </cell>
          <cell r="H1456" t="str">
            <v>823-8211</v>
          </cell>
          <cell r="I1456" t="str">
            <v>823-8361</v>
          </cell>
        </row>
        <row r="1457">
          <cell r="A1457" t="str">
            <v>18229T</v>
          </cell>
          <cell r="B1457" t="str">
            <v>ﾀｲｼﾄﾞｳ</v>
          </cell>
          <cell r="C1457" t="str">
            <v>（株）大志堂</v>
          </cell>
          <cell r="D1457" t="str">
            <v>丸山 信雄</v>
          </cell>
          <cell r="E1457" t="str">
            <v>代表取締役</v>
          </cell>
          <cell r="F1457" t="str">
            <v>001-0029</v>
          </cell>
          <cell r="G1457" t="str">
            <v>北区北２９西４－２－１</v>
          </cell>
          <cell r="H1457" t="str">
            <v>737-6346</v>
          </cell>
          <cell r="I1457" t="str">
            <v>737-6358</v>
          </cell>
        </row>
        <row r="1458">
          <cell r="A1458" t="str">
            <v>18233W</v>
          </cell>
          <cell r="B1458" t="str">
            <v>ﾀｶﾊｼｾｷﾕ</v>
          </cell>
          <cell r="C1458" t="str">
            <v>高橋石油（株）</v>
          </cell>
          <cell r="D1458" t="str">
            <v>高橋 保</v>
          </cell>
          <cell r="E1458" t="str">
            <v>代表取締役</v>
          </cell>
          <cell r="F1458" t="str">
            <v>007-0803</v>
          </cell>
          <cell r="G1458" t="str">
            <v>東区東苗穂３－２－４－２０</v>
          </cell>
          <cell r="H1458" t="str">
            <v>785-2500</v>
          </cell>
          <cell r="I1458" t="str">
            <v>785-3232</v>
          </cell>
        </row>
        <row r="1459">
          <cell r="A1459" t="str">
            <v>18237X</v>
          </cell>
          <cell r="B1459" t="str">
            <v>ﾀｲﾖｳﾌﾞﾚｰｷｼｮｳｺｳ</v>
          </cell>
          <cell r="C1459" t="str">
            <v>太洋ブレーキ商工（株）</v>
          </cell>
          <cell r="D1459" t="str">
            <v>山本 清和</v>
          </cell>
          <cell r="E1459" t="str">
            <v>代表取締役</v>
          </cell>
          <cell r="F1459" t="str">
            <v>063-0836</v>
          </cell>
          <cell r="G1459" t="str">
            <v>西区発寒１６－１３－５－１０</v>
          </cell>
          <cell r="H1459" t="str">
            <v>665-2411</v>
          </cell>
          <cell r="I1459" t="str">
            <v>662-1726</v>
          </cell>
        </row>
        <row r="1460">
          <cell r="A1460" t="str">
            <v>18239S</v>
          </cell>
          <cell r="B1460" t="str">
            <v>ﾀｶﾊｼｼｮｳｼﾞ</v>
          </cell>
          <cell r="C1460" t="str">
            <v>（有）高橋商事</v>
          </cell>
          <cell r="D1460" t="str">
            <v>高橋 繁樹</v>
          </cell>
          <cell r="E1460" t="str">
            <v>代表取締役</v>
          </cell>
          <cell r="F1460" t="str">
            <v>080-0010</v>
          </cell>
          <cell r="G1460" t="str">
            <v>帯広市大通南１６－２０</v>
          </cell>
          <cell r="H1460" t="str">
            <v>0155-25-0063</v>
          </cell>
          <cell r="I1460" t="str">
            <v>0155-22-7750</v>
          </cell>
        </row>
        <row r="1461">
          <cell r="A1461" t="str">
            <v>18241Z</v>
          </cell>
          <cell r="B1461" t="str">
            <v>ﾀｶﾊｼｾｲﾆｸﾃﾝ</v>
          </cell>
          <cell r="C1461" t="str">
            <v>高橋精肉店</v>
          </cell>
          <cell r="D1461" t="str">
            <v>高橋 毅義</v>
          </cell>
          <cell r="E1461" t="str">
            <v>代表</v>
          </cell>
          <cell r="F1461" t="str">
            <v>007-0839</v>
          </cell>
          <cell r="G1461" t="str">
            <v>東区北３９東７－１－１５ ７丁目ビル</v>
          </cell>
          <cell r="H1461" t="str">
            <v>722-1337</v>
          </cell>
          <cell r="I1461" t="str">
            <v>781-0422</v>
          </cell>
        </row>
        <row r="1462">
          <cell r="A1462" t="str">
            <v>18242X</v>
          </cell>
          <cell r="B1462" t="str">
            <v>ﾀﾞｽｷﾝｻｰｳﾞﾎｯｶｲﾄﾞｳ</v>
          </cell>
          <cell r="C1462" t="str">
            <v>（株）ダスキンサーヴ北海道</v>
          </cell>
          <cell r="D1462" t="str">
            <v>佐々木 俊治</v>
          </cell>
          <cell r="E1462" t="str">
            <v>代表取締役</v>
          </cell>
          <cell r="F1462" t="str">
            <v>062-0931</v>
          </cell>
          <cell r="G1462" t="str">
            <v>豊平区平岸１－９－６－２０</v>
          </cell>
          <cell r="H1462" t="str">
            <v>823-4444</v>
          </cell>
          <cell r="I1462" t="str">
            <v>823-4494</v>
          </cell>
        </row>
        <row r="1463">
          <cell r="A1463" t="str">
            <v>18244S</v>
          </cell>
          <cell r="B1463" t="str">
            <v>ﾎｯｶｲﾄﾞｳﾆｼﾞｭｳｲｯｾｲｷｿｳｺﾞｳｹﾝｷｭｳｼﾞｮ</v>
          </cell>
          <cell r="C1463" t="str">
            <v>（株）北海道ニ十一世紀総合研究所</v>
          </cell>
          <cell r="D1463" t="str">
            <v>中村 龍一</v>
          </cell>
          <cell r="E1463" t="str">
            <v>代表取締役社長</v>
          </cell>
          <cell r="F1463" t="str">
            <v>060-8640</v>
          </cell>
          <cell r="G1463" t="str">
            <v>中央区南２西５－１０－２</v>
          </cell>
          <cell r="H1463" t="str">
            <v>231-3053</v>
          </cell>
          <cell r="I1463" t="str">
            <v>222-4275</v>
          </cell>
        </row>
        <row r="1464">
          <cell r="A1464" t="str">
            <v>18246Y</v>
          </cell>
          <cell r="B1464" t="str">
            <v>ﾀｶｸﾗﾀｹｻﾞｲﾃﾝ</v>
          </cell>
          <cell r="C1464" t="str">
            <v>（株）高倉竹材店</v>
          </cell>
          <cell r="D1464" t="str">
            <v>遠藤 友二</v>
          </cell>
          <cell r="E1464" t="str">
            <v>代表取締役</v>
          </cell>
          <cell r="F1464" t="str">
            <v>064-0809</v>
          </cell>
          <cell r="G1464" t="str">
            <v>中央区南９西８－２－３３</v>
          </cell>
          <cell r="H1464" t="str">
            <v>511-3026</v>
          </cell>
          <cell r="I1464" t="str">
            <v>511-3040</v>
          </cell>
        </row>
        <row r="1465">
          <cell r="A1465" t="str">
            <v>18247W</v>
          </cell>
          <cell r="B1465" t="str">
            <v>ﾀﾞｲｾﾞﾝ</v>
          </cell>
          <cell r="C1465" t="str">
            <v>（株）ダイゼン</v>
          </cell>
          <cell r="D1465" t="str">
            <v>星加 敏夫</v>
          </cell>
          <cell r="E1465" t="str">
            <v>代表取締役</v>
          </cell>
          <cell r="F1465" t="str">
            <v>060-0005</v>
          </cell>
          <cell r="G1465" t="str">
            <v>中央区北５西６－１－２３ 第２道通ビル１Ｆ</v>
          </cell>
          <cell r="H1465" t="str">
            <v>221-4118</v>
          </cell>
          <cell r="I1465" t="str">
            <v>221-4103</v>
          </cell>
        </row>
        <row r="1466">
          <cell r="A1466" t="str">
            <v>18249R</v>
          </cell>
          <cell r="B1466" t="str">
            <v>ﾀﾞｲﾔﾂｳｼｮｳ</v>
          </cell>
          <cell r="C1466" t="str">
            <v>ダイヤ通商（株）札幌営業所</v>
          </cell>
          <cell r="D1466" t="str">
            <v>鈴木 正人</v>
          </cell>
          <cell r="E1466" t="str">
            <v>主任</v>
          </cell>
          <cell r="F1466" t="str">
            <v>065-0022</v>
          </cell>
          <cell r="G1466" t="str">
            <v>東区北２２東１６－１－１０</v>
          </cell>
          <cell r="H1466" t="str">
            <v>784-2321</v>
          </cell>
          <cell r="I1466" t="str">
            <v>784-4873</v>
          </cell>
        </row>
        <row r="1467">
          <cell r="A1467" t="str">
            <v>18251Y</v>
          </cell>
          <cell r="B1467" t="str">
            <v>ﾀﾞｲｹﾞﾝ</v>
          </cell>
          <cell r="C1467" t="str">
            <v>（株）大元</v>
          </cell>
          <cell r="D1467" t="str">
            <v>島川 清</v>
          </cell>
          <cell r="E1467" t="str">
            <v>代表取締役</v>
          </cell>
          <cell r="F1467" t="str">
            <v>003-0012</v>
          </cell>
          <cell r="G1467" t="str">
            <v>白石区中央２－３－４－１０</v>
          </cell>
          <cell r="H1467" t="str">
            <v>814-5771</v>
          </cell>
          <cell r="I1467" t="str">
            <v>814-8466</v>
          </cell>
        </row>
        <row r="1468">
          <cell r="A1468" t="str">
            <v>18252W</v>
          </cell>
          <cell r="B1468" t="str">
            <v>ﾀﾞｲｲﾁﾍﾟｯﾄｼｮｳｼﾞ</v>
          </cell>
          <cell r="C1468" t="str">
            <v>第一ペット商事（株）</v>
          </cell>
          <cell r="D1468" t="str">
            <v>武田 和彦</v>
          </cell>
          <cell r="E1468" t="str">
            <v>代表取締役社長</v>
          </cell>
          <cell r="F1468" t="str">
            <v>064-0810</v>
          </cell>
          <cell r="G1468" t="str">
            <v>中央区南１０西２０－１－３８</v>
          </cell>
          <cell r="H1468" t="str">
            <v>551-8221</v>
          </cell>
          <cell r="I1468" t="str">
            <v>551-1091</v>
          </cell>
        </row>
        <row r="1469">
          <cell r="A1469" t="str">
            <v>18254R</v>
          </cell>
          <cell r="B1469" t="str">
            <v>ﾀﾞｲﾔｼｮﾎﾞｳ</v>
          </cell>
          <cell r="C1469" t="str">
            <v>（株）ダイヤ書房</v>
          </cell>
          <cell r="D1469" t="str">
            <v>山田 敏夫</v>
          </cell>
          <cell r="E1469" t="str">
            <v>代表取締役</v>
          </cell>
          <cell r="F1469" t="str">
            <v>065-0025</v>
          </cell>
          <cell r="G1469" t="str">
            <v>東区北２５東８－２－１</v>
          </cell>
          <cell r="H1469" t="str">
            <v>712-2191</v>
          </cell>
          <cell r="I1469" t="str">
            <v>752-1184</v>
          </cell>
        </row>
        <row r="1470">
          <cell r="A1470" t="str">
            <v>18255Z</v>
          </cell>
          <cell r="B1470" t="str">
            <v>ﾀﾁｶﾜｿｳﾋﾞ</v>
          </cell>
          <cell r="C1470" t="str">
            <v>立川装備（株）札幌営業所</v>
          </cell>
          <cell r="D1470" t="str">
            <v>小幡 文則</v>
          </cell>
          <cell r="E1470" t="str">
            <v>所長</v>
          </cell>
          <cell r="F1470" t="str">
            <v>060-0063</v>
          </cell>
          <cell r="G1470" t="str">
            <v>中央区南３西１２－３２５－３</v>
          </cell>
          <cell r="H1470" t="str">
            <v>271-1733</v>
          </cell>
          <cell r="I1470" t="str">
            <v>271-2627</v>
          </cell>
        </row>
        <row r="1471">
          <cell r="A1471" t="str">
            <v>18256X</v>
          </cell>
          <cell r="B1471" t="str">
            <v>ﾀﾞｽｷﾝﾏｻﾙ</v>
          </cell>
          <cell r="C1471" t="str">
            <v>（有）ダスキンマサル</v>
          </cell>
          <cell r="D1471" t="str">
            <v>浮穴 優</v>
          </cell>
          <cell r="E1471" t="str">
            <v>代表取締役</v>
          </cell>
          <cell r="F1471" t="str">
            <v>065-0018</v>
          </cell>
          <cell r="G1471" t="str">
            <v>東区北１８東１－４－３</v>
          </cell>
          <cell r="H1471" t="str">
            <v>721-7155</v>
          </cell>
          <cell r="I1471" t="str">
            <v>751-7243</v>
          </cell>
        </row>
        <row r="1472">
          <cell r="A1472" t="str">
            <v>18257V</v>
          </cell>
          <cell r="B1472" t="str">
            <v>ﾀｲﾖｳﾂｳｺｳ</v>
          </cell>
          <cell r="C1472" t="str">
            <v>太陽通工（株）</v>
          </cell>
          <cell r="D1472" t="str">
            <v>前田 侠ニ</v>
          </cell>
          <cell r="E1472" t="str">
            <v>代表取締役</v>
          </cell>
          <cell r="F1472" t="str">
            <v>064-0828</v>
          </cell>
          <cell r="G1472" t="str">
            <v>中央区大通西２１－３－８</v>
          </cell>
          <cell r="H1472" t="str">
            <v>641-0178</v>
          </cell>
          <cell r="I1472" t="str">
            <v>643-0887</v>
          </cell>
        </row>
        <row r="1473">
          <cell r="A1473" t="str">
            <v>18260Z</v>
          </cell>
          <cell r="B1473" t="str">
            <v>ﾀﾞｲﾜﾌﾟﾘﾝﾃｨﾝｸﾞ</v>
          </cell>
          <cell r="C1473" t="str">
            <v>（有）ダイワプリンティング</v>
          </cell>
          <cell r="D1473" t="str">
            <v>鈴木 修</v>
          </cell>
          <cell r="E1473" t="str">
            <v>代表取締役</v>
          </cell>
          <cell r="F1473" t="str">
            <v>062-0912</v>
          </cell>
          <cell r="G1473" t="str">
            <v>豊平区水車町３－１－１</v>
          </cell>
          <cell r="H1473" t="str">
            <v>815-5775</v>
          </cell>
          <cell r="I1473" t="str">
            <v>815-4001</v>
          </cell>
        </row>
        <row r="1474">
          <cell r="A1474" t="str">
            <v>18261X</v>
          </cell>
          <cell r="B1474" t="str">
            <v>ﾀｲｾｲｼｭｯﾊﾟﾝｼｬ</v>
          </cell>
          <cell r="C1474" t="str">
            <v>（株）大成出版社</v>
          </cell>
          <cell r="D1474" t="str">
            <v>松林 久行</v>
          </cell>
          <cell r="E1474" t="str">
            <v>取締役社長</v>
          </cell>
          <cell r="F1474" t="str">
            <v>156-0042</v>
          </cell>
          <cell r="G1474" t="str">
            <v>東京都世田谷区羽根木１－７－１１</v>
          </cell>
          <cell r="H1474" t="str">
            <v>03-3321-4131</v>
          </cell>
          <cell r="I1474" t="str">
            <v>03-3325-1888</v>
          </cell>
        </row>
        <row r="1475">
          <cell r="A1475" t="str">
            <v>18262V</v>
          </cell>
          <cell r="B1475" t="str">
            <v>ﾀｲｾｰ</v>
          </cell>
          <cell r="C1475" t="str">
            <v>タイセー（株）</v>
          </cell>
          <cell r="D1475" t="str">
            <v>藤崎 昌甫</v>
          </cell>
          <cell r="E1475" t="str">
            <v>代表取締役</v>
          </cell>
          <cell r="F1475" t="str">
            <v>060-0003</v>
          </cell>
          <cell r="G1475" t="str">
            <v>中央区北３西４－１－１ 日本生命ビル８Ｆ</v>
          </cell>
          <cell r="H1475" t="str">
            <v>241-3530</v>
          </cell>
          <cell r="I1475" t="str">
            <v>241-3866</v>
          </cell>
        </row>
        <row r="1476">
          <cell r="A1476" t="str">
            <v>18265Y</v>
          </cell>
          <cell r="B1476" t="str">
            <v>ﾀｹﾀﾞﾌﾟﾘﾝﾄ</v>
          </cell>
          <cell r="C1476" t="str">
            <v>（株）武田プリント</v>
          </cell>
          <cell r="D1476" t="str">
            <v>武田 憲一</v>
          </cell>
          <cell r="E1476" t="str">
            <v>代表取締役</v>
          </cell>
          <cell r="F1476" t="str">
            <v>063-0036</v>
          </cell>
          <cell r="G1476" t="str">
            <v>西区西野６－７－７－６</v>
          </cell>
          <cell r="H1476" t="str">
            <v>666-1118</v>
          </cell>
          <cell r="I1476" t="str">
            <v>666-1180</v>
          </cell>
        </row>
        <row r="1477">
          <cell r="A1477" t="str">
            <v>18267T</v>
          </cell>
          <cell r="B1477" t="str">
            <v>ｼﾞｪｲｺﾑｻｯﾎﾟﾛ</v>
          </cell>
          <cell r="C1477" t="str">
            <v>（株）ジェイコム札幌</v>
          </cell>
          <cell r="D1477" t="str">
            <v>福田 勝三</v>
          </cell>
          <cell r="E1477" t="str">
            <v>代表取締役社長</v>
          </cell>
          <cell r="F1477" t="str">
            <v>062-8624</v>
          </cell>
          <cell r="G1477" t="str">
            <v>豊平区月寒東２－１８－７－２０</v>
          </cell>
          <cell r="H1477" t="str">
            <v>857-2800</v>
          </cell>
          <cell r="I1477" t="str">
            <v>857-2832</v>
          </cell>
        </row>
        <row r="1478">
          <cell r="A1478" t="str">
            <v>18268R</v>
          </cell>
          <cell r="B1478" t="str">
            <v>ﾀﾏｷｳﾝﾕ</v>
          </cell>
          <cell r="C1478" t="str">
            <v>（有）たまき運輸</v>
          </cell>
          <cell r="D1478" t="str">
            <v>玉置 愼</v>
          </cell>
          <cell r="E1478" t="str">
            <v>代表取締役</v>
          </cell>
          <cell r="F1478" t="str">
            <v>007-0880</v>
          </cell>
          <cell r="G1478" t="str">
            <v>東区丘珠町５８３－１１９</v>
          </cell>
          <cell r="H1478" t="str">
            <v>786-6450</v>
          </cell>
          <cell r="I1478" t="str">
            <v>786-6454</v>
          </cell>
        </row>
        <row r="1479">
          <cell r="A1479" t="str">
            <v>18276V</v>
          </cell>
          <cell r="B1479" t="str">
            <v>ﾃｽｺ</v>
          </cell>
          <cell r="C1479" t="str">
            <v>テスコ（株）</v>
          </cell>
          <cell r="D1479" t="str">
            <v>髙橋 博文</v>
          </cell>
          <cell r="E1479" t="str">
            <v>代表取締役</v>
          </cell>
          <cell r="F1479" t="str">
            <v>160-0016</v>
          </cell>
          <cell r="G1479" t="str">
            <v>東京都新宿区信濃町３４</v>
          </cell>
          <cell r="H1479" t="str">
            <v>03-3355-3801</v>
          </cell>
          <cell r="I1479" t="str">
            <v>03-3353-1283</v>
          </cell>
        </row>
        <row r="1480">
          <cell r="A1480" t="str">
            <v>18278P</v>
          </cell>
          <cell r="B1480" t="str">
            <v>ﾀﾞｲﾊﾂﾃﾞｨｰｾﾞﾙ</v>
          </cell>
          <cell r="C1480" t="str">
            <v>ダイハツディーゼル（株）札幌支店</v>
          </cell>
          <cell r="D1480" t="str">
            <v>門間 満夫</v>
          </cell>
          <cell r="E1480" t="str">
            <v>支店長</v>
          </cell>
          <cell r="F1480" t="str">
            <v>060-0001</v>
          </cell>
          <cell r="G1480" t="str">
            <v>中央区北１西６－１０ 大通西６ビル</v>
          </cell>
          <cell r="H1480" t="str">
            <v>231-7246</v>
          </cell>
          <cell r="I1480" t="str">
            <v>210-0072</v>
          </cell>
        </row>
        <row r="1481">
          <cell r="A1481" t="str">
            <v>18281V</v>
          </cell>
          <cell r="B1481" t="str">
            <v>ﾀｶｷﾞﾃﾝﾄｺｳｷﾞｮｳ</v>
          </cell>
          <cell r="C1481" t="str">
            <v>高木テント工業（株）</v>
          </cell>
          <cell r="D1481" t="str">
            <v>高木 秀明</v>
          </cell>
          <cell r="E1481" t="str">
            <v>代表取締役</v>
          </cell>
          <cell r="F1481" t="str">
            <v>063-0846</v>
          </cell>
          <cell r="G1481" t="str">
            <v>西区八軒６西７－２－３</v>
          </cell>
          <cell r="H1481" t="str">
            <v>611-3502</v>
          </cell>
          <cell r="I1481" t="str">
            <v>641-2483</v>
          </cell>
        </row>
        <row r="1482">
          <cell r="A1482" t="str">
            <v>18282S</v>
          </cell>
          <cell r="B1482" t="str">
            <v>ﾐｽﾞﾎｿｳｺﾞｳｹﾝｷｭｳｼｮ</v>
          </cell>
          <cell r="C1482" t="str">
            <v>みずほ総合研究所（株）</v>
          </cell>
          <cell r="D1482" t="str">
            <v>大内 俊昭</v>
          </cell>
          <cell r="E1482" t="str">
            <v>代表取締役</v>
          </cell>
          <cell r="F1482" t="str">
            <v>100-0011</v>
          </cell>
          <cell r="G1482" t="str">
            <v>東京都千代田区内幸町１－２－１</v>
          </cell>
          <cell r="H1482" t="str">
            <v>03-3591-8762</v>
          </cell>
          <cell r="I1482" t="str">
            <v>03-3591-8777</v>
          </cell>
        </row>
        <row r="1483">
          <cell r="A1483" t="str">
            <v>18283P</v>
          </cell>
          <cell r="B1483" t="str">
            <v>ｴｱ･ｳｫｰﾀｰﾌﾞﾂﾘｭｳ</v>
          </cell>
          <cell r="C1483" t="str">
            <v>エア・ウォーター物流（株）札幌環境営業所</v>
          </cell>
          <cell r="D1483" t="str">
            <v>東 春夫</v>
          </cell>
          <cell r="E1483" t="str">
            <v>所長</v>
          </cell>
          <cell r="F1483" t="str">
            <v>067-0051</v>
          </cell>
          <cell r="G1483" t="str">
            <v>区江別市工栄町２０－１７</v>
          </cell>
          <cell r="H1483" t="str">
            <v>382-1550</v>
          </cell>
          <cell r="I1483" t="str">
            <v>382-6118</v>
          </cell>
        </row>
        <row r="1484">
          <cell r="A1484" t="str">
            <v>18286T</v>
          </cell>
          <cell r="B1484" t="str">
            <v>ﾀｶﾊｼﾖｳｾﾂｺｳｷﾞｮｳｼｮ</v>
          </cell>
          <cell r="C1484" t="str">
            <v>（株）高橋溶接工業所</v>
          </cell>
          <cell r="D1484" t="str">
            <v>高橋 通</v>
          </cell>
          <cell r="E1484" t="str">
            <v>代表取締役</v>
          </cell>
          <cell r="F1484" t="str">
            <v>007-0826</v>
          </cell>
          <cell r="G1484" t="str">
            <v>東区東雁来６－３－１－７</v>
          </cell>
          <cell r="H1484" t="str">
            <v>875-2152</v>
          </cell>
          <cell r="I1484" t="str">
            <v>875-2153</v>
          </cell>
        </row>
        <row r="1485">
          <cell r="A1485" t="str">
            <v>18287R</v>
          </cell>
          <cell r="B1485" t="str">
            <v>ﾀｯｸﾙ</v>
          </cell>
          <cell r="C1485" t="str">
            <v>（有）たックル</v>
          </cell>
          <cell r="D1485" t="str">
            <v>橘 宜孝</v>
          </cell>
          <cell r="E1485" t="str">
            <v>取締役</v>
          </cell>
          <cell r="F1485" t="str">
            <v>064-0808</v>
          </cell>
          <cell r="G1485" t="str">
            <v>中央区南８西２５－２－１２－２０６</v>
          </cell>
          <cell r="H1485" t="str">
            <v>561-6877</v>
          </cell>
          <cell r="I1485" t="str">
            <v>561-6877</v>
          </cell>
        </row>
        <row r="1486">
          <cell r="A1486" t="str">
            <v>18291T</v>
          </cell>
          <cell r="B1486" t="str">
            <v>ﾀｷﾔ</v>
          </cell>
          <cell r="C1486" t="str">
            <v>（株）多喜屋</v>
          </cell>
          <cell r="D1486" t="str">
            <v>瀧谷 誠</v>
          </cell>
          <cell r="E1486" t="str">
            <v>代表取締役</v>
          </cell>
          <cell r="F1486" t="str">
            <v>060-0041</v>
          </cell>
          <cell r="G1486" t="str">
            <v>中央区大通東１０－１１</v>
          </cell>
          <cell r="H1486" t="str">
            <v>261-8982</v>
          </cell>
          <cell r="I1486" t="str">
            <v>261-8986</v>
          </cell>
        </row>
        <row r="1487">
          <cell r="A1487" t="str">
            <v>18292R</v>
          </cell>
          <cell r="B1487" t="str">
            <v>ﾀﾅｶｺｳｷﾞｮｳ</v>
          </cell>
          <cell r="C1487" t="str">
            <v>（株）田中工業</v>
          </cell>
          <cell r="D1487" t="str">
            <v>田中 惣平</v>
          </cell>
          <cell r="E1487" t="str">
            <v>代表取締役</v>
          </cell>
          <cell r="F1487" t="str">
            <v>047-0013</v>
          </cell>
          <cell r="G1487" t="str">
            <v>小樽市奥沢３－３０－９</v>
          </cell>
          <cell r="H1487" t="str">
            <v>0134-25-7300</v>
          </cell>
          <cell r="I1487" t="str">
            <v>0134-25-7303</v>
          </cell>
        </row>
        <row r="1488">
          <cell r="A1488" t="str">
            <v>18295V</v>
          </cell>
          <cell r="B1488" t="str">
            <v>ﾀﾞｲｼｭｳﾃﾞﾝｷ</v>
          </cell>
          <cell r="C1488" t="str">
            <v>大洲電気（株）</v>
          </cell>
          <cell r="D1488" t="str">
            <v>青木 勝見</v>
          </cell>
          <cell r="E1488" t="str">
            <v>代表取締役</v>
          </cell>
          <cell r="F1488" t="str">
            <v>064-0805</v>
          </cell>
          <cell r="G1488" t="str">
            <v>中央区南５西１５－１－１１</v>
          </cell>
          <cell r="H1488" t="str">
            <v>551-3241</v>
          </cell>
          <cell r="I1488" t="str">
            <v>551-3242</v>
          </cell>
        </row>
        <row r="1489">
          <cell r="A1489" t="str">
            <v>18296S</v>
          </cell>
          <cell r="B1489" t="str">
            <v>ﾀｶﾊｼﾃﾞﾝｷ</v>
          </cell>
          <cell r="C1489" t="str">
            <v>（有）タカハシ電気</v>
          </cell>
          <cell r="D1489" t="str">
            <v>高橋 一康</v>
          </cell>
          <cell r="E1489" t="str">
            <v>代表取締役</v>
          </cell>
          <cell r="F1489" t="str">
            <v>065-0025</v>
          </cell>
          <cell r="G1489" t="str">
            <v>東区北２５東３－５－３</v>
          </cell>
          <cell r="H1489" t="str">
            <v>753-0266</v>
          </cell>
          <cell r="I1489" t="str">
            <v>753-0266</v>
          </cell>
        </row>
        <row r="1490">
          <cell r="A1490" t="str">
            <v>18297P</v>
          </cell>
          <cell r="B1490" t="str">
            <v>ﾀﾞｲﾂｳ</v>
          </cell>
          <cell r="C1490" t="str">
            <v>（株）ダイツウ</v>
          </cell>
          <cell r="D1490" t="str">
            <v>中山 英夫</v>
          </cell>
          <cell r="E1490" t="str">
            <v>代表取締役</v>
          </cell>
          <cell r="F1490" t="str">
            <v>060-0005</v>
          </cell>
          <cell r="G1490" t="str">
            <v>中央区北５西１９－２６ハイム浅野１階</v>
          </cell>
          <cell r="H1490" t="str">
            <v>611-3958</v>
          </cell>
          <cell r="I1490" t="str">
            <v>612-9393</v>
          </cell>
        </row>
        <row r="1491">
          <cell r="A1491" t="str">
            <v>18303X</v>
          </cell>
          <cell r="B1491" t="str">
            <v>ﾀﾞﾙﾃｯｸ</v>
          </cell>
          <cell r="C1491" t="str">
            <v>（株）ダルテック</v>
          </cell>
          <cell r="D1491" t="str">
            <v>矢野 勇</v>
          </cell>
          <cell r="E1491" t="str">
            <v>代表取締役</v>
          </cell>
          <cell r="F1491" t="str">
            <v>060-0808</v>
          </cell>
          <cell r="G1491" t="str">
            <v>北区北８西５－１ サイエンスビル</v>
          </cell>
          <cell r="H1491" t="str">
            <v>708-8181</v>
          </cell>
          <cell r="I1491" t="str">
            <v>708-7025</v>
          </cell>
        </row>
        <row r="1492">
          <cell r="A1492" t="str">
            <v>18304V</v>
          </cell>
          <cell r="B1492" t="str">
            <v>ﾀｹﾓﾘﾃﾞﾝｷｼﾞﾑｼｮ</v>
          </cell>
          <cell r="C1492" t="str">
            <v>竹森電気事務所</v>
          </cell>
          <cell r="D1492" t="str">
            <v>竹森 政雄</v>
          </cell>
          <cell r="E1492" t="str">
            <v>代表者</v>
          </cell>
          <cell r="F1492" t="str">
            <v>001-0902</v>
          </cell>
          <cell r="G1492" t="str">
            <v>北区新琴似２－１３－９－４５</v>
          </cell>
          <cell r="H1492" t="str">
            <v>761-9914</v>
          </cell>
          <cell r="I1492" t="str">
            <v>761-9914</v>
          </cell>
        </row>
        <row r="1493">
          <cell r="A1493" t="str">
            <v>18305R</v>
          </cell>
          <cell r="B1493" t="str">
            <v>ﾀｶﾄｳ</v>
          </cell>
          <cell r="C1493" t="str">
            <v>タカトウ（株）</v>
          </cell>
          <cell r="D1493" t="str">
            <v>嘉藤田 康博</v>
          </cell>
          <cell r="E1493" t="str">
            <v>代表取締役</v>
          </cell>
          <cell r="F1493" t="str">
            <v>061-3204</v>
          </cell>
          <cell r="G1493" t="str">
            <v>石狩市花川南４－１－１０１</v>
          </cell>
          <cell r="H1493" t="str">
            <v>0133-75-6880</v>
          </cell>
          <cell r="I1493" t="str">
            <v>0133-75-6881</v>
          </cell>
        </row>
        <row r="1494">
          <cell r="A1494" t="str">
            <v>18306N</v>
          </cell>
          <cell r="B1494" t="str">
            <v>ﾀｶｼﾏﾔｽﾍﾟｰｽｸﾘｴｲﾂ</v>
          </cell>
          <cell r="C1494" t="str">
            <v>高島屋スペースクリエイツ（株）札幌営業所</v>
          </cell>
          <cell r="D1494" t="str">
            <v>菊池 寛一</v>
          </cell>
          <cell r="E1494" t="str">
            <v>所長</v>
          </cell>
          <cell r="F1494" t="str">
            <v>060-0005</v>
          </cell>
          <cell r="G1494" t="str">
            <v>中央区北５西６－２ 札幌センタービル８Ｆ</v>
          </cell>
          <cell r="H1494" t="str">
            <v>205-5211</v>
          </cell>
          <cell r="I1494" t="str">
            <v>205-5214</v>
          </cell>
        </row>
        <row r="1495">
          <cell r="A1495" t="str">
            <v>18307Y</v>
          </cell>
          <cell r="B1495" t="str">
            <v>ﾀｷｻﾞﾜﾃﾞﾝｷｾﾂﾋﾞ</v>
          </cell>
          <cell r="C1495" t="str">
            <v>滝沢電気設備（株）</v>
          </cell>
          <cell r="D1495" t="str">
            <v>小山 輝昭</v>
          </cell>
          <cell r="E1495" t="str">
            <v>代表取締役</v>
          </cell>
          <cell r="F1495" t="str">
            <v>003-0875</v>
          </cell>
          <cell r="G1495" t="str">
            <v>白石区米里５－２－１－２０</v>
          </cell>
          <cell r="H1495" t="str">
            <v>873-2828</v>
          </cell>
          <cell r="I1495" t="str">
            <v>873-2800</v>
          </cell>
        </row>
        <row r="1496">
          <cell r="A1496" t="str">
            <v>18308W</v>
          </cell>
          <cell r="B1496" t="str">
            <v>ﾀﾞｲｾﾝ</v>
          </cell>
          <cell r="C1496" t="str">
            <v>（株）大仙札幌支店</v>
          </cell>
          <cell r="D1496" t="str">
            <v>田宝 譲</v>
          </cell>
          <cell r="E1496" t="str">
            <v>支店長</v>
          </cell>
          <cell r="F1496" t="str">
            <v>063-0804</v>
          </cell>
          <cell r="G1496" t="str">
            <v>西区二十四軒４－１－２－２０</v>
          </cell>
          <cell r="H1496" t="str">
            <v>612-6433</v>
          </cell>
          <cell r="I1496" t="str">
            <v>640-5193</v>
          </cell>
        </row>
        <row r="1497">
          <cell r="A1497" t="str">
            <v>18309T</v>
          </cell>
          <cell r="B1497" t="str">
            <v>ﾀﾞｲｼｮｳｻﾝｷﾞｮｳ</v>
          </cell>
          <cell r="C1497" t="str">
            <v>大商産業（株）</v>
          </cell>
          <cell r="D1497" t="str">
            <v>伊藤 純</v>
          </cell>
          <cell r="E1497" t="str">
            <v>代表取締役</v>
          </cell>
          <cell r="F1497" t="str">
            <v>063-0865</v>
          </cell>
          <cell r="G1497" t="str">
            <v>西区八軒５東１－４－２３</v>
          </cell>
          <cell r="H1497" t="str">
            <v>614-8885</v>
          </cell>
          <cell r="I1497" t="str">
            <v>614-7756</v>
          </cell>
        </row>
        <row r="1498">
          <cell r="A1498" t="str">
            <v>18310R</v>
          </cell>
          <cell r="B1498" t="str">
            <v>ﾀｸﾊｲ</v>
          </cell>
          <cell r="C1498" t="str">
            <v>（株）宅配</v>
          </cell>
          <cell r="D1498" t="str">
            <v>斜森 保雄</v>
          </cell>
          <cell r="E1498" t="str">
            <v>代表取締役</v>
          </cell>
          <cell r="F1498" t="str">
            <v>113-0033</v>
          </cell>
          <cell r="G1498" t="str">
            <v>東京都文京区本郷４－１１－５</v>
          </cell>
          <cell r="H1498" t="str">
            <v>03-3815-9711</v>
          </cell>
          <cell r="I1498" t="str">
            <v>03-3813-5809</v>
          </cell>
        </row>
        <row r="1499">
          <cell r="A1499" t="str">
            <v>18311N</v>
          </cell>
          <cell r="B1499" t="str">
            <v>ﾀｲﾔﾊﾟﾚｯﾄ</v>
          </cell>
          <cell r="C1499" t="str">
            <v>（有）タイヤパレット</v>
          </cell>
          <cell r="D1499" t="str">
            <v>東海林 俊夫</v>
          </cell>
          <cell r="E1499" t="str">
            <v>代表取締役</v>
          </cell>
          <cell r="F1499" t="str">
            <v>005-0824</v>
          </cell>
          <cell r="G1499" t="str">
            <v>南区南沢４－３－８－７３</v>
          </cell>
          <cell r="H1499" t="str">
            <v>571-8172</v>
          </cell>
          <cell r="I1499" t="str">
            <v>571-8172</v>
          </cell>
        </row>
        <row r="1500">
          <cell r="A1500" t="str">
            <v>18312Y</v>
          </cell>
          <cell r="B1500" t="str">
            <v>ﾀﾞｲﾜｹｲﾋﾞﾎｼｮｳ</v>
          </cell>
          <cell r="C1500" t="str">
            <v>大和警備保障（株）</v>
          </cell>
          <cell r="D1500" t="str">
            <v>北 忠雄</v>
          </cell>
          <cell r="E1500" t="str">
            <v>代表取締役</v>
          </cell>
          <cell r="F1500" t="str">
            <v>060-0005</v>
          </cell>
          <cell r="G1500" t="str">
            <v>中央区北５西１０－１－６</v>
          </cell>
          <cell r="H1500" t="str">
            <v>210-0773</v>
          </cell>
          <cell r="I1500" t="str">
            <v>210-0774</v>
          </cell>
        </row>
        <row r="1501">
          <cell r="A1501" t="str">
            <v>18313W</v>
          </cell>
          <cell r="B1501" t="str">
            <v>ﾀﾞｲﾊﾂﾃﾞｨｰｾﾞﾙﾋｶﾞｼﾆﾎﾝ</v>
          </cell>
          <cell r="C1501" t="str">
            <v>ダイハツディーゼル東日本（株）札幌支店</v>
          </cell>
          <cell r="D1501" t="str">
            <v>門間 満夫</v>
          </cell>
          <cell r="E1501" t="str">
            <v>支店長</v>
          </cell>
          <cell r="F1501" t="str">
            <v>060-0001</v>
          </cell>
          <cell r="G1501" t="str">
            <v>中央区北１西６－１０ 大通西６ビル４階</v>
          </cell>
          <cell r="H1501" t="str">
            <v>210-0070</v>
          </cell>
          <cell r="I1501" t="str">
            <v>210-0072</v>
          </cell>
        </row>
        <row r="1502">
          <cell r="A1502" t="str">
            <v>18315P</v>
          </cell>
          <cell r="B1502" t="str">
            <v>ﾀﾞｲﾘﾂｳﾝﾕ</v>
          </cell>
          <cell r="C1502" t="str">
            <v>大立運輸（株）</v>
          </cell>
          <cell r="D1502" t="str">
            <v>尾崎 康夫</v>
          </cell>
          <cell r="E1502" t="str">
            <v>代表取締役</v>
          </cell>
          <cell r="F1502" t="str">
            <v>003-0030</v>
          </cell>
          <cell r="G1502" t="str">
            <v>白石区流通センター５－２－２１</v>
          </cell>
          <cell r="H1502" t="str">
            <v>862-3330</v>
          </cell>
          <cell r="I1502" t="str">
            <v>865-2424</v>
          </cell>
        </row>
        <row r="1503">
          <cell r="A1503" t="str">
            <v>18320P</v>
          </cell>
          <cell r="B1503" t="str">
            <v>ﾀｲﾎｳｼｻﾞｲｺｳｷﾞｮｳ</v>
          </cell>
          <cell r="C1503" t="str">
            <v>大豊資材工業（株）</v>
          </cell>
          <cell r="D1503" t="str">
            <v>大関 武夫</v>
          </cell>
          <cell r="E1503" t="str">
            <v>代表取締役</v>
          </cell>
          <cell r="F1503" t="str">
            <v>007-0869</v>
          </cell>
          <cell r="G1503" t="str">
            <v>東区伏古９－１－５－２６</v>
          </cell>
          <cell r="H1503" t="str">
            <v>781-3932</v>
          </cell>
          <cell r="I1503" t="str">
            <v>784-4221</v>
          </cell>
        </row>
        <row r="1504">
          <cell r="A1504" t="str">
            <v>18321Z</v>
          </cell>
          <cell r="B1504" t="str">
            <v>ﾀｶﾗﾋﾞｿｳﾘｰｽ</v>
          </cell>
          <cell r="C1504" t="str">
            <v>タカラ美装リース（株）</v>
          </cell>
          <cell r="D1504" t="str">
            <v>吉田 英則</v>
          </cell>
          <cell r="E1504" t="str">
            <v>代表取締役</v>
          </cell>
          <cell r="F1504" t="str">
            <v>006-0851</v>
          </cell>
          <cell r="G1504" t="str">
            <v>手稲区星置１－３－４－１</v>
          </cell>
          <cell r="H1504" t="str">
            <v>683-0999</v>
          </cell>
          <cell r="I1504" t="str">
            <v>683-0998</v>
          </cell>
        </row>
        <row r="1505">
          <cell r="A1505" t="str">
            <v>18323V</v>
          </cell>
          <cell r="B1505" t="str">
            <v>ﾀﾞｲｺｳﾃﾞﾝｼﾂｳｼﾝ</v>
          </cell>
          <cell r="C1505" t="str">
            <v>大興電子通信（株）北海道支店</v>
          </cell>
          <cell r="D1505" t="str">
            <v>木葉 敏夫</v>
          </cell>
          <cell r="E1505" t="str">
            <v>支店長</v>
          </cell>
          <cell r="F1505" t="str">
            <v>060-0003</v>
          </cell>
          <cell r="G1505" t="str">
            <v>中央区北３西２－１</v>
          </cell>
          <cell r="H1505" t="str">
            <v>271-5525</v>
          </cell>
          <cell r="I1505" t="str">
            <v>261-2678</v>
          </cell>
        </row>
        <row r="1506">
          <cell r="A1506" t="str">
            <v>18324S</v>
          </cell>
          <cell r="B1506" t="str">
            <v>ﾀﾞｲｼﾝｳﾝﾕ</v>
          </cell>
          <cell r="C1506" t="str">
            <v>（株）大真運輸</v>
          </cell>
          <cell r="D1506" t="str">
            <v>堀江 真砂博</v>
          </cell>
          <cell r="E1506" t="str">
            <v>代表取締役</v>
          </cell>
          <cell r="F1506" t="str">
            <v>065-0019</v>
          </cell>
          <cell r="G1506" t="str">
            <v>東区北１９東１－４－１４</v>
          </cell>
          <cell r="H1506" t="str">
            <v>753-1161</v>
          </cell>
          <cell r="I1506" t="str">
            <v>741-9012</v>
          </cell>
        </row>
        <row r="1507">
          <cell r="A1507" t="str">
            <v>18326Y</v>
          </cell>
          <cell r="B1507" t="str">
            <v>ﾀﾂﾀｶﾝｷｮｳﾌﾞﾝｾｷｾﾝﾀｰ</v>
          </cell>
          <cell r="C1507" t="str">
            <v>（株）タツタ環境分析センター</v>
          </cell>
          <cell r="D1507" t="str">
            <v>硴塚 昭一</v>
          </cell>
          <cell r="E1507" t="str">
            <v>代表取締役</v>
          </cell>
          <cell r="F1507" t="str">
            <v>578-0941</v>
          </cell>
          <cell r="G1507" t="str">
            <v>東大阪市岩田町２－３－１</v>
          </cell>
          <cell r="H1507" t="str">
            <v>06-6725-6688</v>
          </cell>
          <cell r="I1507" t="str">
            <v>06-6721-0773</v>
          </cell>
        </row>
        <row r="1508">
          <cell r="A1508" t="str">
            <v>18327W</v>
          </cell>
          <cell r="B1508" t="str">
            <v>ﾀﾞｲﾃﾂ</v>
          </cell>
          <cell r="C1508" t="str">
            <v>（株）大鐵</v>
          </cell>
          <cell r="D1508" t="str">
            <v>伊藤 豊</v>
          </cell>
          <cell r="E1508" t="str">
            <v>代表取締役</v>
          </cell>
          <cell r="F1508" t="str">
            <v>060-0041</v>
          </cell>
          <cell r="G1508" t="str">
            <v>中央区大通東３－４</v>
          </cell>
          <cell r="H1508" t="str">
            <v>241-5086</v>
          </cell>
          <cell r="I1508" t="str">
            <v>231-1586</v>
          </cell>
        </row>
        <row r="1509">
          <cell r="A1509" t="str">
            <v>18332W</v>
          </cell>
          <cell r="B1509" t="str">
            <v>ﾀﾆｼｷｺｳ</v>
          </cell>
          <cell r="C1509" t="str">
            <v>タニシ機工</v>
          </cell>
          <cell r="D1509" t="str">
            <v>田西 暢浩</v>
          </cell>
          <cell r="E1509" t="str">
            <v>代表</v>
          </cell>
          <cell r="F1509" t="str">
            <v>061-2284</v>
          </cell>
          <cell r="G1509" t="str">
            <v>南区藤野４－１０－９９８－３</v>
          </cell>
          <cell r="H1509" t="str">
            <v>593-0755</v>
          </cell>
          <cell r="I1509" t="str">
            <v>593-0755</v>
          </cell>
        </row>
        <row r="1510">
          <cell r="A1510" t="str">
            <v>18333T</v>
          </cell>
          <cell r="B1510" t="str">
            <v>ﾀｲｾｲｷｺｳ</v>
          </cell>
          <cell r="C1510" t="str">
            <v>大成機工（株）北海道営業所</v>
          </cell>
          <cell r="D1510" t="str">
            <v>久保内 利晶</v>
          </cell>
          <cell r="E1510" t="str">
            <v>所長</v>
          </cell>
          <cell r="F1510" t="str">
            <v>060-0002</v>
          </cell>
          <cell r="G1510" t="str">
            <v>中央区北２西２－４１ セコム損保札幌ビル３Ｆ</v>
          </cell>
          <cell r="H1510" t="str">
            <v>272-5551</v>
          </cell>
          <cell r="I1510" t="str">
            <v>272-5581</v>
          </cell>
        </row>
        <row r="1511">
          <cell r="A1511" t="str">
            <v>18334R</v>
          </cell>
          <cell r="B1511" t="str">
            <v>ﾀｲﾑ･ｴｰｼﾞｪﾝﾄ</v>
          </cell>
          <cell r="C1511" t="str">
            <v>（株）タイム・エージェント</v>
          </cell>
          <cell r="D1511" t="str">
            <v>渡部 啓之</v>
          </cell>
          <cell r="E1511" t="str">
            <v>代表取締役</v>
          </cell>
          <cell r="F1511" t="str">
            <v>150-0044</v>
          </cell>
          <cell r="G1511" t="str">
            <v>東京都渋谷区円山町６－８</v>
          </cell>
          <cell r="H1511" t="str">
            <v>03-3770-6821</v>
          </cell>
          <cell r="I1511" t="str">
            <v>03-3770-6820</v>
          </cell>
        </row>
        <row r="1512">
          <cell r="A1512" t="str">
            <v>18335Z</v>
          </cell>
          <cell r="B1512" t="str">
            <v>ﾀｶﾊｼｼｶｷﾞｾﾝ</v>
          </cell>
          <cell r="C1512" t="str">
            <v>（株）髙橋歯科技専</v>
          </cell>
          <cell r="D1512" t="str">
            <v>髙橋 義夫</v>
          </cell>
          <cell r="E1512" t="str">
            <v>代表取締役</v>
          </cell>
          <cell r="F1512" t="str">
            <v>062-0001</v>
          </cell>
          <cell r="G1512" t="str">
            <v>豊平区美園１－２－３－３１</v>
          </cell>
          <cell r="H1512" t="str">
            <v>812-7120</v>
          </cell>
          <cell r="I1512" t="str">
            <v>812-4387</v>
          </cell>
        </row>
        <row r="1513">
          <cell r="A1513" t="str">
            <v>18336X</v>
          </cell>
          <cell r="B1513" t="str">
            <v>ﾀﾞｲﾜﾀﾝｻｷﾞｼﾞｭﾂ</v>
          </cell>
          <cell r="C1513" t="str">
            <v>大和探査技術（株）札幌営業所</v>
          </cell>
          <cell r="D1513" t="str">
            <v>佐藤 孝治</v>
          </cell>
          <cell r="E1513" t="str">
            <v>所長</v>
          </cell>
          <cell r="F1513" t="str">
            <v>001-0910</v>
          </cell>
          <cell r="G1513" t="str">
            <v>北区新琴似１０－４－３－１０</v>
          </cell>
          <cell r="H1513" t="str">
            <v>763-7567</v>
          </cell>
          <cell r="I1513" t="str">
            <v>763-7568</v>
          </cell>
        </row>
        <row r="1514">
          <cell r="A1514" t="str">
            <v>18502T</v>
          </cell>
          <cell r="B1514" t="str">
            <v>ﾁﾄｾﾂﾙｼｮｳｶｲ</v>
          </cell>
          <cell r="C1514" t="str">
            <v>（株）千歳鶴商会</v>
          </cell>
          <cell r="D1514" t="str">
            <v>鷹觜 稔</v>
          </cell>
          <cell r="E1514" t="str">
            <v>取締役社長</v>
          </cell>
          <cell r="F1514" t="str">
            <v>060-0053</v>
          </cell>
          <cell r="G1514" t="str">
            <v>中央区南３東５－１</v>
          </cell>
          <cell r="H1514" t="str">
            <v>241-3592</v>
          </cell>
          <cell r="I1514" t="str">
            <v>222-8105</v>
          </cell>
        </row>
        <row r="1515">
          <cell r="A1515" t="str">
            <v>18503R</v>
          </cell>
          <cell r="B1515" t="str">
            <v>ﾁｭｳｶﾞｲﾔｸﾋﾝｺｳｷﾞｮｳ</v>
          </cell>
          <cell r="C1515" t="str">
            <v>中外薬品工業（株）札幌営業所</v>
          </cell>
          <cell r="D1515" t="str">
            <v>佐藤 勝美</v>
          </cell>
          <cell r="E1515" t="str">
            <v>所長</v>
          </cell>
          <cell r="F1515" t="str">
            <v>063-0849</v>
          </cell>
          <cell r="G1515" t="str">
            <v>西区八軒９西９－１－４８</v>
          </cell>
          <cell r="H1515" t="str">
            <v>614-1020</v>
          </cell>
          <cell r="I1515" t="str">
            <v>614-1025</v>
          </cell>
        </row>
        <row r="1516">
          <cell r="A1516" t="str">
            <v>18506V</v>
          </cell>
          <cell r="B1516" t="str">
            <v>ﾁｭｳｵｳｼｽﾃﾑ</v>
          </cell>
          <cell r="C1516" t="str">
            <v>中央システム（株）札幌支社</v>
          </cell>
          <cell r="D1516" t="str">
            <v>成毛 幹雄</v>
          </cell>
          <cell r="E1516" t="str">
            <v>支社長</v>
          </cell>
          <cell r="F1516" t="str">
            <v>060-0031</v>
          </cell>
          <cell r="G1516" t="str">
            <v>中央区北１東２－５－３ 塚本ビル北１館６階</v>
          </cell>
          <cell r="H1516" t="str">
            <v>222-8018</v>
          </cell>
          <cell r="I1516" t="str">
            <v>251-7549</v>
          </cell>
        </row>
        <row r="1517">
          <cell r="A1517" t="str">
            <v>18507S</v>
          </cell>
          <cell r="B1517" t="str">
            <v>ﾁﾊﾞｵﾌｨｽ</v>
          </cell>
          <cell r="C1517" t="str">
            <v>（有）千葉オフィス</v>
          </cell>
          <cell r="D1517" t="str">
            <v>千葉 哲也</v>
          </cell>
          <cell r="E1517" t="str">
            <v>代表取締役</v>
          </cell>
          <cell r="F1517" t="str">
            <v>064-0924</v>
          </cell>
          <cell r="G1517" t="str">
            <v>中央区南２４西１５－２－５</v>
          </cell>
          <cell r="H1517" t="str">
            <v>552-8182</v>
          </cell>
          <cell r="I1517" t="str">
            <v>552-8183</v>
          </cell>
        </row>
        <row r="1518">
          <cell r="A1518" t="str">
            <v>18509Z</v>
          </cell>
          <cell r="B1518" t="str">
            <v>ﾁﾖﾀﾞｺｳﾊﾝ</v>
          </cell>
          <cell r="C1518" t="str">
            <v>千代田工販（株）札幌支店</v>
          </cell>
          <cell r="D1518" t="str">
            <v>小原 茂</v>
          </cell>
          <cell r="E1518" t="str">
            <v>支店長</v>
          </cell>
          <cell r="F1518" t="str">
            <v>060-0002</v>
          </cell>
          <cell r="G1518" t="str">
            <v>中央区北２西３ 太陽生命ビル７階</v>
          </cell>
          <cell r="H1518" t="str">
            <v>241-4371</v>
          </cell>
          <cell r="I1518" t="str">
            <v>241-4374</v>
          </cell>
        </row>
        <row r="1519">
          <cell r="A1519" t="str">
            <v>18511V</v>
          </cell>
          <cell r="B1519" t="str">
            <v>ｶﾁｿｳｺﾞｳｹﾝｷｭｳｼｮ</v>
          </cell>
          <cell r="C1519" t="str">
            <v>（株）価値総合研究所</v>
          </cell>
          <cell r="D1519" t="str">
            <v>黒川 俊夫</v>
          </cell>
          <cell r="E1519" t="str">
            <v>代表取締役</v>
          </cell>
          <cell r="F1519" t="str">
            <v>108-0073</v>
          </cell>
          <cell r="G1519" t="str">
            <v>東京都港区三田３－４－１０</v>
          </cell>
          <cell r="H1519" t="str">
            <v>03-5441-4810</v>
          </cell>
          <cell r="I1519" t="str">
            <v>03-5441-7661</v>
          </cell>
        </row>
        <row r="1520">
          <cell r="A1520" t="str">
            <v>18512S</v>
          </cell>
          <cell r="B1520" t="str">
            <v>ﾁｭｳｵｳﾄﾞｳ</v>
          </cell>
          <cell r="C1520" t="str">
            <v>（株）中央堂</v>
          </cell>
          <cell r="D1520" t="str">
            <v>藤巻 俊二</v>
          </cell>
          <cell r="E1520" t="str">
            <v>代表取締役</v>
          </cell>
          <cell r="F1520" t="str">
            <v>007-0846</v>
          </cell>
          <cell r="G1520" t="str">
            <v>東区北４６東９－３－１</v>
          </cell>
          <cell r="H1520" t="str">
            <v>751-1945</v>
          </cell>
          <cell r="I1520" t="str">
            <v>751-1945</v>
          </cell>
        </row>
        <row r="1521">
          <cell r="A1521" t="str">
            <v>18516T</v>
          </cell>
          <cell r="B1521" t="str">
            <v>ﾁｭｳｵｳﾁｮｳｻｼｬ</v>
          </cell>
          <cell r="C1521" t="str">
            <v>（社）中央調査社</v>
          </cell>
          <cell r="D1521" t="str">
            <v>榊原 潤</v>
          </cell>
          <cell r="E1521" t="str">
            <v>会長</v>
          </cell>
          <cell r="F1521" t="str">
            <v>104-0061</v>
          </cell>
          <cell r="G1521" t="str">
            <v>東京都中央区銀座６－１６－１２</v>
          </cell>
          <cell r="H1521" t="str">
            <v>03-3549-3121</v>
          </cell>
          <cell r="I1521" t="str">
            <v>03-3549-3126</v>
          </cell>
        </row>
        <row r="1522">
          <cell r="A1522" t="str">
            <v>18518N</v>
          </cell>
          <cell r="B1522" t="str">
            <v>ﾁｻﾞｷｼｮｳｼﾞ</v>
          </cell>
          <cell r="C1522" t="str">
            <v>地崎商事（株）</v>
          </cell>
          <cell r="D1522" t="str">
            <v>大長 記興</v>
          </cell>
          <cell r="E1522" t="str">
            <v>代表取締役</v>
          </cell>
          <cell r="F1522" t="str">
            <v>060-0001</v>
          </cell>
          <cell r="G1522" t="str">
            <v>中央区北１西３－３－３１</v>
          </cell>
          <cell r="H1522" t="str">
            <v>207-1256</v>
          </cell>
          <cell r="I1522" t="str">
            <v>207-3006</v>
          </cell>
        </row>
        <row r="1523">
          <cell r="A1523" t="str">
            <v>18519Y</v>
          </cell>
          <cell r="B1523" t="str">
            <v>ﾁｭｳﾜｾｷﾕ</v>
          </cell>
          <cell r="C1523" t="str">
            <v>中和石油（株）</v>
          </cell>
          <cell r="D1523" t="str">
            <v>杉澤 達史</v>
          </cell>
          <cell r="E1523" t="str">
            <v>代表取締役</v>
          </cell>
          <cell r="F1523" t="str">
            <v>064-0804</v>
          </cell>
          <cell r="G1523" t="str">
            <v>中央区南４西９－１００８</v>
          </cell>
          <cell r="H1523" t="str">
            <v>511-1101</v>
          </cell>
          <cell r="I1523" t="str">
            <v>511-1140</v>
          </cell>
        </row>
        <row r="1524">
          <cell r="A1524" t="str">
            <v>18522R</v>
          </cell>
          <cell r="B1524" t="str">
            <v>ﾁｭｳｵｳﾈｰﾑﾌﾟﾚｰﾄｾｲｻｸｼｮ</v>
          </cell>
          <cell r="C1524" t="str">
            <v>（株）中央ネームプレート製作所</v>
          </cell>
          <cell r="D1524" t="str">
            <v>氏家 界平</v>
          </cell>
          <cell r="E1524" t="str">
            <v>代表取締役</v>
          </cell>
          <cell r="F1524" t="str">
            <v>007-0839</v>
          </cell>
          <cell r="G1524" t="str">
            <v>東区北３９東１－２－１７</v>
          </cell>
          <cell r="H1524" t="str">
            <v>752-2161</v>
          </cell>
          <cell r="I1524" t="str">
            <v>742-5851</v>
          </cell>
        </row>
        <row r="1525">
          <cell r="A1525" t="str">
            <v>18523N</v>
          </cell>
          <cell r="B1525" t="str">
            <v>ﾐﾗｲﾌﾟﾘﾝﾃｨﾝｸﾞ</v>
          </cell>
          <cell r="C1525" t="str">
            <v>（株）みらいプリンティング札幌支店</v>
          </cell>
          <cell r="D1525" t="str">
            <v>矢吹 勝秀</v>
          </cell>
          <cell r="E1525" t="str">
            <v>取締役支店長</v>
          </cell>
          <cell r="F1525" t="str">
            <v>060-0007</v>
          </cell>
          <cell r="G1525" t="str">
            <v>中央区北７西１３－９－１塚本ビル７号館２Ｆ</v>
          </cell>
          <cell r="H1525" t="str">
            <v>281-6666</v>
          </cell>
          <cell r="I1525" t="str">
            <v>281-6677</v>
          </cell>
        </row>
        <row r="1526">
          <cell r="A1526" t="str">
            <v>18525V</v>
          </cell>
          <cell r="B1526" t="str">
            <v>ﾁﾖﾀﾞｻｰﾋﾞｽﾊﾝﾊﾞｲ</v>
          </cell>
          <cell r="C1526" t="str">
            <v>千代田サービス販売（株）</v>
          </cell>
          <cell r="D1526" t="str">
            <v>荒岡 幹史郎</v>
          </cell>
          <cell r="E1526" t="str">
            <v>代表取締役</v>
          </cell>
          <cell r="F1526" t="str">
            <v>065-0043</v>
          </cell>
          <cell r="G1526" t="str">
            <v>東区苗穂町１３－１－４０</v>
          </cell>
          <cell r="H1526" t="str">
            <v>723-0121</v>
          </cell>
          <cell r="I1526" t="str">
            <v>723-0126</v>
          </cell>
        </row>
        <row r="1527">
          <cell r="A1527" t="str">
            <v>18533Z</v>
          </cell>
          <cell r="B1527" t="str">
            <v>ﾁﾖﾀﾞﾃﾞﾝｿｳｺｳｷﾞｮｳ</v>
          </cell>
          <cell r="C1527" t="str">
            <v>千代田電装工業（株）札幌支店</v>
          </cell>
          <cell r="D1527" t="str">
            <v>中村 治美</v>
          </cell>
          <cell r="E1527" t="str">
            <v>支店長</v>
          </cell>
          <cell r="F1527" t="str">
            <v>003-0875</v>
          </cell>
          <cell r="G1527" t="str">
            <v>白石区米里２－４－２－１</v>
          </cell>
          <cell r="H1527" t="str">
            <v>871-1100</v>
          </cell>
          <cell r="I1527" t="str">
            <v>871-1200</v>
          </cell>
        </row>
        <row r="1528">
          <cell r="A1528" t="str">
            <v>18534X</v>
          </cell>
          <cell r="B1528" t="str">
            <v>ﾁｭｳｵｳｾﾝｺｳ</v>
          </cell>
          <cell r="C1528" t="str">
            <v>中央宣興（株）札幌支社</v>
          </cell>
          <cell r="D1528" t="str">
            <v>江本 幸穂</v>
          </cell>
          <cell r="E1528" t="str">
            <v>支社長</v>
          </cell>
          <cell r="F1528" t="str">
            <v>060-0004</v>
          </cell>
          <cell r="G1528" t="str">
            <v>中央区北４西４－１ ニュー札幌ビル８Ｆ</v>
          </cell>
          <cell r="H1528" t="str">
            <v>241-2495</v>
          </cell>
          <cell r="I1528" t="str">
            <v>271-1572</v>
          </cell>
        </row>
        <row r="1529">
          <cell r="A1529" t="str">
            <v>18536R</v>
          </cell>
          <cell r="B1529" t="str">
            <v>ｲﾑﾉｻｲｴﾝｽ</v>
          </cell>
          <cell r="C1529" t="str">
            <v>イムノサイエンス（株）</v>
          </cell>
          <cell r="D1529" t="str">
            <v>森崎 百合子</v>
          </cell>
          <cell r="E1529" t="str">
            <v>代表取締役</v>
          </cell>
          <cell r="F1529" t="str">
            <v>060-0005</v>
          </cell>
          <cell r="G1529" t="str">
            <v>中央区北５西２１－１－３</v>
          </cell>
          <cell r="H1529" t="str">
            <v>621-4185</v>
          </cell>
          <cell r="I1529" t="str">
            <v>621-4218</v>
          </cell>
        </row>
        <row r="1530">
          <cell r="A1530" t="str">
            <v>18543Y</v>
          </cell>
          <cell r="B1530" t="str">
            <v>ﾁﾖﾃｯｸ</v>
          </cell>
          <cell r="C1530" t="str">
            <v>（株）チヨテック</v>
          </cell>
          <cell r="D1530" t="str">
            <v>澤田 昭</v>
          </cell>
          <cell r="E1530" t="str">
            <v>代表取締役</v>
          </cell>
          <cell r="F1530" t="str">
            <v>003-0002</v>
          </cell>
          <cell r="G1530" t="str">
            <v>白石区東札幌２－５－６－２０</v>
          </cell>
          <cell r="H1530" t="str">
            <v>824-2581</v>
          </cell>
          <cell r="I1530" t="str">
            <v>824-2583</v>
          </cell>
        </row>
        <row r="1531">
          <cell r="A1531" t="str">
            <v>18546P</v>
          </cell>
          <cell r="B1531" t="str">
            <v>ﾁﾖﾀﾞﾃｸﾉﾙ</v>
          </cell>
          <cell r="C1531" t="str">
            <v>（株）千代田テクノル札幌営業所</v>
          </cell>
          <cell r="D1531" t="str">
            <v>平島 敏行</v>
          </cell>
          <cell r="E1531" t="str">
            <v>札幌営業所長</v>
          </cell>
          <cell r="F1531" t="str">
            <v>060-0908</v>
          </cell>
          <cell r="G1531" t="str">
            <v>東区北８東３－２－１０ 宮村ビル７Ｆ</v>
          </cell>
          <cell r="H1531" t="str">
            <v>733-1501</v>
          </cell>
          <cell r="I1531" t="str">
            <v>733-1502</v>
          </cell>
        </row>
        <row r="1532">
          <cell r="A1532" t="str">
            <v>18551P</v>
          </cell>
          <cell r="B1532" t="str">
            <v>ﾁﾊﾞﾈﾝｶｲﾊﾂ</v>
          </cell>
          <cell r="C1532" t="str">
            <v>チバネン開発（株）</v>
          </cell>
          <cell r="D1532" t="str">
            <v>千葉 万藏</v>
          </cell>
          <cell r="E1532" t="str">
            <v>代表取締役</v>
          </cell>
          <cell r="F1532" t="str">
            <v>063-0802</v>
          </cell>
          <cell r="G1532" t="str">
            <v>西区二十四軒２－７－２－２１</v>
          </cell>
          <cell r="H1532" t="str">
            <v>643-6762</v>
          </cell>
          <cell r="I1532" t="str">
            <v>641-4996</v>
          </cell>
        </row>
        <row r="1533">
          <cell r="A1533" t="str">
            <v>18553X</v>
          </cell>
          <cell r="B1533" t="str">
            <v>ﾁﾀﾞﾝｼｮｳｼﾞ</v>
          </cell>
          <cell r="C1533" t="str">
            <v>ちだん商事（株）</v>
          </cell>
          <cell r="D1533" t="str">
            <v>土田 龍二</v>
          </cell>
          <cell r="E1533" t="str">
            <v>代表取締役</v>
          </cell>
          <cell r="F1533" t="str">
            <v>004-0003</v>
          </cell>
          <cell r="G1533" t="str">
            <v>厚別区厚別東３－１－１－１</v>
          </cell>
          <cell r="H1533" t="str">
            <v>809-3322</v>
          </cell>
          <cell r="I1533" t="str">
            <v>809-3320</v>
          </cell>
        </row>
        <row r="1534">
          <cell r="A1534" t="str">
            <v>18558W</v>
          </cell>
          <cell r="B1534" t="str">
            <v>ﾁｭｳｵｳﾎﾞｳｻｲｼｽﾃﾑ</v>
          </cell>
          <cell r="C1534" t="str">
            <v>中央防災システム（株）</v>
          </cell>
          <cell r="D1534" t="str">
            <v>泰地 秀信</v>
          </cell>
          <cell r="E1534" t="str">
            <v>代表取締役</v>
          </cell>
          <cell r="F1534" t="str">
            <v>085-0814</v>
          </cell>
          <cell r="G1534" t="str">
            <v>釧路市緑ヶ岡１－２０－３</v>
          </cell>
          <cell r="H1534" t="str">
            <v>0154-42-1611</v>
          </cell>
          <cell r="I1534" t="str">
            <v>0154-42-7490</v>
          </cell>
        </row>
        <row r="1535">
          <cell r="A1535" t="str">
            <v>18559T</v>
          </cell>
          <cell r="B1535" t="str">
            <v>ﾁｮｸﾊﾝ</v>
          </cell>
          <cell r="C1535" t="str">
            <v>（株）直販</v>
          </cell>
          <cell r="D1535" t="str">
            <v>吉田 博一</v>
          </cell>
          <cell r="E1535" t="str">
            <v>代表取締役</v>
          </cell>
          <cell r="F1535" t="str">
            <v>060-0061</v>
          </cell>
          <cell r="G1535" t="str">
            <v>中央区南１西１－１３</v>
          </cell>
          <cell r="H1535" t="str">
            <v>231-6377</v>
          </cell>
          <cell r="I1535" t="str">
            <v>231-6048</v>
          </cell>
        </row>
        <row r="1536">
          <cell r="A1536" t="str">
            <v>18565P</v>
          </cell>
          <cell r="B1536" t="str">
            <v>ﾁｭｳｵｳｷｭｳｼｮｸｾﾝﾀｰ</v>
          </cell>
          <cell r="C1536" t="str">
            <v>（株）中央給食センター</v>
          </cell>
          <cell r="D1536" t="str">
            <v>坂尻 幸一</v>
          </cell>
          <cell r="E1536" t="str">
            <v>代表取締役</v>
          </cell>
          <cell r="F1536" t="str">
            <v>062-0903</v>
          </cell>
          <cell r="G1536" t="str">
            <v>豊平区豊平３－１３－１－２９</v>
          </cell>
          <cell r="H1536" t="str">
            <v>823-8907</v>
          </cell>
          <cell r="I1536" t="str">
            <v>822-1065</v>
          </cell>
        </row>
        <row r="1537">
          <cell r="A1537" t="str">
            <v>18567X</v>
          </cell>
          <cell r="B1537" t="str">
            <v>ﾁﾖﾀﾞｸﾞﾐ</v>
          </cell>
          <cell r="C1537" t="str">
            <v>（株）千代田組札幌営業所</v>
          </cell>
          <cell r="D1537" t="str">
            <v>高比良 和則</v>
          </cell>
          <cell r="E1537" t="str">
            <v>所長</v>
          </cell>
          <cell r="F1537" t="str">
            <v>060-0003</v>
          </cell>
          <cell r="G1537" t="str">
            <v>中央区北３西４ 日本生命ビル９Ｆ</v>
          </cell>
          <cell r="H1537" t="str">
            <v>281-6228</v>
          </cell>
          <cell r="I1537" t="str">
            <v>281-6229</v>
          </cell>
        </row>
        <row r="1538">
          <cell r="A1538" t="str">
            <v>18568V</v>
          </cell>
          <cell r="B1538" t="str">
            <v>ﾁﾄｾｿｳｺﾞｶﾝｺｳﾊﾞｽ</v>
          </cell>
          <cell r="C1538" t="str">
            <v>千歳相互観光バス（株）</v>
          </cell>
          <cell r="D1538" t="str">
            <v>沼田 勝次</v>
          </cell>
          <cell r="E1538" t="str">
            <v>代表取締役社長</v>
          </cell>
          <cell r="F1538" t="str">
            <v>066-0055</v>
          </cell>
          <cell r="G1538" t="str">
            <v>千歳市里美２－１－５</v>
          </cell>
          <cell r="H1538" t="str">
            <v>0123-28-8822</v>
          </cell>
          <cell r="I1538" t="str">
            <v>0123-28-5257</v>
          </cell>
        </row>
        <row r="1539">
          <cell r="A1539" t="str">
            <v>18569S</v>
          </cell>
          <cell r="B1539" t="str">
            <v>ﾁｭｳｶﾞｲﾃｸﾉｽ</v>
          </cell>
          <cell r="C1539" t="str">
            <v>中外テクノス（株）東京支社</v>
          </cell>
          <cell r="D1539" t="str">
            <v>下野 輝美</v>
          </cell>
          <cell r="E1539" t="str">
            <v>取締役支社長</v>
          </cell>
          <cell r="F1539" t="str">
            <v>104-0033</v>
          </cell>
          <cell r="G1539" t="str">
            <v>区東京都中央区新川１－２－１２金山ビルディ</v>
          </cell>
          <cell r="H1539" t="str">
            <v>03-3297-8600</v>
          </cell>
          <cell r="I1539" t="str">
            <v>03-3297-8811</v>
          </cell>
        </row>
        <row r="1540">
          <cell r="A1540" t="str">
            <v>18570P</v>
          </cell>
          <cell r="B1540" t="str">
            <v>ﾊﾟﾅｿﾆｯｸｴｽｴｽｴﾝｼﾞﾆｱﾘﾝｸﾞ</v>
          </cell>
          <cell r="C1540" t="str">
            <v>パナソニックＳＳエンジニアリング（株）北海道ＰＳＳＥ社</v>
          </cell>
          <cell r="D1540" t="str">
            <v>澤田 一郎</v>
          </cell>
          <cell r="E1540" t="str">
            <v>社長</v>
          </cell>
          <cell r="F1540" t="str">
            <v>062-0020</v>
          </cell>
          <cell r="G1540" t="str">
            <v>豊平区月寒中央通１１－７－４０</v>
          </cell>
          <cell r="H1540" t="str">
            <v>853-7860</v>
          </cell>
          <cell r="I1540" t="str">
            <v>853-6913</v>
          </cell>
        </row>
        <row r="1541">
          <cell r="A1541" t="str">
            <v>18571Z</v>
          </cell>
          <cell r="B1541" t="str">
            <v>ﾁｲｷｼﾞｮｳﾎｳｹﾝｷｭｳｼｮ</v>
          </cell>
          <cell r="C1541" t="str">
            <v>（有）地域情報研究所</v>
          </cell>
          <cell r="D1541" t="str">
            <v>秋林 人士</v>
          </cell>
          <cell r="E1541" t="str">
            <v>代表取締役</v>
          </cell>
          <cell r="F1541" t="str">
            <v>003-0832</v>
          </cell>
          <cell r="G1541" t="str">
            <v>白石区北郷２－４－６－４</v>
          </cell>
          <cell r="H1541" t="str">
            <v>879-6967</v>
          </cell>
          <cell r="I1541" t="str">
            <v>879-6968</v>
          </cell>
        </row>
        <row r="1542">
          <cell r="A1542" t="str">
            <v>18572X</v>
          </cell>
          <cell r="B1542" t="str">
            <v>ﾁｲｷｶｲﾊﾂｹﾝｷｭｳｼｮ</v>
          </cell>
          <cell r="C1542" t="str">
            <v>（株）地域開発研究所</v>
          </cell>
          <cell r="D1542" t="str">
            <v>今村 彰秀</v>
          </cell>
          <cell r="E1542" t="str">
            <v>代表取締役</v>
          </cell>
          <cell r="F1542" t="str">
            <v>060-0807</v>
          </cell>
          <cell r="G1542" t="str">
            <v>北区北７西６－１－１－１２０２</v>
          </cell>
          <cell r="H1542" t="str">
            <v>221-5996</v>
          </cell>
          <cell r="I1542" t="str">
            <v>221-5999</v>
          </cell>
        </row>
        <row r="1543">
          <cell r="A1543" t="str">
            <v>18574S</v>
          </cell>
          <cell r="B1543" t="str">
            <v>ﾁｭｳｵｳﾃﾞｻﾞｲﾝ</v>
          </cell>
          <cell r="C1543" t="str">
            <v>（株）中央デザイン</v>
          </cell>
          <cell r="D1543" t="str">
            <v>橋本 孝次</v>
          </cell>
          <cell r="E1543" t="str">
            <v>代表取締役</v>
          </cell>
          <cell r="F1543" t="str">
            <v>001-0010</v>
          </cell>
          <cell r="G1543" t="str">
            <v>北区北１０西４－１－４</v>
          </cell>
          <cell r="H1543" t="str">
            <v>716-4813</v>
          </cell>
          <cell r="I1543" t="str">
            <v>716-4818</v>
          </cell>
        </row>
        <row r="1544">
          <cell r="A1544" t="str">
            <v>18575N</v>
          </cell>
          <cell r="B1544" t="str">
            <v>ﾁｭｳｵｳｺﾝﾋﾟｭｰﾀｰｻｰﾋﾞｽ</v>
          </cell>
          <cell r="C1544" t="str">
            <v>中央コンピューターサービス（株）札幌支社</v>
          </cell>
          <cell r="D1544" t="str">
            <v>山川 隆</v>
          </cell>
          <cell r="E1544" t="str">
            <v>支社長</v>
          </cell>
          <cell r="F1544" t="str">
            <v>060-0807</v>
          </cell>
          <cell r="G1544" t="str">
            <v>北区北７西１－１－２ ＳＥ山京ビル９</v>
          </cell>
          <cell r="H1544" t="str">
            <v>700-5588</v>
          </cell>
          <cell r="I1544" t="str">
            <v>700-3254</v>
          </cell>
        </row>
        <row r="1545">
          <cell r="A1545" t="str">
            <v>18577W</v>
          </cell>
          <cell r="B1545" t="str">
            <v>ﾁｲｷｶﾝｷｮｳｹｲｶｸ</v>
          </cell>
          <cell r="C1545" t="str">
            <v>（株）地域環境計画北海道支社</v>
          </cell>
          <cell r="D1545" t="str">
            <v>浜田 拓</v>
          </cell>
          <cell r="E1545" t="str">
            <v>取締役北海道支社長</v>
          </cell>
          <cell r="F1545" t="str">
            <v>001-0017</v>
          </cell>
          <cell r="G1545" t="str">
            <v>北区北１７西５－２０－３０３ サンオーＩビル</v>
          </cell>
          <cell r="H1545" t="str">
            <v>717-8001</v>
          </cell>
          <cell r="I1545" t="str">
            <v>717-8021</v>
          </cell>
        </row>
        <row r="1546">
          <cell r="A1546" t="str">
            <v>18578T</v>
          </cell>
          <cell r="B1546" t="str">
            <v>ﾁﾆｶ</v>
          </cell>
          <cell r="C1546" t="str">
            <v>（株）チニカ</v>
          </cell>
          <cell r="D1546" t="str">
            <v>田河 泉</v>
          </cell>
          <cell r="E1546" t="str">
            <v>代表取締役</v>
          </cell>
          <cell r="F1546" t="str">
            <v>063-0803</v>
          </cell>
          <cell r="G1546" t="str">
            <v>西区二十四軒３－５－２－１トレジャービル１Ｆ</v>
          </cell>
          <cell r="H1546" t="str">
            <v>616-0331</v>
          </cell>
          <cell r="I1546" t="str">
            <v>616-0332</v>
          </cell>
        </row>
        <row r="1547">
          <cell r="A1547" t="str">
            <v>18580N</v>
          </cell>
          <cell r="B1547" t="str">
            <v>ﾁｴﾌﾞｸﾛ</v>
          </cell>
          <cell r="C1547" t="str">
            <v>（有）ちえぶくろ</v>
          </cell>
          <cell r="D1547" t="str">
            <v>舩越 裕勝</v>
          </cell>
          <cell r="E1547" t="str">
            <v>代表取締役</v>
          </cell>
          <cell r="F1547" t="str">
            <v>006-0003</v>
          </cell>
          <cell r="G1547" t="str">
            <v>手稲区西宮の沢３－２－２０３－１０</v>
          </cell>
          <cell r="H1547" t="str">
            <v>663-4000</v>
          </cell>
          <cell r="I1547" t="str">
            <v>663-4040</v>
          </cell>
        </row>
        <row r="1548">
          <cell r="A1548" t="str">
            <v>18581Y</v>
          </cell>
          <cell r="B1548" t="str">
            <v>ﾁｭｳｵｳｱｵﾔﾏｶﾝｻﾎｳｼﾞﾝ</v>
          </cell>
          <cell r="C1548" t="str">
            <v>中央青山監査法人</v>
          </cell>
          <cell r="D1548" t="str">
            <v>上野 紘志</v>
          </cell>
          <cell r="E1548" t="str">
            <v>理事長</v>
          </cell>
          <cell r="F1548" t="str">
            <v>100-6088</v>
          </cell>
          <cell r="G1548" t="str">
            <v>東京都千代田区霞が関３－２－５</v>
          </cell>
          <cell r="H1548" t="str">
            <v>03-5532-3909</v>
          </cell>
          <cell r="I1548" t="str">
            <v>03-5532-3901</v>
          </cell>
        </row>
        <row r="1549">
          <cell r="A1549" t="str">
            <v>18582W</v>
          </cell>
          <cell r="B1549" t="str">
            <v>ﾁｪｰﾝﾏﾈｼﾞﾒﾝﾄ</v>
          </cell>
          <cell r="C1549" t="str">
            <v>（株）チェーンマネジメント</v>
          </cell>
          <cell r="D1549" t="str">
            <v>増田 順</v>
          </cell>
          <cell r="E1549" t="str">
            <v>代表取締役</v>
          </cell>
          <cell r="F1549" t="str">
            <v>104-0045</v>
          </cell>
          <cell r="G1549" t="str">
            <v>東京都中央区築地２－１５－１９</v>
          </cell>
          <cell r="H1549" t="str">
            <v>03-3524-2581</v>
          </cell>
          <cell r="I1549" t="str">
            <v>03-3524-2584</v>
          </cell>
        </row>
        <row r="1550">
          <cell r="A1550" t="str">
            <v>18583T</v>
          </cell>
          <cell r="B1550" t="str">
            <v>ﾁｾｲｼｬ</v>
          </cell>
          <cell r="C1550" t="str">
            <v>（有）地勢社</v>
          </cell>
          <cell r="D1550" t="str">
            <v>安達 俊之</v>
          </cell>
          <cell r="E1550" t="str">
            <v>代表取締役</v>
          </cell>
          <cell r="F1550" t="str">
            <v>060-0013</v>
          </cell>
          <cell r="G1550" t="str">
            <v>中央区北１３西１５－１－１</v>
          </cell>
          <cell r="H1550" t="str">
            <v>707-6543</v>
          </cell>
          <cell r="I1550" t="str">
            <v>707-6546</v>
          </cell>
        </row>
        <row r="1551">
          <cell r="A1551" t="str">
            <v>19002T</v>
          </cell>
          <cell r="B1551" t="str">
            <v>ﾂｷｻﾑｶﾒﾗ</v>
          </cell>
          <cell r="C1551" t="str">
            <v>（株）月寒カメラ</v>
          </cell>
          <cell r="D1551" t="str">
            <v>今村 正</v>
          </cell>
          <cell r="E1551" t="str">
            <v>代表取締役</v>
          </cell>
          <cell r="F1551" t="str">
            <v>062-0020</v>
          </cell>
          <cell r="G1551" t="str">
            <v>豊平区月寒中央通６－３－３２</v>
          </cell>
          <cell r="H1551" t="str">
            <v>851-4078</v>
          </cell>
          <cell r="I1551" t="str">
            <v>855-3529</v>
          </cell>
        </row>
        <row r="1552">
          <cell r="A1552" t="str">
            <v>19006V</v>
          </cell>
          <cell r="B1552" t="str">
            <v>ﾂｷｼﾏﾃｸﾉﾒﾝﾃｻｰﾋﾞｽ</v>
          </cell>
          <cell r="C1552" t="str">
            <v>月島テクノメンテサービス（株）札幌営業所</v>
          </cell>
          <cell r="D1552" t="str">
            <v>桐山 忠夫</v>
          </cell>
          <cell r="E1552" t="str">
            <v>所長</v>
          </cell>
          <cell r="F1552" t="str">
            <v>060-0807</v>
          </cell>
          <cell r="G1552" t="str">
            <v>北区北７西１－１－２ ＳＥ山京ビル</v>
          </cell>
          <cell r="H1552" t="str">
            <v>738-5303</v>
          </cell>
          <cell r="I1552" t="str">
            <v>726-0520</v>
          </cell>
        </row>
        <row r="1553">
          <cell r="A1553" t="str">
            <v>19008P</v>
          </cell>
          <cell r="B1553" t="str">
            <v>ﾂﾀｲｼｮｳｼﾞ</v>
          </cell>
          <cell r="C1553" t="str">
            <v>ツタイ商事（株）</v>
          </cell>
          <cell r="D1553" t="str">
            <v>川井 隆美</v>
          </cell>
          <cell r="E1553" t="str">
            <v>代表取締役</v>
          </cell>
          <cell r="F1553" t="str">
            <v>064-0804</v>
          </cell>
          <cell r="G1553" t="str">
            <v>中央区南４西１１－１２９２－４</v>
          </cell>
          <cell r="H1553" t="str">
            <v>518-2772</v>
          </cell>
          <cell r="I1553" t="str">
            <v>518-2706</v>
          </cell>
        </row>
        <row r="1554">
          <cell r="A1554" t="str">
            <v>19009Z</v>
          </cell>
          <cell r="B1554" t="str">
            <v>ﾂﾓﾄﾘｶｻﾝｷﾞｮｳ</v>
          </cell>
          <cell r="C1554" t="str">
            <v>津元理化産業（株）</v>
          </cell>
          <cell r="D1554" t="str">
            <v>津元 克比古</v>
          </cell>
          <cell r="E1554" t="str">
            <v>代表取締役</v>
          </cell>
          <cell r="F1554" t="str">
            <v>060-8694</v>
          </cell>
          <cell r="G1554" t="str">
            <v>東区北６東２－２－７</v>
          </cell>
          <cell r="H1554" t="str">
            <v>711-4171</v>
          </cell>
          <cell r="I1554" t="str">
            <v>711-3142</v>
          </cell>
        </row>
        <row r="1555">
          <cell r="A1555" t="str">
            <v>19010X</v>
          </cell>
          <cell r="B1555" t="str">
            <v>ﾂｼﾞｺｳﾊﾝｼｬ</v>
          </cell>
          <cell r="C1555" t="str">
            <v>（株）辻孔版社</v>
          </cell>
          <cell r="D1555" t="str">
            <v>辻 昌宏</v>
          </cell>
          <cell r="E1555" t="str">
            <v>代表取締役</v>
          </cell>
          <cell r="F1555" t="str">
            <v>064-0927</v>
          </cell>
          <cell r="G1555" t="str">
            <v>中央区南２７西１１－１－８</v>
          </cell>
          <cell r="H1555" t="str">
            <v>561-5252</v>
          </cell>
          <cell r="I1555" t="str">
            <v>561-6708</v>
          </cell>
        </row>
        <row r="1556">
          <cell r="A1556" t="str">
            <v>19011V</v>
          </cell>
          <cell r="B1556" t="str">
            <v>ﾂｷｻﾑｾｲｻｸｼｮ</v>
          </cell>
          <cell r="C1556" t="str">
            <v>（株）月寒製作所</v>
          </cell>
          <cell r="D1556" t="str">
            <v>石田 正巳</v>
          </cell>
          <cell r="E1556" t="str">
            <v>代表取締役</v>
          </cell>
          <cell r="F1556" t="str">
            <v>004-0871</v>
          </cell>
          <cell r="G1556" t="str">
            <v>清田区平岡１－５－２－１</v>
          </cell>
          <cell r="H1556" t="str">
            <v>881-1116</v>
          </cell>
          <cell r="I1556" t="str">
            <v>882-4439</v>
          </cell>
        </row>
        <row r="1557">
          <cell r="A1557" t="str">
            <v>19015W</v>
          </cell>
          <cell r="B1557" t="str">
            <v>ﾂｷｻﾑｼｮﾃﾝ</v>
          </cell>
          <cell r="C1557" t="str">
            <v>（有）月寒書店</v>
          </cell>
          <cell r="D1557" t="str">
            <v>平林 篤</v>
          </cell>
          <cell r="E1557" t="str">
            <v>代表取締役</v>
          </cell>
          <cell r="F1557" t="str">
            <v>062-0051</v>
          </cell>
          <cell r="G1557" t="str">
            <v>豊平区月寒東１－５－１－６</v>
          </cell>
          <cell r="H1557" t="str">
            <v>851-0991</v>
          </cell>
          <cell r="I1557" t="str">
            <v>857-6431</v>
          </cell>
        </row>
        <row r="1558">
          <cell r="A1558" t="str">
            <v>19016T</v>
          </cell>
          <cell r="B1558" t="str">
            <v>ﾂﾁｸﾗ</v>
          </cell>
          <cell r="C1558" t="str">
            <v>（株）土倉</v>
          </cell>
          <cell r="D1558" t="str">
            <v>土倉 裕之</v>
          </cell>
          <cell r="E1558" t="str">
            <v>代表取締役</v>
          </cell>
          <cell r="F1558" t="str">
            <v>003-0803</v>
          </cell>
          <cell r="G1558" t="str">
            <v>白石区菊水３－５－５－１８</v>
          </cell>
          <cell r="H1558" t="str">
            <v>811-5121</v>
          </cell>
          <cell r="I1558" t="str">
            <v>811-5146</v>
          </cell>
        </row>
        <row r="1559">
          <cell r="A1559" t="str">
            <v>19018N</v>
          </cell>
          <cell r="B1559" t="str">
            <v>ﾂﾙﾏｷｺｳｷﾞｮｳ</v>
          </cell>
          <cell r="C1559" t="str">
            <v>鶴巻工業（株）</v>
          </cell>
          <cell r="D1559" t="str">
            <v>鶴巻 孝明</v>
          </cell>
          <cell r="E1559" t="str">
            <v>代表取締役</v>
          </cell>
          <cell r="F1559" t="str">
            <v>007-0884</v>
          </cell>
          <cell r="G1559" t="str">
            <v>東区北丘珠４－４－１－１</v>
          </cell>
          <cell r="H1559" t="str">
            <v>780-5060</v>
          </cell>
          <cell r="I1559" t="str">
            <v>780-5554</v>
          </cell>
        </row>
        <row r="1560">
          <cell r="A1560" t="str">
            <v>19020W</v>
          </cell>
          <cell r="B1560" t="str">
            <v>ﾂﾙﾐｾｲｻｸｼｮ</v>
          </cell>
          <cell r="C1560" t="str">
            <v>（株）鶴見製作所北海道支店</v>
          </cell>
          <cell r="D1560" t="str">
            <v>越後 修</v>
          </cell>
          <cell r="E1560" t="str">
            <v>支店長</v>
          </cell>
          <cell r="F1560" t="str">
            <v>065-0020</v>
          </cell>
          <cell r="G1560" t="str">
            <v>東区北２０東１７－１－５</v>
          </cell>
          <cell r="H1560" t="str">
            <v>787-8385</v>
          </cell>
          <cell r="I1560" t="str">
            <v>787-7216</v>
          </cell>
        </row>
        <row r="1561">
          <cell r="A1561" t="str">
            <v>19024Y</v>
          </cell>
          <cell r="B1561" t="str">
            <v>ﾂｶﾓﾄｼｮｳｼﾞｷｶｲ</v>
          </cell>
          <cell r="C1561" t="str">
            <v>塚本商事機械（株）北海道営業所</v>
          </cell>
          <cell r="D1561" t="str">
            <v>小出 憲昭</v>
          </cell>
          <cell r="E1561" t="str">
            <v>所長</v>
          </cell>
          <cell r="F1561" t="str">
            <v>060-0004</v>
          </cell>
          <cell r="G1561" t="str">
            <v>中央区北４西１６－１ 第一ビル４階</v>
          </cell>
          <cell r="H1561" t="str">
            <v>618-6331</v>
          </cell>
          <cell r="I1561" t="str">
            <v>618-6336</v>
          </cell>
        </row>
        <row r="1562">
          <cell r="A1562" t="str">
            <v>19026S</v>
          </cell>
          <cell r="B1562" t="str">
            <v>ﾂﾊﾞｷﾓﾄｺｳｷﾞｮｳ</v>
          </cell>
          <cell r="C1562" t="str">
            <v>椿本興業（株）札幌営業所</v>
          </cell>
          <cell r="D1562" t="str">
            <v>伊藤 弘幸</v>
          </cell>
          <cell r="E1562" t="str">
            <v>所長</v>
          </cell>
          <cell r="F1562" t="str">
            <v>060-0002</v>
          </cell>
          <cell r="G1562" t="str">
            <v>中央区北２西２－２６ 道特会館</v>
          </cell>
          <cell r="H1562" t="str">
            <v>281-3361</v>
          </cell>
          <cell r="I1562" t="str">
            <v>231-1335</v>
          </cell>
        </row>
        <row r="1563">
          <cell r="A1563" t="str">
            <v>19031S</v>
          </cell>
          <cell r="B1563" t="str">
            <v>ﾂｸﾓﾃﾞﾝｷ</v>
          </cell>
          <cell r="C1563" t="str">
            <v>九十九電機（株）札幌営業所</v>
          </cell>
          <cell r="D1563" t="str">
            <v>若林 光也</v>
          </cell>
          <cell r="E1563" t="str">
            <v>所長</v>
          </cell>
          <cell r="F1563" t="str">
            <v>060-0807</v>
          </cell>
          <cell r="G1563" t="str">
            <v>北区北７西５ー８－２ 札幌井須ビル</v>
          </cell>
          <cell r="H1563" t="str">
            <v>757-8799</v>
          </cell>
          <cell r="I1563" t="str">
            <v>757-8999</v>
          </cell>
        </row>
        <row r="1564">
          <cell r="A1564" t="str">
            <v>19034X</v>
          </cell>
          <cell r="B1564" t="str">
            <v>ﾂｳｹﾝﾋﾞｼﾞﾈｽ</v>
          </cell>
          <cell r="C1564" t="str">
            <v>つうけんビジネス（株）</v>
          </cell>
          <cell r="D1564" t="str">
            <v>室谷 康之</v>
          </cell>
          <cell r="E1564" t="str">
            <v>代表取締役</v>
          </cell>
          <cell r="F1564" t="str">
            <v>003-0002</v>
          </cell>
          <cell r="G1564" t="str">
            <v>白石区東札幌２－３－３－２７</v>
          </cell>
          <cell r="H1564" t="str">
            <v>811-2626</v>
          </cell>
          <cell r="I1564" t="str">
            <v>825-6633</v>
          </cell>
        </row>
        <row r="1565">
          <cell r="A1565" t="str">
            <v>19039W</v>
          </cell>
          <cell r="B1565" t="str">
            <v>ﾂｳｹﾝｾﾋﾟｱ</v>
          </cell>
          <cell r="C1565" t="str">
            <v>（株）つうけんセピア</v>
          </cell>
          <cell r="D1565" t="str">
            <v>佐藤 清光</v>
          </cell>
          <cell r="E1565" t="str">
            <v>代表取締役</v>
          </cell>
          <cell r="F1565" t="str">
            <v>062-0051</v>
          </cell>
          <cell r="G1565" t="str">
            <v>豊平区月寒東１－１５－２－７</v>
          </cell>
          <cell r="H1565" t="str">
            <v>858-1101</v>
          </cell>
          <cell r="I1565" t="str">
            <v>858-1115</v>
          </cell>
        </row>
        <row r="1566">
          <cell r="A1566" t="str">
            <v>19041R</v>
          </cell>
          <cell r="B1566" t="str">
            <v>ﾂｳｹﾝﾃｸﾉﾈｯﾄ</v>
          </cell>
          <cell r="C1566" t="str">
            <v>（株）つうけんテクノネット</v>
          </cell>
          <cell r="D1566" t="str">
            <v>加藤 博之</v>
          </cell>
          <cell r="E1566" t="str">
            <v>代表取締役</v>
          </cell>
          <cell r="F1566" t="str">
            <v>064-0811</v>
          </cell>
          <cell r="G1566" t="str">
            <v>中央区南１１西８－４－８</v>
          </cell>
          <cell r="H1566" t="str">
            <v>520-0015</v>
          </cell>
          <cell r="I1566" t="str">
            <v>520-0016</v>
          </cell>
        </row>
        <row r="1567">
          <cell r="A1567" t="str">
            <v>19042N</v>
          </cell>
          <cell r="B1567" t="str">
            <v>ﾂｳｹﾝｱｸﾄ</v>
          </cell>
          <cell r="C1567" t="str">
            <v>（株）つうけんアクト</v>
          </cell>
          <cell r="D1567" t="str">
            <v>北川 誠</v>
          </cell>
          <cell r="E1567" t="str">
            <v>代表取締役</v>
          </cell>
          <cell r="F1567" t="str">
            <v>001-0924</v>
          </cell>
          <cell r="G1567" t="str">
            <v>北区新川４－１－３－１５</v>
          </cell>
          <cell r="H1567" t="str">
            <v>738-8131</v>
          </cell>
          <cell r="I1567" t="str">
            <v>738-8132</v>
          </cell>
        </row>
        <row r="1568">
          <cell r="A1568" t="str">
            <v>19043Y</v>
          </cell>
          <cell r="B1568" t="str">
            <v>ﾂﾂﾞｷﾃｸﾉｻｰﾋﾞｽ</v>
          </cell>
          <cell r="C1568" t="str">
            <v>都築テクノサービス（株）北海道支店</v>
          </cell>
          <cell r="D1568" t="str">
            <v>萩原 光男</v>
          </cell>
          <cell r="E1568" t="str">
            <v>支店長</v>
          </cell>
          <cell r="F1568" t="str">
            <v>060-0042</v>
          </cell>
          <cell r="G1568" t="str">
            <v>中央区大通西７－２ ダイヤビル９階</v>
          </cell>
          <cell r="H1568" t="str">
            <v>271-3301</v>
          </cell>
          <cell r="I1568" t="str">
            <v>271-3303</v>
          </cell>
        </row>
        <row r="1569">
          <cell r="A1569" t="str">
            <v>19045S</v>
          </cell>
          <cell r="B1569" t="str">
            <v>ﾂｳｹﾝｱﾄﾞﾊﾞﾝｽｼｽﾃﾑｽﾞ</v>
          </cell>
          <cell r="C1569" t="str">
            <v>（株）つうけんアドバンスシステムズ</v>
          </cell>
          <cell r="D1569" t="str">
            <v>石井 茂喜</v>
          </cell>
          <cell r="E1569" t="str">
            <v>代表取締役</v>
          </cell>
          <cell r="F1569" t="str">
            <v>065-0014</v>
          </cell>
          <cell r="G1569" t="str">
            <v>東区北１４東３－５－５</v>
          </cell>
          <cell r="H1569" t="str">
            <v>733-6801</v>
          </cell>
          <cell r="I1569" t="str">
            <v>733-6809</v>
          </cell>
        </row>
        <row r="1570">
          <cell r="A1570" t="str">
            <v>19046P</v>
          </cell>
          <cell r="B1570" t="str">
            <v>ﾂﾑﾗｻｯﾎﾟﾛ</v>
          </cell>
          <cell r="C1570" t="str">
            <v>（株）ツムラ札幌</v>
          </cell>
          <cell r="D1570" t="str">
            <v>庄司 登志幸</v>
          </cell>
          <cell r="E1570" t="str">
            <v>代表取締役</v>
          </cell>
          <cell r="F1570" t="str">
            <v>064-0919</v>
          </cell>
          <cell r="G1570" t="str">
            <v>中央区南１９西１２－１－２</v>
          </cell>
          <cell r="H1570" t="str">
            <v>551-2662</v>
          </cell>
          <cell r="I1570" t="str">
            <v>551-2672</v>
          </cell>
        </row>
        <row r="1571">
          <cell r="A1571" t="str">
            <v>19047Z</v>
          </cell>
          <cell r="B1571" t="str">
            <v>ﾂｳﾞｧｲﾄ</v>
          </cell>
          <cell r="C1571" t="str">
            <v>（有）ツヴァイト</v>
          </cell>
          <cell r="D1571" t="str">
            <v>大関 淳</v>
          </cell>
          <cell r="E1571" t="str">
            <v>代表取締役</v>
          </cell>
          <cell r="F1571" t="str">
            <v>003-0869</v>
          </cell>
          <cell r="G1571" t="str">
            <v>白石区川下２１１１－２</v>
          </cell>
          <cell r="H1571" t="str">
            <v>879-1110</v>
          </cell>
          <cell r="I1571" t="str">
            <v>879-1120</v>
          </cell>
        </row>
        <row r="1572">
          <cell r="A1572" t="str">
            <v>19048X</v>
          </cell>
          <cell r="B1572" t="str">
            <v>ﾂｳｼﾝﾄﾞﾎﾞｸｺﾝｻﾙﾀﾝﾄ</v>
          </cell>
          <cell r="C1572" t="str">
            <v>通信土木コンサルタント（株）</v>
          </cell>
          <cell r="D1572" t="str">
            <v>三輪 充彦</v>
          </cell>
          <cell r="E1572" t="str">
            <v>代表取締役</v>
          </cell>
          <cell r="F1572" t="str">
            <v>108-0014</v>
          </cell>
          <cell r="G1572" t="str">
            <v>東京都港区芝４－１－２３</v>
          </cell>
          <cell r="H1572" t="str">
            <v>03-3455-5678</v>
          </cell>
          <cell r="I1572" t="str">
            <v>03-5443-0823</v>
          </cell>
        </row>
        <row r="1573">
          <cell r="A1573" t="str">
            <v>19251P</v>
          </cell>
          <cell r="B1573" t="str">
            <v>ｼﾝｴｲｼﾞｭｳｹﾝｺｳｷﾞｮｳ</v>
          </cell>
          <cell r="C1573" t="str">
            <v>真栄重建興業（株）</v>
          </cell>
          <cell r="D1573" t="str">
            <v>赤塚 武四郎</v>
          </cell>
          <cell r="E1573" t="str">
            <v>代表取締役</v>
          </cell>
          <cell r="F1573" t="str">
            <v>006-0806</v>
          </cell>
          <cell r="G1573" t="str">
            <v>手稲区新発寒６－５－５－５</v>
          </cell>
          <cell r="H1573" t="str">
            <v>683-8238</v>
          </cell>
          <cell r="I1573" t="str">
            <v>683-8279</v>
          </cell>
        </row>
        <row r="1574">
          <cell r="A1574" t="str">
            <v>19501V</v>
          </cell>
          <cell r="B1574" t="str">
            <v>ｶﾈｻｶ</v>
          </cell>
          <cell r="C1574" t="str">
            <v>（株）金坂</v>
          </cell>
          <cell r="D1574" t="str">
            <v>金坂 孝敏</v>
          </cell>
          <cell r="E1574" t="str">
            <v>代表取締役</v>
          </cell>
          <cell r="F1574" t="str">
            <v>003-0027</v>
          </cell>
          <cell r="G1574" t="str">
            <v>白石区本通１２北１－１</v>
          </cell>
          <cell r="H1574" t="str">
            <v>862-1830</v>
          </cell>
          <cell r="I1574" t="str">
            <v>862-6592</v>
          </cell>
        </row>
        <row r="1575">
          <cell r="A1575" t="str">
            <v>19502S</v>
          </cell>
          <cell r="B1575" t="str">
            <v>ﾃﾝﾄﾞｳﾓｯｺｳ</v>
          </cell>
          <cell r="C1575" t="str">
            <v>（株）天童木工札幌営業所</v>
          </cell>
          <cell r="D1575" t="str">
            <v>渡辺 隆義</v>
          </cell>
          <cell r="E1575" t="str">
            <v>所長</v>
          </cell>
          <cell r="F1575" t="str">
            <v>060-0061</v>
          </cell>
          <cell r="G1575" t="str">
            <v>中央区南１西１－１札幌東ビル５階</v>
          </cell>
          <cell r="H1575" t="str">
            <v>222-2323</v>
          </cell>
          <cell r="I1575" t="str">
            <v>251-1475</v>
          </cell>
        </row>
        <row r="1576">
          <cell r="A1576" t="str">
            <v>19503P</v>
          </cell>
          <cell r="B1576" t="str">
            <v>ﾃﾞﾝﾂｳﾎｯｶｲﾄﾞｳ</v>
          </cell>
          <cell r="C1576" t="str">
            <v>（株）電通北海道</v>
          </cell>
          <cell r="D1576" t="str">
            <v>齋藤 光夫</v>
          </cell>
          <cell r="E1576" t="str">
            <v>代表取締役社長</v>
          </cell>
          <cell r="F1576" t="str">
            <v>060-8545</v>
          </cell>
          <cell r="G1576" t="str">
            <v>中央区大通西５－１１－１</v>
          </cell>
          <cell r="H1576" t="str">
            <v>214-5006</v>
          </cell>
          <cell r="I1576" t="str">
            <v>231-4003</v>
          </cell>
        </row>
        <row r="1577">
          <cell r="A1577" t="str">
            <v>19504Z</v>
          </cell>
          <cell r="B1577" t="str">
            <v>ﾃｸﾉﾈｯﾄﾋﾞｼﾞﾈｽ</v>
          </cell>
          <cell r="C1577" t="str">
            <v>テクノネットビジネス（株）</v>
          </cell>
          <cell r="D1577" t="str">
            <v>湯浅 卓夫</v>
          </cell>
          <cell r="E1577" t="str">
            <v>代表取締役</v>
          </cell>
          <cell r="F1577" t="str">
            <v>007-0841</v>
          </cell>
          <cell r="G1577" t="str">
            <v>東区北４１東１５－１－１５</v>
          </cell>
          <cell r="H1577" t="str">
            <v>751-7701</v>
          </cell>
          <cell r="I1577" t="str">
            <v>751-7311</v>
          </cell>
        </row>
        <row r="1578">
          <cell r="A1578" t="str">
            <v>19506T</v>
          </cell>
          <cell r="B1578" t="str">
            <v>ﾃﾞｰﾀﾜｰｸｽ</v>
          </cell>
          <cell r="C1578" t="str">
            <v>（株）データワークス</v>
          </cell>
          <cell r="D1578" t="str">
            <v>三浦 謙治</v>
          </cell>
          <cell r="E1578" t="str">
            <v>代表取締役</v>
          </cell>
          <cell r="F1578" t="str">
            <v>060-0006</v>
          </cell>
          <cell r="G1578" t="str">
            <v>中央区北６西１４－１－１</v>
          </cell>
          <cell r="H1578" t="str">
            <v>207-7007</v>
          </cell>
          <cell r="I1578" t="str">
            <v>207-5655</v>
          </cell>
        </row>
        <row r="1579">
          <cell r="A1579" t="str">
            <v>19508N</v>
          </cell>
          <cell r="B1579" t="str">
            <v>ﾃｲｼｮｳｷｬﾝﾊﾞｽ</v>
          </cell>
          <cell r="C1579" t="str">
            <v>（株）帝商キャンバス</v>
          </cell>
          <cell r="D1579" t="str">
            <v>坂井 紘一</v>
          </cell>
          <cell r="E1579" t="str">
            <v>代表取締役</v>
          </cell>
          <cell r="F1579" t="str">
            <v>062-0020</v>
          </cell>
          <cell r="G1579" t="str">
            <v>豊平区月寒中央通７－６－８</v>
          </cell>
          <cell r="H1579" t="str">
            <v>852-1211</v>
          </cell>
          <cell r="I1579" t="str">
            <v>855-0874</v>
          </cell>
        </row>
        <row r="1580">
          <cell r="A1580" t="str">
            <v>19509Y</v>
          </cell>
          <cell r="B1580" t="str">
            <v>ﾃﾞﾉﾈﾝﾘｮｳﾃﾝ</v>
          </cell>
          <cell r="C1580" t="str">
            <v>（株）出野燃料店</v>
          </cell>
          <cell r="D1580" t="str">
            <v>出野 武</v>
          </cell>
          <cell r="E1580" t="str">
            <v>代表取締役</v>
          </cell>
          <cell r="F1580" t="str">
            <v>062-0051</v>
          </cell>
          <cell r="G1580" t="str">
            <v>豊平区月寒東１－５－２－５</v>
          </cell>
          <cell r="H1580" t="str">
            <v>851-0657</v>
          </cell>
          <cell r="I1580" t="str">
            <v>851-0657</v>
          </cell>
        </row>
        <row r="1581">
          <cell r="A1581" t="str">
            <v>19510W</v>
          </cell>
          <cell r="B1581" t="str">
            <v>ﾃﾝﾌﾞﾝｼｬｿｳｺﾞｳｲﾝｻﾂ</v>
          </cell>
          <cell r="C1581" t="str">
            <v>展文社総合印刷（株）</v>
          </cell>
          <cell r="D1581" t="str">
            <v>谷口 哲也</v>
          </cell>
          <cell r="E1581" t="str">
            <v>代表取締役</v>
          </cell>
          <cell r="F1581" t="str">
            <v>064-0806</v>
          </cell>
          <cell r="G1581" t="str">
            <v>中央区南６西１２－１２９９</v>
          </cell>
          <cell r="H1581" t="str">
            <v>561-0353</v>
          </cell>
          <cell r="I1581" t="str">
            <v>561-0402</v>
          </cell>
        </row>
        <row r="1582">
          <cell r="A1582" t="str">
            <v>19511T</v>
          </cell>
          <cell r="B1582" t="str">
            <v>ﾃﾞｰﾀｸﾗﾌﾄ</v>
          </cell>
          <cell r="C1582" t="str">
            <v>（株）データクラフト</v>
          </cell>
          <cell r="D1582" t="str">
            <v>高橋 昭憲</v>
          </cell>
          <cell r="E1582" t="str">
            <v>代表取締役</v>
          </cell>
          <cell r="F1582" t="str">
            <v>060-0807</v>
          </cell>
          <cell r="G1582" t="str">
            <v>北区北７西１－１－２ ＳＥ山京ビル</v>
          </cell>
          <cell r="H1582" t="str">
            <v>707-7780</v>
          </cell>
          <cell r="I1582" t="str">
            <v>707-7790</v>
          </cell>
        </row>
        <row r="1583">
          <cell r="A1583" t="str">
            <v>19517P</v>
          </cell>
          <cell r="B1583" t="str">
            <v>ﾃﾞﾝｾｲ</v>
          </cell>
          <cell r="C1583" t="str">
            <v>（株）電制</v>
          </cell>
          <cell r="D1583" t="str">
            <v>小池田 章</v>
          </cell>
          <cell r="E1583" t="str">
            <v>代表取締役社長</v>
          </cell>
          <cell r="F1583" t="str">
            <v>004-0015</v>
          </cell>
          <cell r="G1583" t="str">
            <v>厚別区下野幌テクノパーク１－２－１</v>
          </cell>
          <cell r="H1583" t="str">
            <v>809-2059</v>
          </cell>
          <cell r="I1583" t="str">
            <v>809-2183</v>
          </cell>
        </row>
        <row r="1584">
          <cell r="A1584" t="str">
            <v>19520V</v>
          </cell>
          <cell r="B1584" t="str">
            <v>ﾃﾗﾀﾞｼｮﾎﾞｳ</v>
          </cell>
          <cell r="C1584" t="str">
            <v>てらだ書房</v>
          </cell>
          <cell r="D1584" t="str">
            <v>寺田 昌一</v>
          </cell>
          <cell r="E1584" t="str">
            <v/>
          </cell>
          <cell r="F1584" t="str">
            <v>063-0825</v>
          </cell>
          <cell r="G1584" t="str">
            <v>西区発寒５－３－１２－１４</v>
          </cell>
          <cell r="H1584" t="str">
            <v>661-9378</v>
          </cell>
          <cell r="I1584" t="str">
            <v>661-9349</v>
          </cell>
        </row>
        <row r="1585">
          <cell r="A1585" t="str">
            <v>19521S</v>
          </cell>
          <cell r="B1585" t="str">
            <v>ﾃﾞﾝｼｮｳ</v>
          </cell>
          <cell r="C1585" t="str">
            <v>（株）電商</v>
          </cell>
          <cell r="D1585" t="str">
            <v>武藤 和雄</v>
          </cell>
          <cell r="E1585" t="str">
            <v>代表取締役</v>
          </cell>
          <cell r="F1585" t="str">
            <v>101-0025</v>
          </cell>
          <cell r="G1585" t="str">
            <v>東京都千代田区神田佐久間町２－１</v>
          </cell>
          <cell r="H1585" t="str">
            <v>03-3861-0665</v>
          </cell>
          <cell r="I1585" t="str">
            <v>03-3861-7719</v>
          </cell>
        </row>
        <row r="1586">
          <cell r="A1586" t="str">
            <v>19523Z</v>
          </cell>
          <cell r="B1586" t="str">
            <v>ﾃﾝｼｮｳ</v>
          </cell>
          <cell r="C1586" t="str">
            <v>（株）天商</v>
          </cell>
          <cell r="D1586" t="str">
            <v>堀 典昭</v>
          </cell>
          <cell r="E1586" t="str">
            <v>代表取締役</v>
          </cell>
          <cell r="F1586" t="str">
            <v>005-0002</v>
          </cell>
          <cell r="G1586" t="str">
            <v>南区澄川２－１－４－１１</v>
          </cell>
          <cell r="H1586" t="str">
            <v>812-0784</v>
          </cell>
          <cell r="I1586" t="str">
            <v>812-1088</v>
          </cell>
        </row>
        <row r="1587">
          <cell r="A1587" t="str">
            <v>19526R</v>
          </cell>
          <cell r="B1587" t="str">
            <v>ﾓｼﾓｼﾎｯﾄﾗｲﾝ</v>
          </cell>
          <cell r="C1587" t="str">
            <v>（株）もしもしホットライン</v>
          </cell>
          <cell r="D1587" t="str">
            <v>高木 尚二</v>
          </cell>
          <cell r="E1587" t="str">
            <v>代表取締役社長</v>
          </cell>
          <cell r="F1587" t="str">
            <v>151-0053</v>
          </cell>
          <cell r="G1587" t="str">
            <v>東京都渋谷区代々木２－６－５</v>
          </cell>
          <cell r="H1587" t="str">
            <v>03-5351-7200</v>
          </cell>
          <cell r="I1587" t="str">
            <v>03-5351-3300</v>
          </cell>
        </row>
        <row r="1588">
          <cell r="A1588" t="str">
            <v>19528Y</v>
          </cell>
          <cell r="B1588" t="str">
            <v>ﾃｸﾀｽ</v>
          </cell>
          <cell r="C1588" t="str">
            <v>（株）テクタス</v>
          </cell>
          <cell r="D1588" t="str">
            <v>平島 孝敏</v>
          </cell>
          <cell r="E1588" t="str">
            <v>代表取締役</v>
          </cell>
          <cell r="F1588" t="str">
            <v>003-0802</v>
          </cell>
          <cell r="G1588" t="str">
            <v>白石区菊水２－３－１－１０</v>
          </cell>
          <cell r="H1588" t="str">
            <v>831-0411</v>
          </cell>
          <cell r="I1588" t="str">
            <v>822-0401</v>
          </cell>
        </row>
        <row r="1589">
          <cell r="A1589" t="str">
            <v>19540S</v>
          </cell>
          <cell r="B1589" t="str">
            <v>ﾃｸﾉﾌｫｰﾗﾑ</v>
          </cell>
          <cell r="C1589" t="str">
            <v>テクノフォーラム（株）</v>
          </cell>
          <cell r="D1589" t="str">
            <v>犬丸 澄夫</v>
          </cell>
          <cell r="E1589" t="str">
            <v>代表取締役</v>
          </cell>
          <cell r="F1589" t="str">
            <v>060-0809</v>
          </cell>
          <cell r="G1589" t="str">
            <v>北区北９西４－１０－３</v>
          </cell>
          <cell r="H1589" t="str">
            <v>757-2220</v>
          </cell>
          <cell r="I1589" t="str">
            <v>757-2234</v>
          </cell>
        </row>
        <row r="1590">
          <cell r="A1590" t="str">
            <v>19541P</v>
          </cell>
          <cell r="B1590" t="str">
            <v>ﾃｨｰｼﾞｰ･ｸﾚｼﾞｯﾄｻｰﾋﾞｽ</v>
          </cell>
          <cell r="C1590" t="str">
            <v>ティージー・クレジットサービス（株）</v>
          </cell>
          <cell r="D1590" t="str">
            <v>小林 佑伍</v>
          </cell>
          <cell r="E1590" t="str">
            <v>代表取締役</v>
          </cell>
          <cell r="F1590" t="str">
            <v>163-1064</v>
          </cell>
          <cell r="G1590" t="str">
            <v>東京都新宿区西新宿３－７－１</v>
          </cell>
          <cell r="H1590" t="str">
            <v>03-5322-1121</v>
          </cell>
          <cell r="I1590" t="str">
            <v>03-5322-1160</v>
          </cell>
        </row>
        <row r="1591">
          <cell r="A1591" t="str">
            <v>19546N</v>
          </cell>
          <cell r="B1591" t="str">
            <v>ｻｯﾎﾟﾛﾃｰｹｰｼｰ</v>
          </cell>
          <cell r="C1591" t="str">
            <v>札幌テーケーシー（株）</v>
          </cell>
          <cell r="D1591" t="str">
            <v>竹内 正昭</v>
          </cell>
          <cell r="E1591" t="str">
            <v>代表取締役</v>
          </cell>
          <cell r="F1591" t="str">
            <v>003-0012</v>
          </cell>
          <cell r="G1591" t="str">
            <v>白石区中央２－１－５－５０</v>
          </cell>
          <cell r="H1591" t="str">
            <v>813-3336</v>
          </cell>
          <cell r="I1591" t="str">
            <v>813-3343</v>
          </cell>
        </row>
        <row r="1592">
          <cell r="A1592" t="str">
            <v>19552Y</v>
          </cell>
          <cell r="B1592" t="str">
            <v>ﾃﾗｼﾞﾏｺｰﾎﾟﾚｰｼｮﾝ</v>
          </cell>
          <cell r="C1592" t="str">
            <v>（有）寺嶋コーポレーション</v>
          </cell>
          <cell r="D1592" t="str">
            <v>寺嶋 登志哉</v>
          </cell>
          <cell r="E1592" t="str">
            <v>取締役</v>
          </cell>
          <cell r="F1592" t="str">
            <v>063-0006</v>
          </cell>
          <cell r="G1592" t="str">
            <v>西区山の手６－３－２－１２</v>
          </cell>
          <cell r="H1592" t="str">
            <v>614-3544</v>
          </cell>
          <cell r="I1592" t="str">
            <v>614-3544</v>
          </cell>
        </row>
        <row r="1593">
          <cell r="A1593" t="str">
            <v>19554T</v>
          </cell>
          <cell r="B1593" t="str">
            <v>ﾃﾞｺｽ</v>
          </cell>
          <cell r="C1593" t="str">
            <v>（株）デコス</v>
          </cell>
          <cell r="D1593" t="str">
            <v>立花 征雄</v>
          </cell>
          <cell r="E1593" t="str">
            <v>代表取締役</v>
          </cell>
          <cell r="F1593" t="str">
            <v>065-0041</v>
          </cell>
          <cell r="G1593" t="str">
            <v>東区苗穂町１５－２－１７</v>
          </cell>
          <cell r="H1593" t="str">
            <v>784-5511</v>
          </cell>
          <cell r="I1593" t="str">
            <v>784-8144</v>
          </cell>
        </row>
        <row r="1594">
          <cell r="A1594" t="str">
            <v>19560P</v>
          </cell>
          <cell r="B1594" t="str">
            <v>ﾃｸﾉﾄｯﾊﾟﾝﾌｫｰﾑｽﾞ</v>
          </cell>
          <cell r="C1594" t="str">
            <v>テクノ・トッパン・フォームズ（株）北日本サービス部</v>
          </cell>
          <cell r="D1594" t="str">
            <v>村上 文也</v>
          </cell>
          <cell r="E1594" t="str">
            <v>部長</v>
          </cell>
          <cell r="F1594" t="str">
            <v>060-0001</v>
          </cell>
          <cell r="G1594" t="str">
            <v>中央区北１西６－１－２ ｱｰﾊﾞﾝﾈｯﾄ札幌ビル７Ｆ</v>
          </cell>
          <cell r="H1594" t="str">
            <v>271-0327</v>
          </cell>
          <cell r="I1594" t="str">
            <v>222-4404</v>
          </cell>
        </row>
        <row r="1595">
          <cell r="A1595" t="str">
            <v>19561Z</v>
          </cell>
          <cell r="B1595" t="str">
            <v>ﾃﾞﾝﾘ</v>
          </cell>
          <cell r="C1595" t="str">
            <v>（株）デンリ</v>
          </cell>
          <cell r="D1595" t="str">
            <v>佃 昌治</v>
          </cell>
          <cell r="E1595" t="str">
            <v>代表取締役</v>
          </cell>
          <cell r="F1595" t="str">
            <v>064-0917</v>
          </cell>
          <cell r="G1595" t="str">
            <v>中央区南１７西４－１－３０</v>
          </cell>
          <cell r="H1595" t="str">
            <v>513-3125</v>
          </cell>
          <cell r="I1595" t="str">
            <v>513-3126</v>
          </cell>
        </row>
        <row r="1596">
          <cell r="A1596" t="str">
            <v>19562X</v>
          </cell>
          <cell r="B1596" t="str">
            <v>ﾃﾞﾝﾂｳｻｰﾋﾞｽ</v>
          </cell>
          <cell r="C1596" t="str">
            <v>電通サービス（株）</v>
          </cell>
          <cell r="D1596" t="str">
            <v>田村 匡</v>
          </cell>
          <cell r="E1596" t="str">
            <v>代表取締役</v>
          </cell>
          <cell r="F1596" t="str">
            <v>003-0012</v>
          </cell>
          <cell r="G1596" t="str">
            <v>白石区中央２－６－１－３８</v>
          </cell>
          <cell r="H1596" t="str">
            <v>862-5500</v>
          </cell>
          <cell r="I1596" t="str">
            <v>862-5445</v>
          </cell>
        </row>
        <row r="1597">
          <cell r="A1597" t="str">
            <v>19563V</v>
          </cell>
          <cell r="B1597" t="str">
            <v>ﾃｲﾈｺｶﾞﾀｼﾞﾄﾞｳｼｬｳﾝｿｳ</v>
          </cell>
          <cell r="C1597" t="str">
            <v>手稲小型自動車運送（有）</v>
          </cell>
          <cell r="D1597" t="str">
            <v>三浦 裕一</v>
          </cell>
          <cell r="E1597" t="str">
            <v>代表取締役</v>
          </cell>
          <cell r="F1597" t="str">
            <v>006-0807</v>
          </cell>
          <cell r="G1597" t="str">
            <v>手稲区新発寒７－２－２－１１</v>
          </cell>
          <cell r="H1597" t="str">
            <v>682-2235</v>
          </cell>
          <cell r="I1597" t="str">
            <v>694-4383</v>
          </cell>
        </row>
        <row r="1598">
          <cell r="A1598" t="str">
            <v>19564S</v>
          </cell>
          <cell r="B1598" t="str">
            <v>ﾃｨ･ｱｲ･ｴｽ</v>
          </cell>
          <cell r="C1598" t="str">
            <v>（株）ティ・アイ・エス</v>
          </cell>
          <cell r="D1598" t="str">
            <v>竹田 勇</v>
          </cell>
          <cell r="E1598" t="str">
            <v>代表取締役</v>
          </cell>
          <cell r="F1598" t="str">
            <v>060-0033</v>
          </cell>
          <cell r="G1598" t="str">
            <v>中央区北３東５－５－８</v>
          </cell>
          <cell r="H1598" t="str">
            <v>207-4220</v>
          </cell>
          <cell r="I1598" t="str">
            <v>207-4223</v>
          </cell>
        </row>
        <row r="1599">
          <cell r="A1599" t="str">
            <v>19572W</v>
          </cell>
          <cell r="B1599" t="str">
            <v>ﾃｸﾉﾒﾃﾞｨｶﾙ</v>
          </cell>
          <cell r="C1599" t="str">
            <v>（株）テクノメディカル</v>
          </cell>
          <cell r="D1599" t="str">
            <v>師尾 純一</v>
          </cell>
          <cell r="E1599" t="str">
            <v>代表取締役会長</v>
          </cell>
          <cell r="F1599" t="str">
            <v>060-0003</v>
          </cell>
          <cell r="G1599" t="str">
            <v>中央区北３西１６－１－９</v>
          </cell>
          <cell r="H1599" t="str">
            <v>614-8650</v>
          </cell>
          <cell r="I1599" t="str">
            <v>614-8655</v>
          </cell>
        </row>
        <row r="1600">
          <cell r="A1600" t="str">
            <v>19574R</v>
          </cell>
          <cell r="B1600" t="str">
            <v>ﾃｲｸﾜﾝ･ﾀｹﾔ</v>
          </cell>
          <cell r="C1600" t="str">
            <v>（有）テイクワン・タケヤ</v>
          </cell>
          <cell r="D1600" t="str">
            <v>竹谷 衣代</v>
          </cell>
          <cell r="E1600" t="str">
            <v>取締役</v>
          </cell>
          <cell r="F1600" t="str">
            <v>004-0814</v>
          </cell>
          <cell r="G1600" t="str">
            <v>清田区美しが丘４－６－１０－１２</v>
          </cell>
          <cell r="H1600" t="str">
            <v>888-3670</v>
          </cell>
          <cell r="I1600" t="str">
            <v>888-3671</v>
          </cell>
        </row>
        <row r="1601">
          <cell r="A1601" t="str">
            <v>19575Z</v>
          </cell>
          <cell r="B1601" t="str">
            <v>ﾃｨｰ･ﾕｰ･ｼｰ</v>
          </cell>
          <cell r="C1601" t="str">
            <v>（株）ティー・ユー・シー</v>
          </cell>
          <cell r="D1601" t="str">
            <v>小池 正夫</v>
          </cell>
          <cell r="E1601" t="str">
            <v>代表取締役</v>
          </cell>
          <cell r="F1601" t="str">
            <v>004-0015</v>
          </cell>
          <cell r="G1601" t="str">
            <v>厚別区下野幌テクノパーク１－２－１７</v>
          </cell>
          <cell r="H1601" t="str">
            <v>807-6100</v>
          </cell>
          <cell r="I1601" t="str">
            <v>807-6110</v>
          </cell>
        </row>
        <row r="1602">
          <cell r="A1602" t="str">
            <v>19576X</v>
          </cell>
          <cell r="B1602" t="str">
            <v>ｴｰ･ﾀﾞﾌﾞﾘｭｰ･ｱｲ･ﾒﾃﾞｨｶﾙｻｰﾋﾞｽ</v>
          </cell>
          <cell r="C1602" t="str">
            <v>エー・ダブリュー・アイ・メディカルサービス（株）札幌営業所</v>
          </cell>
          <cell r="D1602" t="str">
            <v>建部 文孝</v>
          </cell>
          <cell r="E1602" t="str">
            <v>所長</v>
          </cell>
          <cell r="F1602" t="str">
            <v>003-0030</v>
          </cell>
          <cell r="G1602" t="str">
            <v>白石区流通センター５－４－１</v>
          </cell>
          <cell r="H1602" t="str">
            <v>865-8914</v>
          </cell>
          <cell r="I1602" t="str">
            <v>865-1264</v>
          </cell>
        </row>
        <row r="1603">
          <cell r="A1603" t="str">
            <v>19577V</v>
          </cell>
          <cell r="B1603" t="str">
            <v>ﾃﾞﾝｹﾝ</v>
          </cell>
          <cell r="C1603" t="str">
            <v>（株）電研札幌営業所</v>
          </cell>
          <cell r="D1603" t="str">
            <v>益田 大陸</v>
          </cell>
          <cell r="E1603" t="str">
            <v>所長</v>
          </cell>
          <cell r="F1603" t="str">
            <v>063-0053</v>
          </cell>
          <cell r="G1603" t="str">
            <v>西区宮の沢３－５－２２－１３</v>
          </cell>
          <cell r="H1603" t="str">
            <v>661-1165</v>
          </cell>
          <cell r="I1603" t="str">
            <v>661-1128</v>
          </cell>
        </row>
        <row r="1604">
          <cell r="A1604" t="str">
            <v>19578S</v>
          </cell>
          <cell r="B1604" t="str">
            <v>ﾃｸﾉﾗﾎﾞ</v>
          </cell>
          <cell r="C1604" t="str">
            <v>（株）テクノラボ</v>
          </cell>
          <cell r="D1604" t="str">
            <v>藤澤 好一</v>
          </cell>
          <cell r="E1604" t="str">
            <v>代表取締役</v>
          </cell>
          <cell r="F1604" t="str">
            <v>004-0015</v>
          </cell>
          <cell r="G1604" t="str">
            <v>厚別区下野幌テクノパーク１－１－１０</v>
          </cell>
          <cell r="H1604" t="str">
            <v>807-6151</v>
          </cell>
          <cell r="I1604" t="str">
            <v>807-6155</v>
          </cell>
        </row>
        <row r="1605">
          <cell r="A1605" t="str">
            <v>19579P</v>
          </cell>
          <cell r="B1605" t="str">
            <v>ﾃｨｰｴｽｼﾞﾄﾞｳｼｬｺｳｷﾞｮｳ</v>
          </cell>
          <cell r="C1605" t="str">
            <v>（有）ティーエス自動車工業</v>
          </cell>
          <cell r="D1605" t="str">
            <v>武田 栄</v>
          </cell>
          <cell r="E1605" t="str">
            <v>代表</v>
          </cell>
          <cell r="F1605" t="str">
            <v>006-0003</v>
          </cell>
          <cell r="G1605" t="str">
            <v>手稲区西宮の沢３－１－１７１－４</v>
          </cell>
          <cell r="H1605" t="str">
            <v>664-2327</v>
          </cell>
          <cell r="I1605" t="str">
            <v>664-2295</v>
          </cell>
        </row>
        <row r="1606">
          <cell r="A1606" t="str">
            <v>19580Z</v>
          </cell>
          <cell r="B1606" t="str">
            <v>ﾃﾝﾈﾝｶﾞｽｼﾞﾄﾞｳｼｬﾎｯｶｲﾄﾞｳ</v>
          </cell>
          <cell r="C1606" t="str">
            <v>天然ガス自動車北海道（株）</v>
          </cell>
          <cell r="D1606" t="str">
            <v>平田 匡宏</v>
          </cell>
          <cell r="E1606" t="str">
            <v>代表取締役</v>
          </cell>
          <cell r="F1606" t="str">
            <v>004-0041</v>
          </cell>
          <cell r="G1606" t="str">
            <v>厚別区大谷地東１－３－１</v>
          </cell>
          <cell r="H1606" t="str">
            <v>801-3355</v>
          </cell>
          <cell r="I1606" t="str">
            <v>801-3377</v>
          </cell>
        </row>
        <row r="1607">
          <cell r="A1607" t="str">
            <v>19581X</v>
          </cell>
          <cell r="B1607" t="str">
            <v>ﾃｲｺｸｾﾝｲ</v>
          </cell>
          <cell r="C1607" t="str">
            <v>帝国繊維（株）北海道営業所</v>
          </cell>
          <cell r="D1607" t="str">
            <v>高川 博宣</v>
          </cell>
          <cell r="E1607" t="str">
            <v>所長</v>
          </cell>
          <cell r="F1607" t="str">
            <v>060-0907</v>
          </cell>
          <cell r="G1607" t="str">
            <v>東区北７東１－１－３</v>
          </cell>
          <cell r="H1607" t="str">
            <v>721-5171</v>
          </cell>
          <cell r="I1607" t="str">
            <v>711-4113</v>
          </cell>
        </row>
        <row r="1608">
          <cell r="A1608" t="str">
            <v>19583S</v>
          </cell>
          <cell r="B1608" t="str">
            <v>ﾃﾝﾌﾟｽﾀｯﾌ</v>
          </cell>
          <cell r="C1608" t="str">
            <v>テンプスタッフ（株）</v>
          </cell>
          <cell r="D1608" t="str">
            <v>篠原 欣子</v>
          </cell>
          <cell r="E1608" t="str">
            <v>代表取締役</v>
          </cell>
          <cell r="F1608" t="str">
            <v>151-0053</v>
          </cell>
          <cell r="G1608" t="str">
            <v>東京都渋谷区代々木１－３１－１</v>
          </cell>
          <cell r="H1608" t="str">
            <v>03-5350-1212</v>
          </cell>
          <cell r="I1608" t="str">
            <v>03-5350-1219</v>
          </cell>
        </row>
        <row r="1609">
          <cell r="A1609" t="str">
            <v>19585Y</v>
          </cell>
          <cell r="B1609" t="str">
            <v>ﾃｸﾉﾌｪｲｽ</v>
          </cell>
          <cell r="C1609" t="str">
            <v>（株）テクノフェイス</v>
          </cell>
          <cell r="D1609" t="str">
            <v>栗田 好和</v>
          </cell>
          <cell r="E1609" t="str">
            <v>代表取締役社長</v>
          </cell>
          <cell r="F1609" t="str">
            <v>060-0001</v>
          </cell>
          <cell r="G1609" t="str">
            <v>中央区北１西３－３</v>
          </cell>
          <cell r="H1609" t="str">
            <v>242-6606</v>
          </cell>
          <cell r="I1609" t="str">
            <v>242-6607</v>
          </cell>
        </row>
        <row r="1610">
          <cell r="A1610" t="str">
            <v>19590Y</v>
          </cell>
          <cell r="B1610" t="str">
            <v>ﾃｯｸｻﾌﾟﾗｲ</v>
          </cell>
          <cell r="C1610" t="str">
            <v>（株）テックサプライ</v>
          </cell>
          <cell r="D1610" t="str">
            <v>太田 優子</v>
          </cell>
          <cell r="E1610" t="str">
            <v>代表取締役</v>
          </cell>
          <cell r="F1610" t="str">
            <v>065-0022</v>
          </cell>
          <cell r="G1610" t="str">
            <v>東区北２２東１－２－１７</v>
          </cell>
          <cell r="H1610" t="str">
            <v>723-5510</v>
          </cell>
          <cell r="I1610" t="str">
            <v>723-3610</v>
          </cell>
        </row>
        <row r="1611">
          <cell r="A1611" t="str">
            <v>19593R</v>
          </cell>
          <cell r="B1611" t="str">
            <v>ﾃﾞｨ･ｷｬｽﾄ</v>
          </cell>
          <cell r="C1611" t="str">
            <v>（株）ディ・キャスト</v>
          </cell>
          <cell r="D1611" t="str">
            <v>樋泉 実</v>
          </cell>
          <cell r="E1611" t="str">
            <v>代表取締役社長</v>
          </cell>
          <cell r="F1611" t="str">
            <v>062-8501</v>
          </cell>
          <cell r="G1611" t="str">
            <v>豊平区平岸４－１３－１０－１７</v>
          </cell>
          <cell r="H1611" t="str">
            <v>817-3211</v>
          </cell>
          <cell r="I1611" t="str">
            <v>820-7352</v>
          </cell>
        </row>
        <row r="1612">
          <cell r="A1612" t="str">
            <v>19594N</v>
          </cell>
          <cell r="B1612" t="str">
            <v>ﾃﾞｰﾀｻｰﾋﾞｽ</v>
          </cell>
          <cell r="C1612" t="str">
            <v>（株）データサービス</v>
          </cell>
          <cell r="D1612" t="str">
            <v>坂本 政恵</v>
          </cell>
          <cell r="E1612" t="str">
            <v>代表取締役</v>
          </cell>
          <cell r="F1612" t="str">
            <v>163-1439</v>
          </cell>
          <cell r="G1612" t="str">
            <v>東京都新宿区西新宿３－２０－２東京オペラ</v>
          </cell>
          <cell r="H1612" t="str">
            <v>03-5350-9171</v>
          </cell>
          <cell r="I1612" t="str">
            <v>03-5350-9181</v>
          </cell>
        </row>
        <row r="1613">
          <cell r="A1613" t="str">
            <v>19595X</v>
          </cell>
          <cell r="B1613" t="str">
            <v>ﾃｸﾉ</v>
          </cell>
          <cell r="C1613" t="str">
            <v>（株）テクノ</v>
          </cell>
          <cell r="D1613" t="str">
            <v>青栁 るい子</v>
          </cell>
          <cell r="E1613" t="str">
            <v>代表取締役</v>
          </cell>
          <cell r="F1613" t="str">
            <v>047-0038</v>
          </cell>
          <cell r="G1613" t="str">
            <v>小樽市石山町２０－９</v>
          </cell>
          <cell r="H1613" t="str">
            <v>0134-29-5951</v>
          </cell>
          <cell r="I1613" t="str">
            <v>0134-62-7404</v>
          </cell>
        </row>
        <row r="1614">
          <cell r="A1614" t="str">
            <v>19597S</v>
          </cell>
          <cell r="B1614" t="str">
            <v>ﾃｨ･ｴｽ･ｴｽ</v>
          </cell>
          <cell r="C1614" t="str">
            <v>（株）ティ・エス・エス</v>
          </cell>
          <cell r="D1614" t="str">
            <v>小竹 克博</v>
          </cell>
          <cell r="E1614" t="str">
            <v>代表取締役社長</v>
          </cell>
          <cell r="F1614" t="str">
            <v>060-0042</v>
          </cell>
          <cell r="G1614" t="str">
            <v>中央区大通西６－６－１ 北海道医師会館４Ｆ</v>
          </cell>
          <cell r="H1614" t="str">
            <v>231-3711</v>
          </cell>
          <cell r="I1614" t="str">
            <v>231-3439</v>
          </cell>
        </row>
        <row r="1615">
          <cell r="A1615" t="str">
            <v>19598P</v>
          </cell>
          <cell r="B1615" t="str">
            <v>ﾃﾞｭｰｸ</v>
          </cell>
          <cell r="C1615" t="str">
            <v>（株）デューク</v>
          </cell>
          <cell r="D1615" t="str">
            <v>石田 豊明</v>
          </cell>
          <cell r="E1615" t="str">
            <v>代表取締役</v>
          </cell>
          <cell r="F1615" t="str">
            <v>060-0063</v>
          </cell>
          <cell r="G1615" t="str">
            <v>中央区南３西２－１４</v>
          </cell>
          <cell r="H1615" t="str">
            <v>222-3993</v>
          </cell>
          <cell r="I1615" t="str">
            <v>231-1328</v>
          </cell>
        </row>
        <row r="1616">
          <cell r="A1616" t="str">
            <v>19600V</v>
          </cell>
          <cell r="B1616" t="str">
            <v>ﾃﾞｭﾌﾟﾛﾎｯｶｲﾄﾞｳ</v>
          </cell>
          <cell r="C1616" t="str">
            <v>（株）デュプロ北海道</v>
          </cell>
          <cell r="D1616" t="str">
            <v>松本 良太郎</v>
          </cell>
          <cell r="E1616" t="str">
            <v>代表取締役</v>
          </cell>
          <cell r="F1616" t="str">
            <v>064-0918</v>
          </cell>
          <cell r="G1616" t="str">
            <v>中央区南１８西１４－２－１５</v>
          </cell>
          <cell r="H1616" t="str">
            <v>518-5511</v>
          </cell>
          <cell r="I1616" t="str">
            <v>518-5551</v>
          </cell>
        </row>
        <row r="1617">
          <cell r="A1617" t="str">
            <v>19601S</v>
          </cell>
          <cell r="B1617" t="str">
            <v>ﾃｲﾈｶﾞﾗｽ</v>
          </cell>
          <cell r="C1617" t="str">
            <v>（株）手稲ガラス</v>
          </cell>
          <cell r="D1617" t="str">
            <v>小林 克己</v>
          </cell>
          <cell r="E1617" t="str">
            <v>代表取締役</v>
          </cell>
          <cell r="F1617" t="str">
            <v>006-0829</v>
          </cell>
          <cell r="G1617" t="str">
            <v>手稲区手稲前田５７４－４</v>
          </cell>
          <cell r="H1617" t="str">
            <v>682-1111</v>
          </cell>
          <cell r="I1617" t="str">
            <v>683-6710</v>
          </cell>
        </row>
        <row r="1618">
          <cell r="A1618" t="str">
            <v>19603Z</v>
          </cell>
          <cell r="B1618" t="str">
            <v>ﾃﾞﾝｷﾂｳｼﾝｷｮｳｻｲｶｲ</v>
          </cell>
          <cell r="C1618" t="str">
            <v>（財）電気通信共済会</v>
          </cell>
          <cell r="D1618" t="str">
            <v>福澤 進</v>
          </cell>
          <cell r="E1618" t="str">
            <v>会長</v>
          </cell>
          <cell r="F1618" t="str">
            <v>108-0023</v>
          </cell>
          <cell r="G1618" t="str">
            <v>東京都港区芝浦３－４－１</v>
          </cell>
          <cell r="H1618" t="str">
            <v>03-5444-6031</v>
          </cell>
          <cell r="I1618" t="str">
            <v>03-5444-0970</v>
          </cell>
        </row>
        <row r="1619">
          <cell r="A1619" t="str">
            <v>19604X</v>
          </cell>
          <cell r="B1619" t="str">
            <v>ﾃﾞｻﾞｲﾝｼｬ</v>
          </cell>
          <cell r="C1619" t="str">
            <v>（株）デザイン社</v>
          </cell>
          <cell r="D1619" t="str">
            <v>長池 稔夫</v>
          </cell>
          <cell r="E1619" t="str">
            <v>代表取締役</v>
          </cell>
          <cell r="F1619" t="str">
            <v>062-0902</v>
          </cell>
          <cell r="G1619" t="str">
            <v>豊平区豊平２－７－１－２</v>
          </cell>
          <cell r="H1619" t="str">
            <v>813-7020</v>
          </cell>
          <cell r="I1619" t="str">
            <v>811-8320</v>
          </cell>
        </row>
        <row r="1620">
          <cell r="A1620" t="str">
            <v>19606R</v>
          </cell>
          <cell r="B1620" t="str">
            <v>ﾃｸﾉﾔｻﾞｷﾎｯｶｲﾄﾞｳ</v>
          </cell>
          <cell r="C1620" t="str">
            <v>テクノ矢崎北海道（有）</v>
          </cell>
          <cell r="D1620" t="str">
            <v>村松 茂</v>
          </cell>
          <cell r="E1620" t="str">
            <v>代表取締役</v>
          </cell>
          <cell r="F1620" t="str">
            <v>062-0043</v>
          </cell>
          <cell r="G1620" t="str">
            <v>豊平区福住３－２－４－５</v>
          </cell>
          <cell r="H1620" t="str">
            <v>852-3128</v>
          </cell>
          <cell r="I1620" t="str">
            <v>852-3180</v>
          </cell>
        </row>
        <row r="1621">
          <cell r="A1621" t="str">
            <v>19608Y</v>
          </cell>
          <cell r="B1621" t="str">
            <v>ﾃﾙｳｪﾙﾋｶﾞｼﾆﾎﾝ</v>
          </cell>
          <cell r="C1621" t="str">
            <v>テルウェル東日本（株）北海道支店</v>
          </cell>
          <cell r="D1621" t="str">
            <v>富田 政己</v>
          </cell>
          <cell r="E1621" t="str">
            <v>取締役北海道支店長</v>
          </cell>
          <cell r="F1621" t="str">
            <v>060-0004</v>
          </cell>
          <cell r="G1621" t="str">
            <v>中央区北４西１６－１</v>
          </cell>
          <cell r="H1621" t="str">
            <v>640-3131</v>
          </cell>
          <cell r="I1621" t="str">
            <v>640-3145</v>
          </cell>
        </row>
        <row r="1622">
          <cell r="A1622" t="str">
            <v>19609W</v>
          </cell>
          <cell r="B1622" t="str">
            <v>ﾃｨ･ｴｽ･ｴｽ</v>
          </cell>
          <cell r="C1622" t="str">
            <v>（株）ティ・エス・エス</v>
          </cell>
          <cell r="D1622" t="str">
            <v>山本 慎一</v>
          </cell>
          <cell r="E1622" t="str">
            <v>代表取締役</v>
          </cell>
          <cell r="F1622" t="str">
            <v>001-0031</v>
          </cell>
          <cell r="G1622" t="str">
            <v>北区北３１西４－３－１５</v>
          </cell>
          <cell r="H1622" t="str">
            <v>727-3450</v>
          </cell>
          <cell r="I1622" t="str">
            <v>727-3483</v>
          </cell>
        </row>
        <row r="1623">
          <cell r="A1623" t="str">
            <v>19612N</v>
          </cell>
          <cell r="B1623" t="str">
            <v>ﾃｨｰｱｰﾙｼｰﾎｯｶｲﾄﾞｳ</v>
          </cell>
          <cell r="C1623" t="str">
            <v>（株）ＴＲＣ北海道</v>
          </cell>
          <cell r="D1623" t="str">
            <v>山谷 英雄</v>
          </cell>
          <cell r="E1623" t="str">
            <v>代表取締役</v>
          </cell>
          <cell r="F1623" t="str">
            <v>001-0016</v>
          </cell>
          <cell r="G1623" t="str">
            <v>北区北１６西４－２１－４４６北晴北16ビル402</v>
          </cell>
          <cell r="H1623" t="str">
            <v>738-0556</v>
          </cell>
          <cell r="I1623" t="str">
            <v>738-0665</v>
          </cell>
        </row>
        <row r="1624">
          <cell r="A1624" t="str">
            <v>19614W</v>
          </cell>
          <cell r="B1624" t="str">
            <v>ﾃｰﾋﾞｰｹｲ</v>
          </cell>
          <cell r="C1624" t="str">
            <v>（株）テービーケイ札幌支店</v>
          </cell>
          <cell r="D1624" t="str">
            <v>小島 麻由子</v>
          </cell>
          <cell r="E1624" t="str">
            <v>取締役支店長</v>
          </cell>
          <cell r="F1624" t="str">
            <v>011-0023</v>
          </cell>
          <cell r="G1624" t="str">
            <v>北区北２３西３－１－２７ ｳｪｲﾄﾝ２３ ７０６号</v>
          </cell>
          <cell r="H1624" t="str">
            <v>726-1557</v>
          </cell>
          <cell r="I1624" t="str">
            <v>726-1557</v>
          </cell>
        </row>
        <row r="1625">
          <cell r="A1625" t="str">
            <v>19615S</v>
          </cell>
          <cell r="B1625" t="str">
            <v>ﾃﾞﾝﾉｳ</v>
          </cell>
          <cell r="C1625" t="str">
            <v>電脳（株）</v>
          </cell>
          <cell r="D1625" t="str">
            <v>松浦 博幸</v>
          </cell>
          <cell r="E1625" t="str">
            <v>代表取締役</v>
          </cell>
          <cell r="F1625" t="str">
            <v>060-0061</v>
          </cell>
          <cell r="G1625" t="str">
            <v>中央区南１西１－３</v>
          </cell>
          <cell r="H1625" t="str">
            <v>271-1705</v>
          </cell>
          <cell r="I1625" t="str">
            <v>271-1706</v>
          </cell>
        </row>
        <row r="1626">
          <cell r="A1626" t="str">
            <v>19616P</v>
          </cell>
          <cell r="B1626" t="str">
            <v>ﾄﾞﾘｰﾑｶﾝｺｳﾊﾞｽ</v>
          </cell>
          <cell r="C1626" t="str">
            <v>（有）ドリーム観光バス</v>
          </cell>
          <cell r="D1626" t="str">
            <v>宗方 敏浩</v>
          </cell>
          <cell r="E1626" t="str">
            <v>代表取締役</v>
          </cell>
          <cell r="F1626" t="str">
            <v>065-0042</v>
          </cell>
          <cell r="G1626" t="str">
            <v>東区本町２－８－２－６</v>
          </cell>
          <cell r="H1626" t="str">
            <v>784-7700</v>
          </cell>
          <cell r="I1626" t="str">
            <v>781-6750</v>
          </cell>
        </row>
        <row r="1627">
          <cell r="A1627" t="str">
            <v>19617Z</v>
          </cell>
          <cell r="B1627" t="str">
            <v>ﾃｨ･ﾕｰ ｻｯﾎﾟﾛﾓﾘﾀ</v>
          </cell>
          <cell r="C1627" t="str">
            <v>（株）Ｔ・Ｕ ＳＡＰＰＯＲＯＭＯＲＩＴＡ</v>
          </cell>
          <cell r="D1627" t="str">
            <v>漆間 哲彦</v>
          </cell>
          <cell r="E1627" t="str">
            <v>代表取締役</v>
          </cell>
          <cell r="F1627" t="str">
            <v>004-0872</v>
          </cell>
          <cell r="G1627" t="str">
            <v>清田区平岡２－３－６－３５</v>
          </cell>
          <cell r="H1627" t="str">
            <v>883-4032</v>
          </cell>
          <cell r="I1627" t="str">
            <v>883-4007</v>
          </cell>
        </row>
        <row r="1628">
          <cell r="A1628" t="str">
            <v>19618X</v>
          </cell>
          <cell r="B1628" t="str">
            <v>ﾃｨｰｹｰﾃｸﾉｻｰﾋﾞｽ</v>
          </cell>
          <cell r="C1628" t="str">
            <v>（株）ＴＫテクノサービス北海道営業所</v>
          </cell>
          <cell r="D1628" t="str">
            <v>上木 繁</v>
          </cell>
          <cell r="E1628" t="str">
            <v>取締役営業所長</v>
          </cell>
          <cell r="F1628" t="str">
            <v>060-0807</v>
          </cell>
          <cell r="G1628" t="str">
            <v>北区北７西２－８ 北ビル４</v>
          </cell>
          <cell r="H1628" t="str">
            <v>747-8058</v>
          </cell>
          <cell r="I1628" t="str">
            <v>747-6058</v>
          </cell>
        </row>
        <row r="1629">
          <cell r="A1629" t="str">
            <v>19619V</v>
          </cell>
          <cell r="B1629" t="str">
            <v>ﾃｲｼｮｳ</v>
          </cell>
          <cell r="C1629" t="str">
            <v>帝商（株）</v>
          </cell>
          <cell r="D1629" t="str">
            <v>毛利 哲</v>
          </cell>
          <cell r="E1629" t="str">
            <v>代表取締役</v>
          </cell>
          <cell r="F1629" t="str">
            <v>103-0027</v>
          </cell>
          <cell r="G1629" t="str">
            <v>東京都中央区日本橋２－５－１３</v>
          </cell>
          <cell r="H1629" t="str">
            <v>03-3281-4231</v>
          </cell>
          <cell r="I1629" t="str">
            <v>03-3281-4244</v>
          </cell>
        </row>
        <row r="1630">
          <cell r="A1630" t="str">
            <v>19620S</v>
          </cell>
          <cell r="B1630" t="str">
            <v>ﾃｸﾉｺｰﾎﾟﾚｰｼｮﾝ</v>
          </cell>
          <cell r="C1630" t="str">
            <v>テクノコーポレーション（株）</v>
          </cell>
          <cell r="D1630" t="str">
            <v>米崎 司</v>
          </cell>
          <cell r="E1630" t="str">
            <v>代表取締役</v>
          </cell>
          <cell r="F1630" t="str">
            <v>861-4113</v>
          </cell>
          <cell r="G1630" t="str">
            <v>熊本県熊本市八幡５－１７－４３</v>
          </cell>
          <cell r="H1630" t="str">
            <v>096-358-5100</v>
          </cell>
          <cell r="I1630" t="str">
            <v>096-358-5109</v>
          </cell>
        </row>
        <row r="1631">
          <cell r="A1631" t="str">
            <v>20001S</v>
          </cell>
          <cell r="B1631" t="str">
            <v>ﾄｳﾖｳｼﾞﾂｷﾞｮｳ</v>
          </cell>
          <cell r="C1631" t="str">
            <v>（株）東洋実業</v>
          </cell>
          <cell r="D1631" t="str">
            <v>横田 正弘</v>
          </cell>
          <cell r="E1631" t="str">
            <v>代表取締役</v>
          </cell>
          <cell r="F1631" t="str">
            <v>060-0006</v>
          </cell>
          <cell r="G1631" t="str">
            <v>中央区北６西２２－２－７</v>
          </cell>
          <cell r="H1631" t="str">
            <v>641-1353</v>
          </cell>
          <cell r="I1631" t="str">
            <v>612-1919</v>
          </cell>
        </row>
        <row r="1632">
          <cell r="A1632" t="str">
            <v>20002P</v>
          </cell>
          <cell r="B1632" t="str">
            <v>ﾈｯﾂﾄﾖﾀｻｯﾎﾟﾛ</v>
          </cell>
          <cell r="C1632" t="str">
            <v>ネッツトヨタ札幌（株）</v>
          </cell>
          <cell r="D1632" t="str">
            <v>菅 義弘</v>
          </cell>
          <cell r="E1632" t="str">
            <v>代表取締役</v>
          </cell>
          <cell r="F1632" t="str">
            <v>065-8601</v>
          </cell>
          <cell r="G1632" t="str">
            <v>東区北２５東１－１－３８</v>
          </cell>
          <cell r="H1632" t="str">
            <v>813-2121</v>
          </cell>
          <cell r="I1632" t="str">
            <v>813-2618</v>
          </cell>
        </row>
        <row r="1633">
          <cell r="A1633" t="str">
            <v>20005T</v>
          </cell>
          <cell r="B1633" t="str">
            <v>ﾄﾖﾀｶﾛｰﾗｻｯﾎﾟﾛ</v>
          </cell>
          <cell r="C1633" t="str">
            <v>トヨタカローラ札幌（株）</v>
          </cell>
          <cell r="D1633" t="str">
            <v>柿本 純</v>
          </cell>
          <cell r="E1633" t="str">
            <v>代表取締役社長</v>
          </cell>
          <cell r="F1633" t="str">
            <v>062-8666</v>
          </cell>
          <cell r="G1633" t="str">
            <v>豊平区美園３－６－３－１０</v>
          </cell>
          <cell r="H1633" t="str">
            <v>820-1111</v>
          </cell>
          <cell r="I1633" t="str">
            <v>820-1119</v>
          </cell>
        </row>
        <row r="1634">
          <cell r="A1634" t="str">
            <v>20006R</v>
          </cell>
          <cell r="B1634" t="str">
            <v>ｱﾄﾞﾊﾞﾝﾃｯｸﾄｳﾖｳ</v>
          </cell>
          <cell r="C1634" t="str">
            <v>アドバンテック東洋（株）札幌営業所</v>
          </cell>
          <cell r="D1634" t="str">
            <v>渡辺 宏治</v>
          </cell>
          <cell r="E1634" t="str">
            <v>所長</v>
          </cell>
          <cell r="F1634" t="str">
            <v>001-0014</v>
          </cell>
          <cell r="G1634" t="str">
            <v>北区北１４西３－２０</v>
          </cell>
          <cell r="H1634" t="str">
            <v>726-0451</v>
          </cell>
          <cell r="I1634" t="str">
            <v>726-0454</v>
          </cell>
        </row>
        <row r="1635">
          <cell r="A1635" t="str">
            <v>20009W</v>
          </cell>
          <cell r="B1635" t="str">
            <v>ﾄｳﾎｳﾔｸﾋﾝ</v>
          </cell>
          <cell r="C1635" t="str">
            <v>東邦薬品（株）北海道営業部</v>
          </cell>
          <cell r="D1635" t="str">
            <v>逵 正弘</v>
          </cell>
          <cell r="E1635" t="str">
            <v>部長</v>
          </cell>
          <cell r="F1635" t="str">
            <v>060-0005</v>
          </cell>
          <cell r="G1635" t="str">
            <v>中央区北５西１５－１</v>
          </cell>
          <cell r="H1635" t="str">
            <v>631-0151</v>
          </cell>
          <cell r="I1635" t="str">
            <v>642-8666</v>
          </cell>
        </row>
        <row r="1636">
          <cell r="A1636" t="str">
            <v>20013Y</v>
          </cell>
          <cell r="B1636" t="str">
            <v>ﾄｳｺｳﾄﾞｳﾛ</v>
          </cell>
          <cell r="C1636" t="str">
            <v>東晃道路（株）</v>
          </cell>
          <cell r="D1636" t="str">
            <v>豊住 俊</v>
          </cell>
          <cell r="E1636" t="str">
            <v>代表取締役</v>
          </cell>
          <cell r="F1636" t="str">
            <v>005-0805</v>
          </cell>
          <cell r="G1636" t="str">
            <v>南区川沿５－１－１－７８</v>
          </cell>
          <cell r="H1636" t="str">
            <v>571-8871</v>
          </cell>
          <cell r="I1636" t="str">
            <v>572-2281</v>
          </cell>
        </row>
        <row r="1637">
          <cell r="A1637" t="str">
            <v>20015S</v>
          </cell>
          <cell r="B1637" t="str">
            <v>ﾄｳｷｮｳｻﾗﾔ</v>
          </cell>
          <cell r="C1637" t="str">
            <v>東京サラヤ（株）札幌営業所</v>
          </cell>
          <cell r="D1637" t="str">
            <v>高橋 文男</v>
          </cell>
          <cell r="E1637" t="str">
            <v>所長</v>
          </cell>
          <cell r="F1637" t="str">
            <v>062-0931</v>
          </cell>
          <cell r="G1637" t="str">
            <v>豊平区平岸１－２－３－１８</v>
          </cell>
          <cell r="H1637" t="str">
            <v>833-0077</v>
          </cell>
          <cell r="I1637" t="str">
            <v>833-7575</v>
          </cell>
        </row>
        <row r="1638">
          <cell r="A1638" t="str">
            <v>20018X</v>
          </cell>
          <cell r="B1638" t="str">
            <v>ﾄｳﾖｳｺﾝｸﾘｰﾄｺｳｷﾞｮｳ</v>
          </cell>
          <cell r="C1638" t="str">
            <v>東陽コンクリート工業（株）</v>
          </cell>
          <cell r="D1638" t="str">
            <v>澤田 清一</v>
          </cell>
          <cell r="E1638" t="str">
            <v>代表取締役</v>
          </cell>
          <cell r="F1638" t="str">
            <v>003-0802</v>
          </cell>
          <cell r="G1638" t="str">
            <v>白石区菊水２－３－１－３４</v>
          </cell>
          <cell r="H1638" t="str">
            <v>821-1404</v>
          </cell>
          <cell r="I1638" t="str">
            <v>821-7439</v>
          </cell>
        </row>
        <row r="1639">
          <cell r="A1639" t="str">
            <v>20019V</v>
          </cell>
          <cell r="B1639" t="str">
            <v>ﾄﾞｳﾛｺｳｷﾞｮｳ</v>
          </cell>
          <cell r="C1639" t="str">
            <v>道路工業（株）</v>
          </cell>
          <cell r="D1639" t="str">
            <v>中田 隆博</v>
          </cell>
          <cell r="E1639" t="str">
            <v>代表取締役社長</v>
          </cell>
          <cell r="F1639" t="str">
            <v>064-8560</v>
          </cell>
          <cell r="G1639" t="str">
            <v>中央区南８西１５－２－１</v>
          </cell>
          <cell r="H1639" t="str">
            <v>561-2251</v>
          </cell>
          <cell r="I1639" t="str">
            <v>513-6031</v>
          </cell>
        </row>
        <row r="1640">
          <cell r="A1640" t="str">
            <v>20020S</v>
          </cell>
          <cell r="B1640" t="str">
            <v>ﾄｳﾖｳﾌﾟﾘﾝﾄ</v>
          </cell>
          <cell r="C1640" t="str">
            <v>東陽プリント（株）</v>
          </cell>
          <cell r="D1640" t="str">
            <v>在原 幸弘</v>
          </cell>
          <cell r="E1640" t="str">
            <v>代表取締役</v>
          </cell>
          <cell r="F1640" t="str">
            <v>060-0042</v>
          </cell>
          <cell r="G1640" t="str">
            <v>中央区大通西１５－２</v>
          </cell>
          <cell r="H1640" t="str">
            <v>611-5411</v>
          </cell>
          <cell r="I1640" t="str">
            <v>642-9538</v>
          </cell>
        </row>
        <row r="1641">
          <cell r="A1641" t="str">
            <v>20021P</v>
          </cell>
          <cell r="B1641" t="str">
            <v>ﾄｳｷｮｳﾀｲｲｸｷｷ</v>
          </cell>
          <cell r="C1641" t="str">
            <v>東京体育機器（株）</v>
          </cell>
          <cell r="D1641" t="str">
            <v>海老根 實</v>
          </cell>
          <cell r="E1641" t="str">
            <v>代表取締役</v>
          </cell>
          <cell r="F1641" t="str">
            <v>131-0045</v>
          </cell>
          <cell r="G1641" t="str">
            <v>東京都墨田区押上１－４０－７</v>
          </cell>
          <cell r="H1641" t="str">
            <v>03-3625-6801</v>
          </cell>
          <cell r="I1641" t="str">
            <v>03-3625-6802</v>
          </cell>
        </row>
        <row r="1642">
          <cell r="A1642" t="str">
            <v>20025R</v>
          </cell>
          <cell r="B1642" t="str">
            <v>ﾄｳﾖｳｻﾝｷﾞｮｳｷｶｲ</v>
          </cell>
          <cell r="C1642" t="str">
            <v>東洋産業機械（株）</v>
          </cell>
          <cell r="D1642" t="str">
            <v>浜中 邦彦</v>
          </cell>
          <cell r="E1642" t="str">
            <v>代表取締役社長</v>
          </cell>
          <cell r="F1642" t="str">
            <v>060-0035</v>
          </cell>
          <cell r="G1642" t="str">
            <v>中央区北５東３－１－２９</v>
          </cell>
          <cell r="H1642" t="str">
            <v>221-1191</v>
          </cell>
          <cell r="I1642" t="str">
            <v>261-8090</v>
          </cell>
        </row>
        <row r="1643">
          <cell r="A1643" t="str">
            <v>20029T</v>
          </cell>
          <cell r="B1643" t="str">
            <v>ﾄｳｺｳｼｮｳｶｲ</v>
          </cell>
          <cell r="C1643" t="str">
            <v>（有）桐光商会</v>
          </cell>
          <cell r="D1643" t="str">
            <v>阪本 正博</v>
          </cell>
          <cell r="E1643" t="str">
            <v>代表取締役</v>
          </cell>
          <cell r="F1643" t="str">
            <v>062-0933</v>
          </cell>
          <cell r="G1643" t="str">
            <v>豊平区平岸３－６－１－７</v>
          </cell>
          <cell r="H1643" t="str">
            <v>823-6604</v>
          </cell>
          <cell r="I1643" t="str">
            <v>823-6624</v>
          </cell>
        </row>
        <row r="1644">
          <cell r="A1644" t="str">
            <v>20031N</v>
          </cell>
          <cell r="B1644" t="str">
            <v>ﾄﾞｳｵｳｲﾝｻﾂｻﾝｷﾞｮｳ</v>
          </cell>
          <cell r="C1644" t="str">
            <v>道央印刷産業（株）</v>
          </cell>
          <cell r="D1644" t="str">
            <v>増田 真幸</v>
          </cell>
          <cell r="E1644" t="str">
            <v>代表取締役</v>
          </cell>
          <cell r="F1644" t="str">
            <v>003-0011</v>
          </cell>
          <cell r="G1644" t="str">
            <v>白石区中央１－３－２－３１</v>
          </cell>
          <cell r="H1644" t="str">
            <v>832-7868</v>
          </cell>
          <cell r="I1644" t="str">
            <v>832-7670</v>
          </cell>
        </row>
        <row r="1645">
          <cell r="A1645" t="str">
            <v>20032Y</v>
          </cell>
          <cell r="B1645" t="str">
            <v>ﾄｯｷｭｳｲﾝｻﾂ</v>
          </cell>
          <cell r="C1645" t="str">
            <v>特急印刷（株）</v>
          </cell>
          <cell r="D1645" t="str">
            <v>呉 妙子</v>
          </cell>
          <cell r="E1645" t="str">
            <v>代表取締役</v>
          </cell>
          <cell r="F1645" t="str">
            <v>064-0809</v>
          </cell>
          <cell r="G1645" t="str">
            <v>中央区南９西１２－１－３６</v>
          </cell>
          <cell r="H1645" t="str">
            <v>561-5555</v>
          </cell>
          <cell r="I1645" t="str">
            <v>561-5691</v>
          </cell>
        </row>
        <row r="1646">
          <cell r="A1646" t="str">
            <v>20036Z</v>
          </cell>
          <cell r="B1646" t="str">
            <v>ﾄｳﾖｳｵﾌｨｽﾒｰｼｮﾝ</v>
          </cell>
          <cell r="C1646" t="str">
            <v>東洋オフィスメーション（株）</v>
          </cell>
          <cell r="D1646" t="str">
            <v>福田 定直</v>
          </cell>
          <cell r="E1646" t="str">
            <v>代表取締役社長</v>
          </cell>
          <cell r="F1646" t="str">
            <v>105-0023</v>
          </cell>
          <cell r="G1646" t="str">
            <v>東京都港区芝浦１－１３－１０</v>
          </cell>
          <cell r="H1646" t="str">
            <v>03-3454-0811</v>
          </cell>
          <cell r="I1646" t="str">
            <v>03-3454-7764</v>
          </cell>
        </row>
        <row r="1647">
          <cell r="A1647" t="str">
            <v>20037X</v>
          </cell>
          <cell r="B1647" t="str">
            <v>ﾄｳﾖｳﾎﾞｳｻｲ</v>
          </cell>
          <cell r="C1647" t="str">
            <v>東洋防災（株）</v>
          </cell>
          <cell r="D1647" t="str">
            <v>杉田 公男</v>
          </cell>
          <cell r="E1647" t="str">
            <v>代表取締役</v>
          </cell>
          <cell r="F1647" t="str">
            <v>060-0032</v>
          </cell>
          <cell r="G1647" t="str">
            <v>中央区北２東１０－１７</v>
          </cell>
          <cell r="H1647" t="str">
            <v>251-1474</v>
          </cell>
          <cell r="I1647" t="str">
            <v>231-0456</v>
          </cell>
        </row>
        <row r="1648">
          <cell r="A1648" t="str">
            <v>20038V</v>
          </cell>
          <cell r="B1648" t="str">
            <v>ﾄﾋﾟｰｼﾞﾂｷﾞｮｳ</v>
          </cell>
          <cell r="C1648" t="str">
            <v>トピー実業（株）札幌営業所</v>
          </cell>
          <cell r="D1648" t="str">
            <v>黒田 慎一</v>
          </cell>
          <cell r="E1648" t="str">
            <v>所長</v>
          </cell>
          <cell r="F1648" t="str">
            <v>003-0030</v>
          </cell>
          <cell r="G1648" t="str">
            <v>白石区流通センター４－１－１</v>
          </cell>
          <cell r="H1648" t="str">
            <v>862-5288</v>
          </cell>
          <cell r="I1648" t="str">
            <v>860-2496</v>
          </cell>
        </row>
        <row r="1649">
          <cell r="A1649" t="str">
            <v>20040P</v>
          </cell>
          <cell r="B1649" t="str">
            <v>ﾄﾘｼﾏｾｲｻｸｼｮ</v>
          </cell>
          <cell r="C1649" t="str">
            <v>（株）酉島製作所札幌支店</v>
          </cell>
          <cell r="D1649" t="str">
            <v>高杉 勝一</v>
          </cell>
          <cell r="E1649" t="str">
            <v>支店長</v>
          </cell>
          <cell r="F1649" t="str">
            <v>060-0002</v>
          </cell>
          <cell r="G1649" t="str">
            <v>中央区北２西３－１</v>
          </cell>
          <cell r="H1649" t="str">
            <v>241-8911</v>
          </cell>
          <cell r="I1649" t="str">
            <v>222-7929</v>
          </cell>
        </row>
        <row r="1650">
          <cell r="A1650" t="str">
            <v>20044S</v>
          </cell>
          <cell r="B1650" t="str">
            <v>ﾄﾞｳｵｳｼｬﾘｮｳ</v>
          </cell>
          <cell r="C1650" t="str">
            <v>道央車輌（株）</v>
          </cell>
          <cell r="D1650" t="str">
            <v>新吾 博正</v>
          </cell>
          <cell r="E1650" t="str">
            <v>代表取締役</v>
          </cell>
          <cell r="F1650" t="str">
            <v>063-0834</v>
          </cell>
          <cell r="G1650" t="str">
            <v>西区発寒１４－１１－１－３０</v>
          </cell>
          <cell r="H1650" t="str">
            <v>661-3225</v>
          </cell>
          <cell r="I1650" t="str">
            <v>665-9283</v>
          </cell>
        </row>
        <row r="1651">
          <cell r="A1651" t="str">
            <v>20045N</v>
          </cell>
          <cell r="B1651" t="str">
            <v>ﾄｳｼﾊﾞﾒﾃﾞｨｶﾙｼｽﾃﾑｽﾞ</v>
          </cell>
          <cell r="C1651" t="str">
            <v>東芝メディカルシステムズ（株）札幌支店</v>
          </cell>
          <cell r="D1651" t="str">
            <v>田丸 光春</v>
          </cell>
          <cell r="E1651" t="str">
            <v>支店長</v>
          </cell>
          <cell r="F1651" t="str">
            <v>065-0042</v>
          </cell>
          <cell r="G1651" t="str">
            <v>東区本町２－２－３－６</v>
          </cell>
          <cell r="H1651" t="str">
            <v>785-0004</v>
          </cell>
          <cell r="I1651" t="str">
            <v>785-3505</v>
          </cell>
        </row>
        <row r="1652">
          <cell r="A1652" t="str">
            <v>20046Y</v>
          </cell>
          <cell r="B1652" t="str">
            <v>ﾄｳｷｮｳｺｳｸｳｹｲｷ</v>
          </cell>
          <cell r="C1652" t="str">
            <v>東京航空計器（株）</v>
          </cell>
          <cell r="D1652" t="str">
            <v>和田 篤武</v>
          </cell>
          <cell r="E1652" t="str">
            <v>代表取締役社長</v>
          </cell>
          <cell r="F1652" t="str">
            <v>201-8555</v>
          </cell>
          <cell r="G1652" t="str">
            <v>東京都狛江市和泉本町１－３５－１</v>
          </cell>
          <cell r="H1652" t="str">
            <v>03-3489-1121</v>
          </cell>
          <cell r="I1652" t="str">
            <v>03-3489-7958</v>
          </cell>
        </row>
        <row r="1653">
          <cell r="A1653" t="str">
            <v>20048T</v>
          </cell>
          <cell r="B1653" t="str">
            <v>ﾄｳﾜﾃﾞﾝｼｮｳ</v>
          </cell>
          <cell r="C1653" t="str">
            <v>東和電商（株）</v>
          </cell>
          <cell r="D1653" t="str">
            <v>滝川 武彦</v>
          </cell>
          <cell r="E1653" t="str">
            <v>代表取締役</v>
          </cell>
          <cell r="F1653" t="str">
            <v>060-0032</v>
          </cell>
          <cell r="G1653" t="str">
            <v>中央区北２東２－１</v>
          </cell>
          <cell r="H1653" t="str">
            <v>221-7471</v>
          </cell>
          <cell r="I1653" t="str">
            <v>232-4287</v>
          </cell>
        </row>
        <row r="1654">
          <cell r="A1654" t="str">
            <v>20050N</v>
          </cell>
          <cell r="B1654" t="str">
            <v>ﾄﾞｳﾒｲｾｷﾕ</v>
          </cell>
          <cell r="C1654" t="str">
            <v>同盟石油（株）</v>
          </cell>
          <cell r="D1654" t="str">
            <v>和田 善助</v>
          </cell>
          <cell r="E1654" t="str">
            <v>代表取締役</v>
          </cell>
          <cell r="F1654" t="str">
            <v>060-0051</v>
          </cell>
          <cell r="G1654" t="str">
            <v>中央区南１東１－２－１</v>
          </cell>
          <cell r="H1654" t="str">
            <v>231-6136</v>
          </cell>
          <cell r="I1654" t="str">
            <v>231-4214</v>
          </cell>
        </row>
        <row r="1655">
          <cell r="A1655" t="str">
            <v>20051Y</v>
          </cell>
          <cell r="B1655" t="str">
            <v>ﾄｳﾜﾗｼｮｳｼﾞ</v>
          </cell>
          <cell r="C1655" t="str">
            <v>東ワラ商事（株）</v>
          </cell>
          <cell r="D1655" t="str">
            <v>吉田 孝義</v>
          </cell>
          <cell r="E1655" t="str">
            <v>代表取締役</v>
          </cell>
          <cell r="F1655" t="str">
            <v>063-0804</v>
          </cell>
          <cell r="G1655" t="str">
            <v>西区二十四軒４－２－７２</v>
          </cell>
          <cell r="H1655" t="str">
            <v>641-4545</v>
          </cell>
          <cell r="I1655" t="str">
            <v>641-2945</v>
          </cell>
        </row>
        <row r="1656">
          <cell r="A1656" t="str">
            <v>20052W</v>
          </cell>
          <cell r="B1656" t="str">
            <v>ﾄｷﾒｯｸ</v>
          </cell>
          <cell r="C1656" t="str">
            <v>（株）トキメック札幌営業所</v>
          </cell>
          <cell r="D1656" t="str">
            <v>中村 泰則</v>
          </cell>
          <cell r="E1656" t="str">
            <v>所長</v>
          </cell>
          <cell r="F1656" t="str">
            <v>003-0802</v>
          </cell>
          <cell r="G1656" t="str">
            <v>白石区菊水２－２－２－１２ 藤井ビル菊水Ⅳ</v>
          </cell>
          <cell r="H1656" t="str">
            <v>816-6291</v>
          </cell>
          <cell r="I1656" t="str">
            <v>816-6296</v>
          </cell>
        </row>
        <row r="1657">
          <cell r="A1657" t="str">
            <v>20053T</v>
          </cell>
          <cell r="B1657" t="str">
            <v>ﾄｳｷｮｳﾎｳﾚｲｼｭｯﾊﾟﾝ</v>
          </cell>
          <cell r="C1657" t="str">
            <v>東京法令出版（株）北海道営業所</v>
          </cell>
          <cell r="D1657" t="str">
            <v>堀川 清</v>
          </cell>
          <cell r="E1657" t="str">
            <v>北海道営業所長</v>
          </cell>
          <cell r="F1657" t="str">
            <v>060-0009</v>
          </cell>
          <cell r="G1657" t="str">
            <v>中央区北９西１８－３６－８３</v>
          </cell>
          <cell r="H1657" t="str">
            <v>640-5182</v>
          </cell>
          <cell r="I1657" t="str">
            <v>640-5188</v>
          </cell>
        </row>
        <row r="1658">
          <cell r="A1658" t="str">
            <v>20054R</v>
          </cell>
          <cell r="B1658" t="str">
            <v>ﾄｯﾊﾟﾝ･ﾌｫｰﾑｽﾞ</v>
          </cell>
          <cell r="C1658" t="str">
            <v>トッパン・フォームズ（株）北海道営業本部</v>
          </cell>
          <cell r="D1658" t="str">
            <v>加藤 剛正</v>
          </cell>
          <cell r="E1658" t="str">
            <v>本部長</v>
          </cell>
          <cell r="F1658" t="str">
            <v>060-0001</v>
          </cell>
          <cell r="G1658" t="str">
            <v>中央区北１西６－１－２ ｱｰﾊﾞﾝﾈｯﾄ札幌ﾋﾞﾙ７階</v>
          </cell>
          <cell r="H1658" t="str">
            <v>271-0321</v>
          </cell>
          <cell r="I1658" t="str">
            <v>222-4404</v>
          </cell>
        </row>
        <row r="1659">
          <cell r="A1659" t="str">
            <v>20057V</v>
          </cell>
          <cell r="B1659" t="str">
            <v>ﾄｳｱﾊﾝﾊﾞｲ</v>
          </cell>
          <cell r="C1659" t="str">
            <v>東亜販売（株）</v>
          </cell>
          <cell r="D1659" t="str">
            <v>田村 文雄</v>
          </cell>
          <cell r="E1659" t="str">
            <v>札幌支店長</v>
          </cell>
          <cell r="F1659" t="str">
            <v>003-0808</v>
          </cell>
          <cell r="G1659" t="str">
            <v>白石区菊水８－１－４－２６</v>
          </cell>
          <cell r="H1659" t="str">
            <v>823-7655</v>
          </cell>
          <cell r="I1659" t="str">
            <v>823-7657</v>
          </cell>
        </row>
        <row r="1660">
          <cell r="A1660" t="str">
            <v>20058S</v>
          </cell>
          <cell r="B1660" t="str">
            <v>ﾄｳｼﾊﾞ</v>
          </cell>
          <cell r="C1660" t="str">
            <v>（株）東芝北海道支社</v>
          </cell>
          <cell r="D1660" t="str">
            <v>木越 芳宣</v>
          </cell>
          <cell r="E1660" t="str">
            <v>支社長</v>
          </cell>
          <cell r="F1660" t="str">
            <v>060-0003</v>
          </cell>
          <cell r="G1660" t="str">
            <v>中央区北３西１－１０ 東芝札幌ビル</v>
          </cell>
          <cell r="H1660" t="str">
            <v>214-2421</v>
          </cell>
          <cell r="I1660" t="str">
            <v>280-3280</v>
          </cell>
        </row>
        <row r="1661">
          <cell r="A1661" t="str">
            <v>20059P</v>
          </cell>
          <cell r="B1661" t="str">
            <v>ﾄｳｶｲｺｳｼｮｳ</v>
          </cell>
          <cell r="C1661" t="str">
            <v>東海興商（株）札幌営業所</v>
          </cell>
          <cell r="D1661" t="str">
            <v>斉藤 博史</v>
          </cell>
          <cell r="E1661" t="str">
            <v>所長</v>
          </cell>
          <cell r="F1661" t="str">
            <v>003-0022</v>
          </cell>
          <cell r="G1661" t="str">
            <v>白石区南郷通２南５－７東海ビル</v>
          </cell>
          <cell r="H1661" t="str">
            <v>863-5907</v>
          </cell>
          <cell r="I1661" t="str">
            <v>863-5908</v>
          </cell>
        </row>
        <row r="1662">
          <cell r="A1662" t="str">
            <v>20060Z</v>
          </cell>
          <cell r="B1662" t="str">
            <v>ﾄｳﾜｼｮｳｼﾞ</v>
          </cell>
          <cell r="C1662" t="str">
            <v>東和商事（株）</v>
          </cell>
          <cell r="D1662" t="str">
            <v>柴原 廣守</v>
          </cell>
          <cell r="E1662" t="str">
            <v>代表取締役</v>
          </cell>
          <cell r="F1662" t="str">
            <v>062-0902</v>
          </cell>
          <cell r="G1662" t="str">
            <v>豊平区豊平２－８－１－３５</v>
          </cell>
          <cell r="H1662" t="str">
            <v>811-1131</v>
          </cell>
          <cell r="I1662" t="str">
            <v>811-1134</v>
          </cell>
        </row>
        <row r="1663">
          <cell r="A1663" t="str">
            <v>20061X</v>
          </cell>
          <cell r="B1663" t="str">
            <v>ﾄﾗﾔｾｲﾎﾞｳ</v>
          </cell>
          <cell r="C1663" t="str">
            <v>とらや製帽（株）</v>
          </cell>
          <cell r="D1663" t="str">
            <v>足利 義郎</v>
          </cell>
          <cell r="E1663" t="str">
            <v>代表取締役</v>
          </cell>
          <cell r="F1663" t="str">
            <v>060-0063</v>
          </cell>
          <cell r="G1663" t="str">
            <v>中央区南３西７－６</v>
          </cell>
          <cell r="H1663" t="str">
            <v>221-3442</v>
          </cell>
          <cell r="I1663" t="str">
            <v>221-4064</v>
          </cell>
        </row>
        <row r="1664">
          <cell r="A1664" t="str">
            <v>20063S</v>
          </cell>
          <cell r="B1664" t="str">
            <v>ﾄｳｱﾄﾞｳﾛｺｳｷﾞｮｳ</v>
          </cell>
          <cell r="C1664" t="str">
            <v>東亜道路工業（株）北海道支社</v>
          </cell>
          <cell r="D1664" t="str">
            <v>石川 淳一</v>
          </cell>
          <cell r="E1664" t="str">
            <v>支社長</v>
          </cell>
          <cell r="F1664" t="str">
            <v>007-0825</v>
          </cell>
          <cell r="G1664" t="str">
            <v>東区東雁来５－１－１－１８</v>
          </cell>
          <cell r="H1664" t="str">
            <v>781-8511</v>
          </cell>
          <cell r="I1664" t="str">
            <v>781-8711</v>
          </cell>
        </row>
        <row r="1665">
          <cell r="A1665" t="str">
            <v>20064P</v>
          </cell>
          <cell r="B1665" t="str">
            <v>ﾄｯﾊﾟﾝｲﾝｻﾂ</v>
          </cell>
          <cell r="C1665" t="str">
            <v>凸版印刷（株）北海道事業部</v>
          </cell>
          <cell r="D1665" t="str">
            <v>寺地 貴司</v>
          </cell>
          <cell r="E1665" t="str">
            <v>常務取締役事業部長</v>
          </cell>
          <cell r="F1665" t="str">
            <v>063-8555</v>
          </cell>
          <cell r="G1665" t="str">
            <v>西区二十四軒４－１－１－３０</v>
          </cell>
          <cell r="H1665" t="str">
            <v>614-6111</v>
          </cell>
          <cell r="I1665" t="str">
            <v>631-3788</v>
          </cell>
        </row>
        <row r="1666">
          <cell r="A1666" t="str">
            <v>20066W</v>
          </cell>
          <cell r="B1666" t="str">
            <v>ﾄﾞｺﾓｻｰﾋﾞｽﾎｯｶｲﾄﾞｳ</v>
          </cell>
          <cell r="C1666" t="str">
            <v>ドコモサービス北海道（株）販売事業部</v>
          </cell>
          <cell r="D1666" t="str">
            <v>林 修次</v>
          </cell>
          <cell r="E1666" t="str">
            <v>販売事業部長</v>
          </cell>
          <cell r="F1666" t="str">
            <v>062-0020</v>
          </cell>
          <cell r="G1666" t="str">
            <v>豊平区月寒中央通９－３－２５</v>
          </cell>
          <cell r="H1666" t="str">
            <v>836-6820</v>
          </cell>
          <cell r="I1666" t="str">
            <v>859-1850</v>
          </cell>
        </row>
        <row r="1667">
          <cell r="A1667" t="str">
            <v>20068R</v>
          </cell>
          <cell r="B1667" t="str">
            <v>ﾄｳｼﾊﾞｴﾙﾃｨｰｴﾝｼﾞﾆｱﾘﾝｸﾞ</v>
          </cell>
          <cell r="C1667" t="str">
            <v>東芝エルティーエンジニアリング（株）北海道営業所</v>
          </cell>
          <cell r="D1667" t="str">
            <v>今 榮市</v>
          </cell>
          <cell r="E1667" t="str">
            <v>所長</v>
          </cell>
          <cell r="F1667" t="str">
            <v>003-0023</v>
          </cell>
          <cell r="G1667" t="str">
            <v>白石区南郷通２０北３－２８</v>
          </cell>
          <cell r="H1667" t="str">
            <v>862-1016</v>
          </cell>
          <cell r="I1667" t="str">
            <v>868-2701</v>
          </cell>
        </row>
        <row r="1668">
          <cell r="A1668" t="str">
            <v>20069N</v>
          </cell>
          <cell r="B1668" t="str">
            <v>ﾄﾖﾋﾗｾｲｺｳ</v>
          </cell>
          <cell r="C1668" t="str">
            <v>豊平製鋼（株）</v>
          </cell>
          <cell r="D1668" t="str">
            <v>石井 功一</v>
          </cell>
          <cell r="E1668" t="str">
            <v>取締役社長</v>
          </cell>
          <cell r="F1668" t="str">
            <v>063-8607</v>
          </cell>
          <cell r="G1668" t="str">
            <v>西区発寒１０－１３－１－１</v>
          </cell>
          <cell r="H1668" t="str">
            <v>661-2153</v>
          </cell>
          <cell r="I1668" t="str">
            <v>664-3615</v>
          </cell>
        </row>
        <row r="1669">
          <cell r="A1669" t="str">
            <v>20071W</v>
          </cell>
          <cell r="B1669" t="str">
            <v>ﾄｳｼﾊﾞｼﾞｮｳﾎｳｷｷ</v>
          </cell>
          <cell r="C1669" t="str">
            <v>東芝情報機器（株）北海道支店</v>
          </cell>
          <cell r="D1669" t="str">
            <v>日當 昇</v>
          </cell>
          <cell r="E1669" t="str">
            <v>支店長</v>
          </cell>
          <cell r="F1669" t="str">
            <v>064-0807</v>
          </cell>
          <cell r="G1669" t="str">
            <v>中央区南７西１－１３ 弘安ビル４Ｆ</v>
          </cell>
          <cell r="H1669" t="str">
            <v>512-3301</v>
          </cell>
          <cell r="I1669" t="str">
            <v>512-2890</v>
          </cell>
        </row>
        <row r="1670">
          <cell r="A1670" t="str">
            <v>20073R</v>
          </cell>
          <cell r="B1670" t="str">
            <v>ﾄｳｴｲ</v>
          </cell>
          <cell r="C1670" t="str">
            <v>東映（株）教育映像部関東営業推進室</v>
          </cell>
          <cell r="D1670" t="str">
            <v>山口 浩</v>
          </cell>
          <cell r="E1670" t="str">
            <v>関東営業推進室長</v>
          </cell>
          <cell r="F1670" t="str">
            <v>104-8108</v>
          </cell>
          <cell r="G1670" t="str">
            <v>区東京都中央区銀座３－２－１７</v>
          </cell>
          <cell r="H1670" t="str">
            <v>03-3535-3631</v>
          </cell>
          <cell r="I1670" t="str">
            <v>03-3535-3632</v>
          </cell>
        </row>
        <row r="1671">
          <cell r="A1671" t="str">
            <v>20077S</v>
          </cell>
          <cell r="B1671" t="str">
            <v>ｱｲﾃｨｰｻｰﾋﾞｽ</v>
          </cell>
          <cell r="C1671" t="str">
            <v>（株）アイティーサービス</v>
          </cell>
          <cell r="D1671" t="str">
            <v>前田 昭弘</v>
          </cell>
          <cell r="E1671" t="str">
            <v>代表取締役社長</v>
          </cell>
          <cell r="F1671" t="str">
            <v>210-8541</v>
          </cell>
          <cell r="G1671" t="str">
            <v>川崎市川崎区砂子２－６－２</v>
          </cell>
          <cell r="H1671" t="str">
            <v>044-210-3911</v>
          </cell>
          <cell r="I1671" t="str">
            <v>044-210-3931</v>
          </cell>
        </row>
        <row r="1672">
          <cell r="A1672" t="str">
            <v>20078P</v>
          </cell>
          <cell r="B1672" t="str">
            <v>ﾄﾖﾋﾗｳﾝﾕｷｺｳ</v>
          </cell>
          <cell r="C1672" t="str">
            <v>豊平運輸機工（株）</v>
          </cell>
          <cell r="D1672" t="str">
            <v>楠原 祐司</v>
          </cell>
          <cell r="E1672" t="str">
            <v>代表取締役</v>
          </cell>
          <cell r="F1672" t="str">
            <v>063-0830</v>
          </cell>
          <cell r="G1672" t="str">
            <v>西区発寒１０－１３－１－１</v>
          </cell>
          <cell r="H1672" t="str">
            <v>661-7849</v>
          </cell>
          <cell r="I1672" t="str">
            <v>666-1301</v>
          </cell>
        </row>
        <row r="1673">
          <cell r="A1673" t="str">
            <v>20079Z</v>
          </cell>
          <cell r="B1673" t="str">
            <v>ﾄﾅﾝｼｮｳｼﾞ</v>
          </cell>
          <cell r="C1673" t="str">
            <v>（有）斗南商事</v>
          </cell>
          <cell r="D1673" t="str">
            <v>清水 亨</v>
          </cell>
          <cell r="E1673" t="str">
            <v>代表取締役</v>
          </cell>
          <cell r="F1673" t="str">
            <v>065-0011</v>
          </cell>
          <cell r="G1673" t="str">
            <v>東区北１１東５－２９－８</v>
          </cell>
          <cell r="H1673" t="str">
            <v>764-0110</v>
          </cell>
          <cell r="I1673" t="str">
            <v>752-8889</v>
          </cell>
        </row>
        <row r="1674">
          <cell r="A1674" t="str">
            <v>20081V</v>
          </cell>
          <cell r="B1674" t="str">
            <v>ﾄｳﾎｳﾛｰﾄﾞ</v>
          </cell>
          <cell r="C1674" t="str">
            <v>東邦ロード（株）札幌営業所</v>
          </cell>
          <cell r="D1674" t="str">
            <v>稗田 宏</v>
          </cell>
          <cell r="E1674" t="str">
            <v>所長</v>
          </cell>
          <cell r="F1674" t="str">
            <v>060-0806</v>
          </cell>
          <cell r="G1674" t="str">
            <v>北区北６西６－２ 福徳ビル３Ｆ</v>
          </cell>
          <cell r="H1674" t="str">
            <v>716-1538</v>
          </cell>
          <cell r="I1674" t="str">
            <v>716-1374</v>
          </cell>
        </row>
        <row r="1675">
          <cell r="A1675" t="str">
            <v>20084Z</v>
          </cell>
          <cell r="B1675" t="str">
            <v>ﾄｰｼｮｳﾋﾞﾙｻｰﾋﾞｽ</v>
          </cell>
          <cell r="C1675" t="str">
            <v>（株）トーショウビルサービス</v>
          </cell>
          <cell r="D1675" t="str">
            <v>境 勝則</v>
          </cell>
          <cell r="E1675" t="str">
            <v>代表取締役</v>
          </cell>
          <cell r="F1675" t="str">
            <v>041-0853</v>
          </cell>
          <cell r="G1675" t="str">
            <v>函館市中道１－１－１２</v>
          </cell>
          <cell r="H1675" t="str">
            <v>0138-30-3000</v>
          </cell>
          <cell r="I1675" t="str">
            <v>0138-32-5555</v>
          </cell>
        </row>
        <row r="1676">
          <cell r="A1676" t="str">
            <v>20085W</v>
          </cell>
          <cell r="B1676" t="str">
            <v>ﾄｳｻﾞｲｶｶﾞｸｻﾝｷﾞｮｳ</v>
          </cell>
          <cell r="C1676" t="str">
            <v>東西化学産業（株）札幌営業所</v>
          </cell>
          <cell r="D1676" t="str">
            <v>木村 公彦</v>
          </cell>
          <cell r="E1676" t="str">
            <v>所長</v>
          </cell>
          <cell r="F1676" t="str">
            <v>060-0005</v>
          </cell>
          <cell r="G1676" t="str">
            <v>中央区北５西５－２－１２ 住友生命札幌ビル７Ｆ</v>
          </cell>
          <cell r="H1676" t="str">
            <v>231-6645</v>
          </cell>
          <cell r="I1676" t="str">
            <v>261-4587</v>
          </cell>
        </row>
        <row r="1677">
          <cell r="A1677" t="str">
            <v>20087R</v>
          </cell>
          <cell r="B1677" t="str">
            <v>ﾄｳｷｭｳﾋｬｯｶﾃﾝ</v>
          </cell>
          <cell r="C1677" t="str">
            <v>（株）東急百貨店札幌店</v>
          </cell>
          <cell r="D1677" t="str">
            <v>丹羽 則行</v>
          </cell>
          <cell r="E1677" t="str">
            <v>取締役札幌店長</v>
          </cell>
          <cell r="F1677" t="str">
            <v>060-8619</v>
          </cell>
          <cell r="G1677" t="str">
            <v>中央区北４西２－１</v>
          </cell>
          <cell r="H1677" t="str">
            <v>212-2246</v>
          </cell>
          <cell r="I1677" t="str">
            <v>212-2261</v>
          </cell>
        </row>
        <row r="1678">
          <cell r="A1678" t="str">
            <v>20092R</v>
          </cell>
          <cell r="B1678" t="str">
            <v>ﾄｳｷｭｳｴｰｼﾞｪﾝｼｰ</v>
          </cell>
          <cell r="C1678" t="str">
            <v>（株）東急エージェンシー北海道支社</v>
          </cell>
          <cell r="D1678" t="str">
            <v>大崎 陽一</v>
          </cell>
          <cell r="E1678" t="str">
            <v>支社長</v>
          </cell>
          <cell r="F1678" t="str">
            <v>060-0001</v>
          </cell>
          <cell r="G1678" t="str">
            <v>中央区北１西２－１ 札幌時計台ビル</v>
          </cell>
          <cell r="H1678" t="str">
            <v>231-5841</v>
          </cell>
          <cell r="I1678" t="str">
            <v>271-0238</v>
          </cell>
        </row>
        <row r="1679">
          <cell r="A1679" t="str">
            <v>20094Y</v>
          </cell>
          <cell r="B1679" t="str">
            <v>ﾄｳｼｮｳﾃﾞﾝｷ</v>
          </cell>
          <cell r="C1679" t="str">
            <v>東將電機（株）</v>
          </cell>
          <cell r="D1679" t="str">
            <v>小林 将四郎</v>
          </cell>
          <cell r="E1679" t="str">
            <v>代表取締役</v>
          </cell>
          <cell r="F1679" t="str">
            <v>065-0018</v>
          </cell>
          <cell r="G1679" t="str">
            <v>東区北１８東８－１－３</v>
          </cell>
          <cell r="H1679" t="str">
            <v>723-3221</v>
          </cell>
          <cell r="I1679" t="str">
            <v>723-3224</v>
          </cell>
        </row>
        <row r="1680">
          <cell r="A1680" t="str">
            <v>20095V</v>
          </cell>
          <cell r="B1680" t="str">
            <v>ﾄｳﾖｳｹｲｷ</v>
          </cell>
          <cell r="C1680" t="str">
            <v>東洋計器（株）札幌事務所</v>
          </cell>
          <cell r="D1680" t="str">
            <v>藤原 善男</v>
          </cell>
          <cell r="E1680" t="str">
            <v>所長</v>
          </cell>
          <cell r="F1680" t="str">
            <v>060-0042</v>
          </cell>
          <cell r="G1680" t="str">
            <v>中央区大通西７－２ ダイヤビル内</v>
          </cell>
          <cell r="H1680" t="str">
            <v>271-0123</v>
          </cell>
          <cell r="I1680" t="str">
            <v>218-2054</v>
          </cell>
        </row>
        <row r="1681">
          <cell r="A1681" t="str">
            <v>20101P</v>
          </cell>
          <cell r="B1681" t="str">
            <v>ﾄｳﾖｳｼｮｳｼﾞ</v>
          </cell>
          <cell r="C1681" t="str">
            <v>東洋商事（株）札幌営業所</v>
          </cell>
          <cell r="D1681" t="str">
            <v>佐藤 博行</v>
          </cell>
          <cell r="E1681" t="str">
            <v>所長</v>
          </cell>
          <cell r="F1681" t="str">
            <v>060-0007</v>
          </cell>
          <cell r="G1681" t="str">
            <v>中央区北７西２０－１－１</v>
          </cell>
          <cell r="H1681" t="str">
            <v>631-2181</v>
          </cell>
          <cell r="I1681" t="str">
            <v>641-0624</v>
          </cell>
        </row>
        <row r="1682">
          <cell r="A1682" t="str">
            <v>20103X</v>
          </cell>
          <cell r="B1682" t="str">
            <v>ﾄﾞｳｵｳﾘｶｻﾝｷﾞｮｳ</v>
          </cell>
          <cell r="C1682" t="str">
            <v>（株）道央理化産業</v>
          </cell>
          <cell r="D1682" t="str">
            <v>斉藤 勝英</v>
          </cell>
          <cell r="E1682" t="str">
            <v>代表取締役</v>
          </cell>
          <cell r="F1682" t="str">
            <v>001-0022</v>
          </cell>
          <cell r="G1682" t="str">
            <v>北区北２２西９－１８－５１９</v>
          </cell>
          <cell r="H1682" t="str">
            <v>747-2131</v>
          </cell>
          <cell r="I1682" t="str">
            <v>747-2133</v>
          </cell>
        </row>
        <row r="1683">
          <cell r="A1683" t="str">
            <v>20109T</v>
          </cell>
          <cell r="B1683" t="str">
            <v>ﾄﾘﾌﾟﾙｱｰﾙ</v>
          </cell>
          <cell r="C1683" t="str">
            <v>トリプルアール（株）札幌支店</v>
          </cell>
          <cell r="D1683" t="str">
            <v>千葉 義則</v>
          </cell>
          <cell r="E1683" t="str">
            <v>取締役支店長</v>
          </cell>
          <cell r="F1683" t="str">
            <v>062-0001</v>
          </cell>
          <cell r="G1683" t="str">
            <v>豊平区美園１－６－１－１２</v>
          </cell>
          <cell r="H1683" t="str">
            <v>821-7307</v>
          </cell>
          <cell r="I1683" t="str">
            <v>821-7269</v>
          </cell>
        </row>
        <row r="1684">
          <cell r="A1684" t="str">
            <v>20110R</v>
          </cell>
          <cell r="B1684" t="str">
            <v>ﾄｳﾎｳ</v>
          </cell>
          <cell r="C1684" t="str">
            <v>（株）東鳳</v>
          </cell>
          <cell r="D1684" t="str">
            <v>髙畑 政敏</v>
          </cell>
          <cell r="E1684" t="str">
            <v>代表取締役</v>
          </cell>
          <cell r="F1684" t="str">
            <v>063-0827</v>
          </cell>
          <cell r="G1684" t="str">
            <v>西区発寒７－１１－１－２７</v>
          </cell>
          <cell r="H1684" t="str">
            <v>666-3551</v>
          </cell>
          <cell r="I1684" t="str">
            <v>666-3550</v>
          </cell>
        </row>
        <row r="1685">
          <cell r="A1685" t="str">
            <v>20111N</v>
          </cell>
          <cell r="B1685" t="str">
            <v>ﾄﾞｳｵｳｶﾙﾃｯﾄ</v>
          </cell>
          <cell r="C1685" t="str">
            <v>（株）道央カルテット</v>
          </cell>
          <cell r="D1685" t="str">
            <v>田中 裕志</v>
          </cell>
          <cell r="E1685" t="str">
            <v>代表取締役</v>
          </cell>
          <cell r="F1685" t="str">
            <v>004-0003</v>
          </cell>
          <cell r="G1685" t="str">
            <v>厚別区厚別東３－２－１－３０</v>
          </cell>
          <cell r="H1685" t="str">
            <v>897-1188</v>
          </cell>
          <cell r="I1685" t="str">
            <v>898-2881</v>
          </cell>
        </row>
        <row r="1686">
          <cell r="A1686" t="str">
            <v>20122X</v>
          </cell>
          <cell r="B1686" t="str">
            <v>ﾄｳｼﾝ</v>
          </cell>
          <cell r="C1686" t="str">
            <v>（株）とうしん</v>
          </cell>
          <cell r="D1686" t="str">
            <v>小高 利夫</v>
          </cell>
          <cell r="E1686" t="str">
            <v>代表取締役</v>
          </cell>
          <cell r="F1686" t="str">
            <v>060-0007</v>
          </cell>
          <cell r="G1686" t="str">
            <v>中央区北７西１５－１</v>
          </cell>
          <cell r="H1686" t="str">
            <v>643-2241</v>
          </cell>
          <cell r="I1686" t="str">
            <v>643-2253</v>
          </cell>
        </row>
        <row r="1687">
          <cell r="A1687" t="str">
            <v>20123V</v>
          </cell>
          <cell r="B1687" t="str">
            <v>ﾄﾖﾀﾚﾝﾀﾘｰｽｻｯﾎﾟﾛ</v>
          </cell>
          <cell r="C1687" t="str">
            <v>（株）トヨタレンタリース札幌</v>
          </cell>
          <cell r="D1687" t="str">
            <v>岡田 哲郎</v>
          </cell>
          <cell r="E1687" t="str">
            <v>取締役社長</v>
          </cell>
          <cell r="F1687" t="str">
            <v>060-0035</v>
          </cell>
          <cell r="G1687" t="str">
            <v>中央区北５東２－１</v>
          </cell>
          <cell r="H1687" t="str">
            <v>281-2875</v>
          </cell>
          <cell r="I1687" t="str">
            <v>218-3637</v>
          </cell>
        </row>
        <row r="1688">
          <cell r="A1688" t="str">
            <v>20126Y</v>
          </cell>
          <cell r="B1688" t="str">
            <v>ﾄｳﾜｻﾝｷﾞｮｳ</v>
          </cell>
          <cell r="C1688" t="str">
            <v>東和産業（株）</v>
          </cell>
          <cell r="D1688" t="str">
            <v>斉藤 和郷</v>
          </cell>
          <cell r="E1688" t="str">
            <v>代表取締役</v>
          </cell>
          <cell r="F1688" t="str">
            <v>065-0026</v>
          </cell>
          <cell r="G1688" t="str">
            <v>東区北２６東９－５－１</v>
          </cell>
          <cell r="H1688" t="str">
            <v>753-5353</v>
          </cell>
          <cell r="I1688" t="str">
            <v>702-6408</v>
          </cell>
        </row>
        <row r="1689">
          <cell r="A1689" t="str">
            <v>20128T</v>
          </cell>
          <cell r="B1689" t="str">
            <v>ﾄﾞｳｵｳｼﾞﾄﾞｳｼｬ</v>
          </cell>
          <cell r="C1689" t="str">
            <v>道央自動車（株）</v>
          </cell>
          <cell r="D1689" t="str">
            <v>谷口 秀雄</v>
          </cell>
          <cell r="E1689" t="str">
            <v>代表取締役</v>
          </cell>
          <cell r="F1689" t="str">
            <v>007-0804</v>
          </cell>
          <cell r="G1689" t="str">
            <v>東区東苗穂４－３－４－８</v>
          </cell>
          <cell r="H1689" t="str">
            <v>781-1313</v>
          </cell>
          <cell r="I1689" t="str">
            <v>784-7575</v>
          </cell>
        </row>
        <row r="1690">
          <cell r="A1690" t="str">
            <v>20129R</v>
          </cell>
          <cell r="B1690" t="str">
            <v>ﾄｼｮｶﾝﾘｭｳﾂｳｾﾝﾀｰ</v>
          </cell>
          <cell r="C1690" t="str">
            <v>（株）図書館流通センター</v>
          </cell>
          <cell r="D1690" t="str">
            <v>宮本 芳夫</v>
          </cell>
          <cell r="E1690" t="str">
            <v>代表取締役</v>
          </cell>
          <cell r="F1690" t="str">
            <v>112-8632</v>
          </cell>
          <cell r="G1690" t="str">
            <v>東京都文京区大塚３－４－７</v>
          </cell>
          <cell r="H1690" t="str">
            <v>03-3943-2221</v>
          </cell>
          <cell r="I1690" t="str">
            <v>03-3943-8441</v>
          </cell>
        </row>
        <row r="1691">
          <cell r="A1691" t="str">
            <v>20131Y</v>
          </cell>
          <cell r="B1691" t="str">
            <v>ﾃﾞｯｸ</v>
          </cell>
          <cell r="C1691" t="str">
            <v>（株）デック北海道営業所</v>
          </cell>
          <cell r="D1691" t="str">
            <v>畠中 耕一郎</v>
          </cell>
          <cell r="E1691" t="str">
            <v>所長</v>
          </cell>
          <cell r="F1691" t="str">
            <v>062-0042</v>
          </cell>
          <cell r="G1691" t="str">
            <v>豊平区福住２－２－１－５</v>
          </cell>
          <cell r="H1691" t="str">
            <v>852-8501</v>
          </cell>
          <cell r="I1691" t="str">
            <v>852-6605</v>
          </cell>
        </row>
        <row r="1692">
          <cell r="A1692" t="str">
            <v>20150Y</v>
          </cell>
          <cell r="B1692" t="str">
            <v>ﾄｸﾀﾞｽｷｰ</v>
          </cell>
          <cell r="C1692" t="str">
            <v>（株）トクダスキー</v>
          </cell>
          <cell r="D1692" t="str">
            <v>徳田 信和</v>
          </cell>
          <cell r="E1692" t="str">
            <v>代表取締役</v>
          </cell>
          <cell r="F1692" t="str">
            <v>062-0902</v>
          </cell>
          <cell r="G1692" t="str">
            <v>豊平区豊平２－３－１２</v>
          </cell>
          <cell r="H1692" t="str">
            <v>811-5105</v>
          </cell>
          <cell r="I1692" t="str">
            <v>811-5106</v>
          </cell>
        </row>
        <row r="1693">
          <cell r="A1693" t="str">
            <v>20155X</v>
          </cell>
          <cell r="B1693" t="str">
            <v>ﾄｳｶｲｺﾞﾑﾎｯｶｲﾄﾞｳﾊﾝﾊﾞｲ</v>
          </cell>
          <cell r="C1693" t="str">
            <v>東海ゴム北海道販売（株）</v>
          </cell>
          <cell r="D1693" t="str">
            <v>三野 映二</v>
          </cell>
          <cell r="E1693" t="str">
            <v>代表取締役社長</v>
          </cell>
          <cell r="F1693" t="str">
            <v>060-0061</v>
          </cell>
          <cell r="G1693" t="str">
            <v>中央区南１西１２－３２２新永ビル２Ｆ</v>
          </cell>
          <cell r="H1693" t="str">
            <v>261-5586</v>
          </cell>
          <cell r="I1693" t="str">
            <v>221-4524</v>
          </cell>
        </row>
        <row r="1694">
          <cell r="A1694" t="str">
            <v>20156V</v>
          </cell>
          <cell r="B1694" t="str">
            <v>ﾄｳｷｭｳｼｬﾘｮｳｾｲｿﾞｳ</v>
          </cell>
          <cell r="C1694" t="str">
            <v>東急車輌製造（株）北海道支店</v>
          </cell>
          <cell r="D1694" t="str">
            <v>寺嶋 潤</v>
          </cell>
          <cell r="E1694" t="str">
            <v>支店長</v>
          </cell>
          <cell r="F1694" t="str">
            <v>060-0002</v>
          </cell>
          <cell r="G1694" t="str">
            <v>中央区北２西３ 札幌ビル</v>
          </cell>
          <cell r="H1694" t="str">
            <v>281-5651</v>
          </cell>
          <cell r="I1694" t="str">
            <v>281-5655</v>
          </cell>
        </row>
        <row r="1695">
          <cell r="A1695" t="str">
            <v>20164Z</v>
          </cell>
          <cell r="B1695" t="str">
            <v>ｵﾌｨｽﾌﾛﾝﾃｨｱ</v>
          </cell>
          <cell r="C1695" t="str">
            <v>オフィスフロンティア（株）</v>
          </cell>
          <cell r="D1695" t="str">
            <v>大橋 道夫</v>
          </cell>
          <cell r="E1695" t="str">
            <v>代表取締役社長</v>
          </cell>
          <cell r="F1695" t="str">
            <v>060-0063</v>
          </cell>
          <cell r="G1695" t="str">
            <v>中央区南３西１－１－１ 南３西１ビル</v>
          </cell>
          <cell r="H1695" t="str">
            <v>232-0115</v>
          </cell>
          <cell r="I1695" t="str">
            <v>232-0225</v>
          </cell>
        </row>
        <row r="1696">
          <cell r="A1696" t="str">
            <v>20167R</v>
          </cell>
          <cell r="B1696" t="str">
            <v>ﾄｳｷｮｳｶﾞｽ･ｴﾝｼﾞﾆｱﾘﾝｸﾞ</v>
          </cell>
          <cell r="C1696" t="str">
            <v>東京ガス・エンジニアリング（株）</v>
          </cell>
          <cell r="D1696" t="str">
            <v>廣岡 武機</v>
          </cell>
          <cell r="E1696" t="str">
            <v>取締役社長</v>
          </cell>
          <cell r="F1696" t="str">
            <v>163-1018</v>
          </cell>
          <cell r="G1696" t="str">
            <v>東京都新宿区西新宿３－７－１</v>
          </cell>
          <cell r="H1696" t="str">
            <v>03-5322-7517</v>
          </cell>
          <cell r="I1696" t="str">
            <v>03-5322-7509</v>
          </cell>
        </row>
        <row r="1697">
          <cell r="A1697" t="str">
            <v>20172R</v>
          </cell>
          <cell r="B1697" t="str">
            <v>ﾄｳﾒｲｴﾔｺﾝｻｰﾋﾞｽ</v>
          </cell>
          <cell r="C1697" t="str">
            <v>東明エヤコンサービス（株）</v>
          </cell>
          <cell r="D1697" t="str">
            <v>馬場 登美男</v>
          </cell>
          <cell r="E1697" t="str">
            <v>代表取締役</v>
          </cell>
          <cell r="F1697" t="str">
            <v>003-0025</v>
          </cell>
          <cell r="G1697" t="str">
            <v>白石区本郷通６北２－８</v>
          </cell>
          <cell r="H1697" t="str">
            <v>864-4221</v>
          </cell>
          <cell r="I1697" t="str">
            <v>864-4226</v>
          </cell>
        </row>
        <row r="1698">
          <cell r="A1698" t="str">
            <v>20174Y</v>
          </cell>
          <cell r="B1698" t="str">
            <v>ﾄﾖｷﾜﾀﾅﾍﾞｼｮｳｶｲ</v>
          </cell>
          <cell r="C1698" t="str">
            <v>（有）トヨキ渡辺商会</v>
          </cell>
          <cell r="D1698" t="str">
            <v>渡邉 誠</v>
          </cell>
          <cell r="E1698" t="str">
            <v>代表取締役</v>
          </cell>
          <cell r="F1698" t="str">
            <v>007-0843</v>
          </cell>
          <cell r="G1698" t="str">
            <v>東区北４３東１－３－２１</v>
          </cell>
          <cell r="H1698" t="str">
            <v>704-5878</v>
          </cell>
          <cell r="I1698" t="str">
            <v>704-5870</v>
          </cell>
        </row>
        <row r="1699">
          <cell r="A1699" t="str">
            <v>20178Z</v>
          </cell>
          <cell r="B1699" t="str">
            <v>ﾄﾐﾔｼｮｳｼﾞ</v>
          </cell>
          <cell r="C1699" t="str">
            <v>トミヤ商事（株）</v>
          </cell>
          <cell r="D1699" t="str">
            <v>富本 莊一</v>
          </cell>
          <cell r="E1699" t="str">
            <v>代表取締役</v>
          </cell>
          <cell r="F1699" t="str">
            <v>065-0020</v>
          </cell>
          <cell r="G1699" t="str">
            <v>東区北２０東１－４－１５</v>
          </cell>
          <cell r="H1699" t="str">
            <v>753-1038</v>
          </cell>
          <cell r="I1699" t="str">
            <v>753-7878</v>
          </cell>
        </row>
        <row r="1700">
          <cell r="A1700" t="str">
            <v>20182P</v>
          </cell>
          <cell r="B1700" t="str">
            <v>ｽﾐｼｮｳﾀﾞｲｲﾁｶﾞｽﾊﾝﾊﾞｲ</v>
          </cell>
          <cell r="C1700" t="str">
            <v>住商第一ガス販売（株）</v>
          </cell>
          <cell r="D1700" t="str">
            <v>川浦 彰</v>
          </cell>
          <cell r="E1700" t="str">
            <v>代表取締役</v>
          </cell>
          <cell r="F1700" t="str">
            <v>003-0029</v>
          </cell>
          <cell r="G1700" t="str">
            <v>白石区平和通２北２－１５</v>
          </cell>
          <cell r="H1700" t="str">
            <v>862-4101</v>
          </cell>
          <cell r="I1700" t="str">
            <v>862-4141</v>
          </cell>
        </row>
        <row r="1701">
          <cell r="A1701" t="str">
            <v>20184X</v>
          </cell>
          <cell r="B1701" t="str">
            <v>ﾄｳｷｮｳﾌﾞﾄﾞｳｸﾞ</v>
          </cell>
          <cell r="C1701" t="str">
            <v>（有）東京武道具</v>
          </cell>
          <cell r="D1701" t="str">
            <v>槌田 正光</v>
          </cell>
          <cell r="E1701" t="str">
            <v>代表取締役</v>
          </cell>
          <cell r="F1701" t="str">
            <v>060-0031</v>
          </cell>
          <cell r="G1701" t="str">
            <v>中央区北１東５－１０－３９</v>
          </cell>
          <cell r="H1701" t="str">
            <v>241-6345</v>
          </cell>
          <cell r="I1701" t="str">
            <v>241-6345</v>
          </cell>
        </row>
        <row r="1702">
          <cell r="A1702" t="str">
            <v>20185T</v>
          </cell>
          <cell r="B1702" t="str">
            <v>ﾄｰｱｾﾂﾋﾞﾎﾞｳｻｲ</v>
          </cell>
          <cell r="C1702" t="str">
            <v>（株）トーア設備防災</v>
          </cell>
          <cell r="D1702" t="str">
            <v>上田 博</v>
          </cell>
          <cell r="E1702" t="str">
            <v>代表取締役</v>
          </cell>
          <cell r="F1702" t="str">
            <v>007-0843</v>
          </cell>
          <cell r="G1702" t="str">
            <v>東区北４３東６－２</v>
          </cell>
          <cell r="H1702" t="str">
            <v>723-7585</v>
          </cell>
          <cell r="I1702" t="str">
            <v>723-7590</v>
          </cell>
        </row>
        <row r="1703">
          <cell r="A1703" t="str">
            <v>20187N</v>
          </cell>
          <cell r="B1703" t="str">
            <v>ﾄﾞｯﾄﾞｳｴﾙﾋﾞｰ･ｴﾑ･ｴｽ</v>
          </cell>
          <cell r="C1703" t="str">
            <v>（株）ドットウエルビー・エム・エス札幌支店</v>
          </cell>
          <cell r="D1703" t="str">
            <v>押切 雅博</v>
          </cell>
          <cell r="E1703" t="str">
            <v>支店長</v>
          </cell>
          <cell r="F1703" t="str">
            <v>060-0062</v>
          </cell>
          <cell r="G1703" t="str">
            <v>中央区南２西１３－３１９－２０－２ 南大通ビル</v>
          </cell>
          <cell r="H1703" t="str">
            <v>231-6624</v>
          </cell>
          <cell r="I1703" t="str">
            <v>219-0230</v>
          </cell>
        </row>
        <row r="1704">
          <cell r="A1704" t="str">
            <v>20188Y</v>
          </cell>
          <cell r="B1704" t="str">
            <v>ﾄﾛﾌｨｰﾉﾀｰｷｰ</v>
          </cell>
          <cell r="C1704" t="str">
            <v>トロフィーのターキー</v>
          </cell>
          <cell r="D1704" t="str">
            <v>大井 すみ</v>
          </cell>
          <cell r="E1704" t="str">
            <v>代表</v>
          </cell>
          <cell r="F1704" t="str">
            <v>062-0003</v>
          </cell>
          <cell r="G1704" t="str">
            <v>豊平区美園３－３</v>
          </cell>
          <cell r="H1704" t="str">
            <v>831-5353</v>
          </cell>
          <cell r="I1704" t="str">
            <v>813-6911</v>
          </cell>
        </row>
        <row r="1705">
          <cell r="A1705" t="str">
            <v>20193Y</v>
          </cell>
          <cell r="B1705" t="str">
            <v>ｾﾌﾃｯｸ</v>
          </cell>
          <cell r="C1705" t="str">
            <v>セフテック（株）札幌支店</v>
          </cell>
          <cell r="D1705" t="str">
            <v>山下 俊弘</v>
          </cell>
          <cell r="E1705" t="str">
            <v>支店長</v>
          </cell>
          <cell r="F1705" t="str">
            <v>003-0875</v>
          </cell>
          <cell r="G1705" t="str">
            <v>白石区米里４－２－１－５５</v>
          </cell>
          <cell r="H1705" t="str">
            <v>872-8810</v>
          </cell>
          <cell r="I1705" t="str">
            <v>872-8831</v>
          </cell>
        </row>
        <row r="1706">
          <cell r="A1706" t="str">
            <v>20194W</v>
          </cell>
          <cell r="B1706" t="str">
            <v>ﾄｳﾎｳｼｮｳｼﾞ</v>
          </cell>
          <cell r="C1706" t="str">
            <v>東宝商事（株）</v>
          </cell>
          <cell r="D1706" t="str">
            <v>高木 一圭</v>
          </cell>
          <cell r="E1706" t="str">
            <v>代表取締役</v>
          </cell>
          <cell r="F1706" t="str">
            <v>062-0903</v>
          </cell>
          <cell r="G1706" t="str">
            <v>豊平区豊平３－４－２－１２</v>
          </cell>
          <cell r="H1706" t="str">
            <v>821-2181</v>
          </cell>
          <cell r="I1706" t="str">
            <v>832-2310</v>
          </cell>
        </row>
        <row r="1707">
          <cell r="A1707" t="str">
            <v>20196P</v>
          </cell>
          <cell r="B1707" t="str">
            <v>ﾄｳｼﾊﾞﾌｧｲﾅﾝｽ</v>
          </cell>
          <cell r="C1707" t="str">
            <v>東芝ファイナンス（株）</v>
          </cell>
          <cell r="D1707" t="str">
            <v>野澤 宇太造</v>
          </cell>
          <cell r="E1707" t="str">
            <v>代表取締役</v>
          </cell>
          <cell r="F1707" t="str">
            <v>104-0061</v>
          </cell>
          <cell r="G1707" t="str">
            <v>東京都中央区銀座５－２－１</v>
          </cell>
          <cell r="H1707" t="str">
            <v>03-3289-0311</v>
          </cell>
          <cell r="I1707" t="str">
            <v>03-3289-3950</v>
          </cell>
        </row>
        <row r="1708">
          <cell r="A1708" t="str">
            <v>20197Z</v>
          </cell>
          <cell r="B1708" t="str">
            <v>ﾄｳｷｮｳﾘｰｽ</v>
          </cell>
          <cell r="C1708" t="str">
            <v>東京リース（株）札幌支店</v>
          </cell>
          <cell r="D1708" t="str">
            <v>松木 久雄</v>
          </cell>
          <cell r="E1708" t="str">
            <v>支店長</v>
          </cell>
          <cell r="F1708" t="str">
            <v>060-0061</v>
          </cell>
          <cell r="G1708" t="str">
            <v>中央区南１西６－１５－１</v>
          </cell>
          <cell r="H1708" t="str">
            <v>221-5433</v>
          </cell>
          <cell r="I1708" t="str">
            <v>222-1707</v>
          </cell>
        </row>
        <row r="1709">
          <cell r="A1709" t="str">
            <v>20198X</v>
          </cell>
          <cell r="B1709" t="str">
            <v>ﾄﾝﾃﾞﾝｾｲﾆｸﾃﾝ</v>
          </cell>
          <cell r="C1709" t="str">
            <v>（株）屯田精肉店</v>
          </cell>
          <cell r="D1709" t="str">
            <v>斎藤 弘</v>
          </cell>
          <cell r="E1709" t="str">
            <v>代表取締役</v>
          </cell>
          <cell r="F1709" t="str">
            <v>064-0808</v>
          </cell>
          <cell r="G1709" t="str">
            <v>中央区南８西８－５２１－２８</v>
          </cell>
          <cell r="H1709" t="str">
            <v>521-0027</v>
          </cell>
          <cell r="I1709" t="str">
            <v>521-3810</v>
          </cell>
        </row>
        <row r="1710">
          <cell r="A1710" t="str">
            <v>20200P</v>
          </cell>
          <cell r="B1710" t="str">
            <v>ｴﾇｲｰｼｰﾄｰｷﾝ</v>
          </cell>
          <cell r="C1710" t="str">
            <v>ＮＥＣトーキン（株）営業本部 仙台支店</v>
          </cell>
          <cell r="D1710" t="str">
            <v>古賀 榮</v>
          </cell>
          <cell r="E1710" t="str">
            <v>支店長</v>
          </cell>
          <cell r="F1710" t="str">
            <v>982-8510</v>
          </cell>
          <cell r="G1710" t="str">
            <v>区仙台市太白区郡山６－７－１</v>
          </cell>
          <cell r="H1710" t="str">
            <v>022-308-0915</v>
          </cell>
          <cell r="I1710" t="str">
            <v>022-308-0927</v>
          </cell>
        </row>
        <row r="1711">
          <cell r="A1711" t="str">
            <v>20203V</v>
          </cell>
          <cell r="B1711" t="str">
            <v>ﾄﾞｳﾎｸﾄﾛﾌｨｰｼｮｳｶｲ</v>
          </cell>
          <cell r="C1711" t="str">
            <v>（有）道北トロフィー商会札幌支店</v>
          </cell>
          <cell r="D1711" t="str">
            <v>川本 勝己</v>
          </cell>
          <cell r="E1711" t="str">
            <v>支店長</v>
          </cell>
          <cell r="F1711" t="str">
            <v>065-0042</v>
          </cell>
          <cell r="G1711" t="str">
            <v>東区本町２－４－３－２５</v>
          </cell>
          <cell r="H1711" t="str">
            <v>787-3133</v>
          </cell>
          <cell r="I1711" t="str">
            <v>787-3077</v>
          </cell>
        </row>
        <row r="1712">
          <cell r="A1712" t="str">
            <v>20204S</v>
          </cell>
          <cell r="B1712" t="str">
            <v>ﾄﾖﾀﾚﾝﾀﾘｰｽｼﾝｻｯﾎﾟﾛ</v>
          </cell>
          <cell r="C1712" t="str">
            <v>（株）トヨタレンタリース新札幌</v>
          </cell>
          <cell r="D1712" t="str">
            <v>村上 英範</v>
          </cell>
          <cell r="E1712" t="str">
            <v>代表取締役社長</v>
          </cell>
          <cell r="F1712" t="str">
            <v>062-0003</v>
          </cell>
          <cell r="G1712" t="str">
            <v>豊平区美園３－６－３－１０</v>
          </cell>
          <cell r="H1712" t="str">
            <v>814-2222</v>
          </cell>
          <cell r="I1712" t="str">
            <v>814-5705</v>
          </cell>
        </row>
        <row r="1713">
          <cell r="A1713" t="str">
            <v>20206Y</v>
          </cell>
          <cell r="B1713" t="str">
            <v>ﾄﾏｺﾏｲﾘﾝｼｮｳｹﾝｻｾﾝﾀｰ</v>
          </cell>
          <cell r="C1713" t="str">
            <v>（株）苫小牧臨床検査センター</v>
          </cell>
          <cell r="D1713" t="str">
            <v>岸本 憲宜</v>
          </cell>
          <cell r="E1713" t="str">
            <v>代表取締役</v>
          </cell>
          <cell r="F1713" t="str">
            <v>053-0816</v>
          </cell>
          <cell r="G1713" t="str">
            <v>苫小牧市日吉町２－３－９</v>
          </cell>
          <cell r="H1713" t="str">
            <v>0144-72-5401</v>
          </cell>
          <cell r="I1713" t="str">
            <v>0144-73-9412</v>
          </cell>
        </row>
        <row r="1714">
          <cell r="A1714" t="str">
            <v>20207W</v>
          </cell>
          <cell r="B1714" t="str">
            <v>ﾄﾞﾗｲﾊﾟﾘｰ</v>
          </cell>
          <cell r="C1714" t="str">
            <v>（株）ドライパリー</v>
          </cell>
          <cell r="D1714" t="str">
            <v>石後岡 和成</v>
          </cell>
          <cell r="E1714" t="str">
            <v>代表取締役</v>
          </cell>
          <cell r="F1714" t="str">
            <v>004-0005</v>
          </cell>
          <cell r="G1714" t="str">
            <v>厚別区厚別東５－１－３－１</v>
          </cell>
          <cell r="H1714" t="str">
            <v>898-2875</v>
          </cell>
          <cell r="I1714" t="str">
            <v>898-2776</v>
          </cell>
        </row>
        <row r="1715">
          <cell r="A1715" t="str">
            <v>20208T</v>
          </cell>
          <cell r="B1715" t="str">
            <v>ﾄｸｼｭｲﾘｮｳ</v>
          </cell>
          <cell r="C1715" t="str">
            <v>（株）特殊衣料</v>
          </cell>
          <cell r="D1715" t="str">
            <v>池田 啓子</v>
          </cell>
          <cell r="E1715" t="str">
            <v>代表取締役社長</v>
          </cell>
          <cell r="F1715" t="str">
            <v>063-0834</v>
          </cell>
          <cell r="G1715" t="str">
            <v>西区発寒１４－１４－２－４０</v>
          </cell>
          <cell r="H1715" t="str">
            <v>663-0761</v>
          </cell>
          <cell r="I1715" t="str">
            <v>663-0955</v>
          </cell>
        </row>
        <row r="1716">
          <cell r="A1716" t="str">
            <v>20214R</v>
          </cell>
          <cell r="B1716" t="str">
            <v>ﾄｰﾁｸ</v>
          </cell>
          <cell r="C1716" t="str">
            <v>（株）トーチク</v>
          </cell>
          <cell r="D1716" t="str">
            <v>辻 温</v>
          </cell>
          <cell r="E1716" t="str">
            <v>代表取締役</v>
          </cell>
          <cell r="F1716" t="str">
            <v>006-0860</v>
          </cell>
          <cell r="G1716" t="str">
            <v>手稲区手稲山口４１－４５</v>
          </cell>
          <cell r="H1716" t="str">
            <v>685-4510</v>
          </cell>
          <cell r="I1716" t="str">
            <v>681-1079</v>
          </cell>
        </row>
        <row r="1717">
          <cell r="A1717" t="str">
            <v>20222V</v>
          </cell>
          <cell r="B1717" t="str">
            <v>ﾄﾞｳｴｲｷｶｲ</v>
          </cell>
          <cell r="C1717" t="str">
            <v>道栄機械（株）</v>
          </cell>
          <cell r="D1717" t="str">
            <v>山内 功</v>
          </cell>
          <cell r="E1717" t="str">
            <v>代表取締役</v>
          </cell>
          <cell r="F1717" t="str">
            <v>004-0872</v>
          </cell>
          <cell r="G1717" t="str">
            <v>清田区平岡２－３－７－１２</v>
          </cell>
          <cell r="H1717" t="str">
            <v>885-5588</v>
          </cell>
          <cell r="I1717" t="str">
            <v>885-7963</v>
          </cell>
        </row>
        <row r="1718">
          <cell r="A1718" t="str">
            <v>20225Y</v>
          </cell>
          <cell r="B1718" t="str">
            <v>ﾄｳﾎｳｱｾﾁﾚﾝ</v>
          </cell>
          <cell r="C1718" t="str">
            <v>東邦アセチレン（株）札幌事業所</v>
          </cell>
          <cell r="D1718" t="str">
            <v>守屋 真彦</v>
          </cell>
          <cell r="E1718" t="str">
            <v>事業所長</v>
          </cell>
          <cell r="F1718" t="str">
            <v>004-0813</v>
          </cell>
          <cell r="G1718" t="str">
            <v>清田区美しが丘３－９－１－２５</v>
          </cell>
          <cell r="H1718" t="str">
            <v>881-3557</v>
          </cell>
          <cell r="I1718" t="str">
            <v>882-3424</v>
          </cell>
        </row>
        <row r="1719">
          <cell r="A1719" t="str">
            <v>20226W</v>
          </cell>
          <cell r="B1719" t="str">
            <v>ﾄｳｷｮｳﾔ</v>
          </cell>
          <cell r="C1719" t="str">
            <v>（株）東京屋</v>
          </cell>
          <cell r="D1719" t="str">
            <v>河野 元幸</v>
          </cell>
          <cell r="E1719" t="str">
            <v>代表取締役</v>
          </cell>
          <cell r="F1719" t="str">
            <v>060-0033</v>
          </cell>
          <cell r="G1719" t="str">
            <v>中央区北３東１０－１８－１９</v>
          </cell>
          <cell r="H1719" t="str">
            <v>241-5068</v>
          </cell>
          <cell r="I1719" t="str">
            <v>241-4355</v>
          </cell>
        </row>
        <row r="1720">
          <cell r="A1720" t="str">
            <v>20229N</v>
          </cell>
          <cell r="B1720" t="str">
            <v>ｸﾏﾋﾗ</v>
          </cell>
          <cell r="C1720" t="str">
            <v>（株）クマヒラ札幌営業所</v>
          </cell>
          <cell r="D1720" t="str">
            <v>内村 清人</v>
          </cell>
          <cell r="E1720" t="str">
            <v>所長</v>
          </cell>
          <cell r="F1720" t="str">
            <v>003-0012</v>
          </cell>
          <cell r="G1720" t="str">
            <v>白石区中央２－２－２－３</v>
          </cell>
          <cell r="H1720" t="str">
            <v>841-0091</v>
          </cell>
          <cell r="I1720" t="str">
            <v>841-1708</v>
          </cell>
        </row>
        <row r="1721">
          <cell r="A1721" t="str">
            <v>20231W</v>
          </cell>
          <cell r="B1721" t="str">
            <v>ﾄｳｴｲｺｳｷﾞｮｳ</v>
          </cell>
          <cell r="C1721" t="str">
            <v>（有）藤栄工業</v>
          </cell>
          <cell r="D1721" t="str">
            <v>後藤 光夫</v>
          </cell>
          <cell r="E1721" t="str">
            <v>代表取締役</v>
          </cell>
          <cell r="F1721" t="str">
            <v>004-0801</v>
          </cell>
          <cell r="G1721" t="str">
            <v>清田区里塚１－２－１３－８</v>
          </cell>
          <cell r="H1721" t="str">
            <v>883-7191</v>
          </cell>
          <cell r="I1721" t="str">
            <v>885-6976</v>
          </cell>
        </row>
        <row r="1722">
          <cell r="A1722" t="str">
            <v>20237S</v>
          </cell>
          <cell r="B1722" t="str">
            <v>ﾄｳｺｳｸﾘｴｰﾃｨﾌﾞ</v>
          </cell>
          <cell r="C1722" t="str">
            <v>（株）桐光クリエーティブ</v>
          </cell>
          <cell r="D1722" t="str">
            <v>角田 聡子</v>
          </cell>
          <cell r="E1722" t="str">
            <v>代表取締役</v>
          </cell>
          <cell r="F1722" t="str">
            <v>060-0032</v>
          </cell>
          <cell r="G1722" t="str">
            <v>中央区北２東７－９ 永光ビル</v>
          </cell>
          <cell r="H1722" t="str">
            <v>232-5577</v>
          </cell>
          <cell r="I1722" t="str">
            <v>232-5741</v>
          </cell>
        </row>
        <row r="1723">
          <cell r="A1723" t="str">
            <v>20241V</v>
          </cell>
          <cell r="B1723" t="str">
            <v>ﾄﾞｳﾄｴｲｶﾞｼｬ</v>
          </cell>
          <cell r="C1723" t="str">
            <v>（株）道都映画社</v>
          </cell>
          <cell r="D1723" t="str">
            <v>菅原 實</v>
          </cell>
          <cell r="E1723" t="str">
            <v>代表取締役</v>
          </cell>
          <cell r="F1723" t="str">
            <v>065-0028</v>
          </cell>
          <cell r="G1723" t="str">
            <v>東区北２８東１６－４－２０</v>
          </cell>
          <cell r="H1723" t="str">
            <v>781-5678</v>
          </cell>
          <cell r="I1723" t="str">
            <v>783-9790</v>
          </cell>
        </row>
        <row r="1724">
          <cell r="A1724" t="str">
            <v>20243P</v>
          </cell>
          <cell r="B1724" t="str">
            <v>ﾄﾞｳｹﾝｼｻﾞｲｺｳｷﾞｮｳ</v>
          </cell>
          <cell r="C1724" t="str">
            <v>（株）道建資材工業</v>
          </cell>
          <cell r="D1724" t="str">
            <v>牧方 秀雄</v>
          </cell>
          <cell r="E1724" t="str">
            <v>代表取締役</v>
          </cell>
          <cell r="F1724" t="str">
            <v>060-0006</v>
          </cell>
          <cell r="G1724" t="str">
            <v>中央区北６西１０－３</v>
          </cell>
          <cell r="H1724" t="str">
            <v>261-4677</v>
          </cell>
          <cell r="I1724" t="str">
            <v>261-4692</v>
          </cell>
        </row>
        <row r="1725">
          <cell r="A1725" t="str">
            <v>20244Z</v>
          </cell>
          <cell r="B1725" t="str">
            <v>ﾄｳｼﾊﾞﾃﾞﾝｷｻｰﾋﾞｽ</v>
          </cell>
          <cell r="C1725" t="str">
            <v>東芝電機サービス（株）北海道支店</v>
          </cell>
          <cell r="D1725" t="str">
            <v>井上 重喜</v>
          </cell>
          <cell r="E1725" t="str">
            <v>支店長</v>
          </cell>
          <cell r="F1725" t="str">
            <v>060-0003</v>
          </cell>
          <cell r="G1725" t="str">
            <v>中央区北３西１ 東芝札幌ビル６Ｆ</v>
          </cell>
          <cell r="H1725" t="str">
            <v>214-2523</v>
          </cell>
          <cell r="I1725" t="str">
            <v>242-2820</v>
          </cell>
        </row>
        <row r="1726">
          <cell r="A1726" t="str">
            <v>20251T</v>
          </cell>
          <cell r="B1726" t="str">
            <v>ﾄﾞｳｼﾝｻｰﾋﾞｽｾﾝﾀｰ</v>
          </cell>
          <cell r="C1726" t="str">
            <v>（株）道新サービスセンター</v>
          </cell>
          <cell r="D1726" t="str">
            <v>広川 一彦</v>
          </cell>
          <cell r="E1726" t="str">
            <v>代表取締役社長</v>
          </cell>
          <cell r="F1726" t="str">
            <v>060-0042</v>
          </cell>
          <cell r="G1726" t="str">
            <v>中央区大通西１８－１－３０</v>
          </cell>
          <cell r="H1726" t="str">
            <v>614-3940</v>
          </cell>
          <cell r="I1726" t="str">
            <v>614-3943</v>
          </cell>
        </row>
        <row r="1727">
          <cell r="A1727" t="str">
            <v>20252R</v>
          </cell>
          <cell r="B1727" t="str">
            <v>ﾄｼﾈｯﾄ</v>
          </cell>
          <cell r="C1727" t="str">
            <v>（株）都市ネット</v>
          </cell>
          <cell r="D1727" t="str">
            <v>澤口 准也</v>
          </cell>
          <cell r="E1727" t="str">
            <v>代表取締役</v>
          </cell>
          <cell r="F1727" t="str">
            <v>153-0051</v>
          </cell>
          <cell r="G1727" t="str">
            <v>東京都目黒区上目黒１－１－５</v>
          </cell>
          <cell r="H1727" t="str">
            <v>03-3760-9384</v>
          </cell>
          <cell r="I1727" t="str">
            <v>03-3760-9386</v>
          </cell>
        </row>
        <row r="1728">
          <cell r="A1728" t="str">
            <v>20255V</v>
          </cell>
          <cell r="B1728" t="str">
            <v>ﾄﾗｽﾄｼﾞｬﾊﾟﾝ</v>
          </cell>
          <cell r="C1728" t="str">
            <v>（株）トラストジャパン</v>
          </cell>
          <cell r="D1728" t="str">
            <v>千葉 養一</v>
          </cell>
          <cell r="E1728" t="str">
            <v>代表取締役</v>
          </cell>
          <cell r="F1728" t="str">
            <v>003-0021</v>
          </cell>
          <cell r="G1728" t="str">
            <v>白石区栄通３－３－２４ 太田ビル２Ｆ－Ｂ</v>
          </cell>
          <cell r="H1728" t="str">
            <v>855-2001</v>
          </cell>
          <cell r="I1728" t="str">
            <v>855-2002</v>
          </cell>
        </row>
        <row r="1729">
          <cell r="A1729" t="str">
            <v>20259X</v>
          </cell>
          <cell r="B1729" t="str">
            <v>ﾄﾖﾋﾗｶﾞﾜｼﾞｬﾘ</v>
          </cell>
          <cell r="C1729" t="str">
            <v>豊平川砂利（協）</v>
          </cell>
          <cell r="D1729" t="str">
            <v>佐々木 慶二</v>
          </cell>
          <cell r="E1729" t="str">
            <v>理事長</v>
          </cell>
          <cell r="F1729" t="str">
            <v>005-0039</v>
          </cell>
          <cell r="G1729" t="str">
            <v>南区南３９西１０－１－２２</v>
          </cell>
          <cell r="H1729" t="str">
            <v>581-1081</v>
          </cell>
          <cell r="I1729" t="str">
            <v>581-1081</v>
          </cell>
        </row>
        <row r="1730">
          <cell r="A1730" t="str">
            <v>20263Z</v>
          </cell>
          <cell r="B1730" t="str">
            <v>ﾄｳｺｳｼｮｳｼﾞ</v>
          </cell>
          <cell r="C1730" t="str">
            <v>東興商事（株）札幌営業所</v>
          </cell>
          <cell r="D1730" t="str">
            <v>米澤 裕</v>
          </cell>
          <cell r="E1730" t="str">
            <v>所長</v>
          </cell>
          <cell r="F1730" t="str">
            <v>060-0002</v>
          </cell>
          <cell r="G1730" t="str">
            <v>中央区北２西３－１－８ 朝日生命ビル４</v>
          </cell>
          <cell r="H1730" t="str">
            <v>210-4410</v>
          </cell>
          <cell r="I1730" t="str">
            <v>210-4395</v>
          </cell>
        </row>
        <row r="1731">
          <cell r="A1731" t="str">
            <v>20264X</v>
          </cell>
          <cell r="B1731" t="str">
            <v>ﾄｳｶｲｳﾝﾕ</v>
          </cell>
          <cell r="C1731" t="str">
            <v>東海運輸（株）</v>
          </cell>
          <cell r="D1731" t="str">
            <v>森岡 勇</v>
          </cell>
          <cell r="E1731" t="str">
            <v>代表取締役</v>
          </cell>
          <cell r="F1731" t="str">
            <v>062-0054</v>
          </cell>
          <cell r="G1731" t="str">
            <v>豊平区月寒東４－１６－４－２５</v>
          </cell>
          <cell r="H1731" t="str">
            <v>852-2510</v>
          </cell>
          <cell r="I1731" t="str">
            <v>852-8013</v>
          </cell>
        </row>
        <row r="1732">
          <cell r="A1732" t="str">
            <v>20265T</v>
          </cell>
          <cell r="B1732" t="str">
            <v>ﾄｳｼﾊﾞｲﾖｳﾌｧｲﾅﾝｽ</v>
          </cell>
          <cell r="C1732" t="str">
            <v>東芝医用ファイナンス（株）</v>
          </cell>
          <cell r="D1732" t="str">
            <v>富士 健一</v>
          </cell>
          <cell r="E1732" t="str">
            <v>取締役社長</v>
          </cell>
          <cell r="F1732" t="str">
            <v>113-0033</v>
          </cell>
          <cell r="G1732" t="str">
            <v>東京都文京区本郷３－１５－２</v>
          </cell>
          <cell r="H1732" t="str">
            <v>03-3813-1021</v>
          </cell>
          <cell r="I1732" t="str">
            <v>03-3813-6864</v>
          </cell>
        </row>
        <row r="1733">
          <cell r="A1733" t="str">
            <v>20268Y</v>
          </cell>
          <cell r="B1733" t="str">
            <v>ﾆﾎﾝﾌｧｼﾘﾃｨ</v>
          </cell>
          <cell r="C1733" t="str">
            <v>（株）日本ファシリティ</v>
          </cell>
          <cell r="D1733" t="str">
            <v>対馬 義彦</v>
          </cell>
          <cell r="E1733" t="str">
            <v>代表取締役</v>
          </cell>
          <cell r="F1733" t="str">
            <v>060-0002</v>
          </cell>
          <cell r="G1733" t="str">
            <v>中央区北２西１－１０ピア２・１ビル</v>
          </cell>
          <cell r="H1733" t="str">
            <v>272-2100</v>
          </cell>
          <cell r="I1733" t="str">
            <v>272-2085</v>
          </cell>
        </row>
        <row r="1734">
          <cell r="A1734" t="str">
            <v>20270T</v>
          </cell>
          <cell r="B1734" t="str">
            <v>ﾄﾞｳｴｲ</v>
          </cell>
          <cell r="C1734" t="str">
            <v>（株）道映札幌支社</v>
          </cell>
          <cell r="D1734" t="str">
            <v>小松 寛明</v>
          </cell>
          <cell r="E1734" t="str">
            <v>取締役支社長</v>
          </cell>
          <cell r="F1734" t="str">
            <v>063-0803</v>
          </cell>
          <cell r="G1734" t="str">
            <v>西区二十四軒３－５－１－１４</v>
          </cell>
          <cell r="H1734" t="str">
            <v>640-6353</v>
          </cell>
          <cell r="I1734" t="str">
            <v>640-6352</v>
          </cell>
        </row>
        <row r="1735">
          <cell r="A1735" t="str">
            <v>20271R</v>
          </cell>
          <cell r="B1735" t="str">
            <v>ﾄﾞｳｵｳﾌｫｰﾄ</v>
          </cell>
          <cell r="C1735" t="str">
            <v>（株）道央フォート</v>
          </cell>
          <cell r="D1735" t="str">
            <v>佐藤 藤子</v>
          </cell>
          <cell r="E1735" t="str">
            <v>代表取締役</v>
          </cell>
          <cell r="F1735" t="str">
            <v>064-0923</v>
          </cell>
          <cell r="G1735" t="str">
            <v>中央区南２３西１１－３－７</v>
          </cell>
          <cell r="H1735" t="str">
            <v>563-8011</v>
          </cell>
          <cell r="I1735" t="str">
            <v>561-4113</v>
          </cell>
        </row>
        <row r="1736">
          <cell r="A1736" t="str">
            <v>20272N</v>
          </cell>
          <cell r="B1736" t="str">
            <v>ﾄｳｷﾞﾝﾘｰｽ</v>
          </cell>
          <cell r="C1736" t="str">
            <v>東銀リース（株）</v>
          </cell>
          <cell r="D1736" t="str">
            <v>中西 泰比古</v>
          </cell>
          <cell r="E1736" t="str">
            <v>代表取締役社長</v>
          </cell>
          <cell r="F1736" t="str">
            <v>103-8332</v>
          </cell>
          <cell r="G1736" t="str">
            <v>東京都中央区日本橋室町２－４－３</v>
          </cell>
          <cell r="H1736" t="str">
            <v>03-3270-5261</v>
          </cell>
          <cell r="I1736" t="str">
            <v>03-3279-3778</v>
          </cell>
        </row>
        <row r="1737">
          <cell r="A1737" t="str">
            <v>20273Y</v>
          </cell>
          <cell r="B1737" t="str">
            <v>ﾄﾞｳｼﾝｵﾌｾｯﾄ</v>
          </cell>
          <cell r="C1737" t="str">
            <v>道新オフセット（株）</v>
          </cell>
          <cell r="D1737" t="str">
            <v>下総 裕輔</v>
          </cell>
          <cell r="E1737" t="str">
            <v>代表取締役社長</v>
          </cell>
          <cell r="F1737" t="str">
            <v>063-0051</v>
          </cell>
          <cell r="G1737" t="str">
            <v>西区宮の沢１－４－１５－５</v>
          </cell>
          <cell r="H1737" t="str">
            <v>664-7771</v>
          </cell>
          <cell r="I1737" t="str">
            <v>664-7799</v>
          </cell>
        </row>
        <row r="1738">
          <cell r="A1738" t="str">
            <v>20275S</v>
          </cell>
          <cell r="B1738" t="str">
            <v>ﾄｳｷｮｳﾌﾄﾞｳｻﾝｶﾝﾘ</v>
          </cell>
          <cell r="C1738" t="str">
            <v>東京不動産管理（株）札幌支店</v>
          </cell>
          <cell r="D1738" t="str">
            <v>渡部 孝志</v>
          </cell>
          <cell r="E1738" t="str">
            <v>支店長</v>
          </cell>
          <cell r="F1738" t="str">
            <v>060-0807</v>
          </cell>
          <cell r="G1738" t="str">
            <v>北区北７西１－２－６ ＮＳＳ・ﾆｭｰｽﾃｰｼﾞ札幌</v>
          </cell>
          <cell r="H1738" t="str">
            <v>746-7707</v>
          </cell>
          <cell r="I1738" t="str">
            <v>746-2193</v>
          </cell>
        </row>
        <row r="1739">
          <cell r="A1739" t="str">
            <v>20276P</v>
          </cell>
          <cell r="B1739" t="str">
            <v>ﾄｯｷｻｰﾋﾞｽ</v>
          </cell>
          <cell r="C1739" t="str">
            <v>（有）特機サービス</v>
          </cell>
          <cell r="D1739" t="str">
            <v>田口 伸男</v>
          </cell>
          <cell r="E1739" t="str">
            <v>代表取締役</v>
          </cell>
          <cell r="F1739" t="str">
            <v>007-0810</v>
          </cell>
          <cell r="G1739" t="str">
            <v>東区東苗穂１０－１－１－２０</v>
          </cell>
          <cell r="H1739" t="str">
            <v>792-3636</v>
          </cell>
          <cell r="I1739" t="str">
            <v>792-3611</v>
          </cell>
        </row>
        <row r="1740">
          <cell r="A1740" t="str">
            <v>20278X</v>
          </cell>
          <cell r="B1740" t="str">
            <v>ﾄｳｼﾊﾞﾃﾞﾝﾊﾟﾌﾟﾛﾀﾞｸﾂ</v>
          </cell>
          <cell r="C1740" t="str">
            <v>東芝電波プロダクツ（株）</v>
          </cell>
          <cell r="D1740" t="str">
            <v>堀尾 淳</v>
          </cell>
          <cell r="E1740" t="str">
            <v>代表取締役</v>
          </cell>
          <cell r="F1740" t="str">
            <v>102-0073</v>
          </cell>
          <cell r="G1740" t="str">
            <v>東京都千代田区九段北４－１－７</v>
          </cell>
          <cell r="H1740" t="str">
            <v>03-5276-8851</v>
          </cell>
          <cell r="I1740" t="str">
            <v>03-5276-8858</v>
          </cell>
        </row>
        <row r="1741">
          <cell r="A1741" t="str">
            <v>20281P</v>
          </cell>
          <cell r="B1741" t="str">
            <v>ﾄｳｷｮｳﾎｳｷｼｭｯﾊﾟﾝ</v>
          </cell>
          <cell r="C1741" t="str">
            <v>（株）東京法規出版</v>
          </cell>
          <cell r="D1741" t="str">
            <v>菅 国典</v>
          </cell>
          <cell r="E1741" t="str">
            <v>代表取締役</v>
          </cell>
          <cell r="F1741" t="str">
            <v>113-0021</v>
          </cell>
          <cell r="G1741" t="str">
            <v>東京都文京区本駒込２－２９－２２</v>
          </cell>
          <cell r="H1741" t="str">
            <v>03-5977-0300</v>
          </cell>
          <cell r="I1741" t="str">
            <v>03-5977-0311</v>
          </cell>
        </row>
        <row r="1742">
          <cell r="A1742" t="str">
            <v>20282Z</v>
          </cell>
          <cell r="B1742" t="str">
            <v>ﾄｳｺｳﾃﾞﾝｷｺｳｷﾞｮｳ</v>
          </cell>
          <cell r="C1742" t="str">
            <v>東光電機工業（株）札幌支店</v>
          </cell>
          <cell r="D1742" t="str">
            <v>鹿島 勝美</v>
          </cell>
          <cell r="E1742" t="str">
            <v>支店長</v>
          </cell>
          <cell r="F1742" t="str">
            <v>065-0014</v>
          </cell>
          <cell r="G1742" t="str">
            <v>東区北１４東４－３０８－２８</v>
          </cell>
          <cell r="H1742" t="str">
            <v>752-1234</v>
          </cell>
          <cell r="I1742" t="str">
            <v>752-1248</v>
          </cell>
        </row>
        <row r="1743">
          <cell r="A1743" t="str">
            <v>20283X</v>
          </cell>
          <cell r="B1743" t="str">
            <v>ﾄﾞｳﾅﾝﾊﾞｽ</v>
          </cell>
          <cell r="C1743" t="str">
            <v>道南バス（株）</v>
          </cell>
          <cell r="D1743" t="str">
            <v>長谷川 孝太郎</v>
          </cell>
          <cell r="E1743" t="str">
            <v>代表取締役社長</v>
          </cell>
          <cell r="F1743" t="str">
            <v>050-0083</v>
          </cell>
          <cell r="G1743" t="str">
            <v>室蘭市東町３－２５－３</v>
          </cell>
          <cell r="H1743" t="str">
            <v>0143-45-2131</v>
          </cell>
          <cell r="I1743" t="str">
            <v>0143-45-2138</v>
          </cell>
        </row>
        <row r="1744">
          <cell r="A1744" t="str">
            <v>20284V</v>
          </cell>
          <cell r="B1744" t="str">
            <v>ﾄﾏｺﾏｲｹﾐｶﾙ</v>
          </cell>
          <cell r="C1744" t="str">
            <v>苫小牧ケミカル（株）</v>
          </cell>
          <cell r="D1744" t="str">
            <v>松崎 純男</v>
          </cell>
          <cell r="E1744" t="str">
            <v>代表取締役社長</v>
          </cell>
          <cell r="F1744" t="str">
            <v>059-1372</v>
          </cell>
          <cell r="G1744" t="str">
            <v>苫小牧市字勇払１５２</v>
          </cell>
          <cell r="H1744" t="str">
            <v>0144-56-0231</v>
          </cell>
          <cell r="I1744" t="str">
            <v>0144-56-1864</v>
          </cell>
        </row>
        <row r="1745">
          <cell r="A1745" t="str">
            <v>20285R</v>
          </cell>
          <cell r="B1745" t="str">
            <v>ﾄﾞｳｴｲｼｮｳｼﾞ</v>
          </cell>
          <cell r="C1745" t="str">
            <v>道英商事（株）</v>
          </cell>
          <cell r="D1745" t="str">
            <v>西川 誠之</v>
          </cell>
          <cell r="E1745" t="str">
            <v>代表取締役</v>
          </cell>
          <cell r="F1745" t="str">
            <v>005-0806</v>
          </cell>
          <cell r="G1745" t="str">
            <v>南区川沿６－２－２－１５</v>
          </cell>
          <cell r="H1745" t="str">
            <v>578-1313</v>
          </cell>
          <cell r="I1745" t="str">
            <v>572-7727</v>
          </cell>
        </row>
        <row r="1746">
          <cell r="A1746" t="str">
            <v>20286N</v>
          </cell>
          <cell r="B1746" t="str">
            <v>ﾄｳｷｮｳｵｰﾄﾘｰｽ</v>
          </cell>
          <cell r="C1746" t="str">
            <v>東京オートリース（株）</v>
          </cell>
          <cell r="D1746" t="str">
            <v>芦谷 昭司</v>
          </cell>
          <cell r="E1746" t="str">
            <v>取締役社長</v>
          </cell>
          <cell r="F1746" t="str">
            <v>141-0032</v>
          </cell>
          <cell r="G1746" t="str">
            <v>東京都品川区大崎１－６－４新大崎勧業ビル</v>
          </cell>
          <cell r="H1746" t="str">
            <v>03-5436-3711</v>
          </cell>
          <cell r="I1746" t="str">
            <v>03-5436-3755</v>
          </cell>
        </row>
        <row r="1747">
          <cell r="A1747" t="str">
            <v>20287Y</v>
          </cell>
          <cell r="B1747" t="str">
            <v>ﾄﾓｴｼｮｳｼﾞ</v>
          </cell>
          <cell r="C1747" t="str">
            <v>トモエ商事（株）</v>
          </cell>
          <cell r="D1747" t="str">
            <v>佐藤 和夫</v>
          </cell>
          <cell r="E1747" t="str">
            <v>代表取締役</v>
          </cell>
          <cell r="F1747" t="str">
            <v>004-0041</v>
          </cell>
          <cell r="G1747" t="str">
            <v>厚別区大谷地東１－３－２３</v>
          </cell>
          <cell r="H1747" t="str">
            <v>891-2388</v>
          </cell>
          <cell r="I1747" t="str">
            <v>891-2388</v>
          </cell>
        </row>
        <row r="1748">
          <cell r="A1748" t="str">
            <v>20288W</v>
          </cell>
          <cell r="B1748" t="str">
            <v>ﾃｸﾉｽﾎｯｶｲﾄﾞｳ</v>
          </cell>
          <cell r="C1748" t="str">
            <v>（株）テクノス北海道</v>
          </cell>
          <cell r="D1748" t="str">
            <v>篠原 春視</v>
          </cell>
          <cell r="E1748" t="str">
            <v>代表取締役</v>
          </cell>
          <cell r="F1748" t="str">
            <v>070-8044</v>
          </cell>
          <cell r="G1748" t="str">
            <v>旭川市忠和４－７－４－１０</v>
          </cell>
          <cell r="H1748" t="str">
            <v>0166-62-7878</v>
          </cell>
          <cell r="I1748" t="str">
            <v>0166-62-0007</v>
          </cell>
        </row>
        <row r="1749">
          <cell r="A1749" t="str">
            <v>20293W</v>
          </cell>
          <cell r="B1749" t="str">
            <v>ﾄﾏｺﾏｲｴｰｼﾞｪﾝｼｰ</v>
          </cell>
          <cell r="C1749" t="str">
            <v>（株）苫小牧エージェンシー</v>
          </cell>
          <cell r="D1749" t="str">
            <v>志田 修二</v>
          </cell>
          <cell r="E1749" t="str">
            <v>代表取締役</v>
          </cell>
          <cell r="F1749" t="str">
            <v>053-0011</v>
          </cell>
          <cell r="G1749" t="str">
            <v>苫小牧市末広町３－６－１４</v>
          </cell>
          <cell r="H1749" t="str">
            <v>0144-33-0268</v>
          </cell>
          <cell r="I1749" t="str">
            <v>0144-35-1162</v>
          </cell>
        </row>
        <row r="1750">
          <cell r="A1750" t="str">
            <v>20295P</v>
          </cell>
          <cell r="B1750" t="str">
            <v>ﾄｳｺ</v>
          </cell>
          <cell r="C1750" t="str">
            <v>トウコ</v>
          </cell>
          <cell r="D1750" t="str">
            <v>東 則雄</v>
          </cell>
          <cell r="E1750" t="str">
            <v>代表</v>
          </cell>
          <cell r="F1750" t="str">
            <v>003-0876</v>
          </cell>
          <cell r="G1750" t="str">
            <v>白石区東米里２０２８</v>
          </cell>
          <cell r="H1750" t="str">
            <v>872-2526</v>
          </cell>
          <cell r="I1750" t="str">
            <v>872-2516</v>
          </cell>
        </row>
        <row r="1751">
          <cell r="A1751" t="str">
            <v>20296Z</v>
          </cell>
          <cell r="B1751" t="str">
            <v>ﾄｩｰｻｯﾎﾟﾛ</v>
          </cell>
          <cell r="C1751" t="str">
            <v>（株）Ｔｏｏ札幌</v>
          </cell>
          <cell r="D1751" t="str">
            <v>小笠原 弘美</v>
          </cell>
          <cell r="E1751" t="str">
            <v>ゼネラルマネージャー</v>
          </cell>
          <cell r="F1751" t="str">
            <v>060-0061</v>
          </cell>
          <cell r="G1751" t="str">
            <v>中央区南１西５－５ 講談社ビル２</v>
          </cell>
          <cell r="H1751" t="str">
            <v>241-5431</v>
          </cell>
          <cell r="I1751" t="str">
            <v>242-3035</v>
          </cell>
        </row>
        <row r="1752">
          <cell r="A1752" t="str">
            <v>20298V</v>
          </cell>
          <cell r="B1752" t="str">
            <v>ﾄｹｲﾀﾞｲﾊﾞｽ</v>
          </cell>
          <cell r="C1752" t="str">
            <v>時計台バス（株）</v>
          </cell>
          <cell r="D1752" t="str">
            <v>吉田 淳一</v>
          </cell>
          <cell r="E1752" t="str">
            <v>代表取締役社長</v>
          </cell>
          <cell r="F1752" t="str">
            <v>003-0012</v>
          </cell>
          <cell r="G1752" t="str">
            <v>白石区中央２－５－２－１４</v>
          </cell>
          <cell r="H1752" t="str">
            <v>815-1711</v>
          </cell>
          <cell r="I1752" t="str">
            <v>815-6661</v>
          </cell>
        </row>
        <row r="1753">
          <cell r="A1753" t="str">
            <v>20299S</v>
          </cell>
          <cell r="B1753" t="str">
            <v>ﾄﾞｺﾓﾓﾊﾞｲﾙﾎｯｶｲﾄﾞｳ</v>
          </cell>
          <cell r="C1753" t="str">
            <v>ドコモモバイル北海道（株）</v>
          </cell>
          <cell r="D1753" t="str">
            <v>坪井 碩喜</v>
          </cell>
          <cell r="E1753" t="str">
            <v>代表取締役社長</v>
          </cell>
          <cell r="F1753" t="str">
            <v>062-0020</v>
          </cell>
          <cell r="G1753" t="str">
            <v>豊平区月寒中央通１１－２－２０ ドコモ月寒ビル</v>
          </cell>
          <cell r="H1753" t="str">
            <v>854-5111</v>
          </cell>
          <cell r="I1753" t="str">
            <v>859-2712</v>
          </cell>
        </row>
        <row r="1754">
          <cell r="A1754" t="str">
            <v>20300Z</v>
          </cell>
          <cell r="B1754" t="str">
            <v>ﾄﾞｳｴｲｼｷﾞｮｳ</v>
          </cell>
          <cell r="C1754" t="str">
            <v>道栄紙業（株）</v>
          </cell>
          <cell r="D1754" t="str">
            <v>黒崎 昇</v>
          </cell>
          <cell r="E1754" t="str">
            <v>代表取締役</v>
          </cell>
          <cell r="F1754" t="str">
            <v>044-0077</v>
          </cell>
          <cell r="G1754" t="str">
            <v>虻田郡倶知安町字比羅夫２８３</v>
          </cell>
          <cell r="H1754" t="str">
            <v>0136-23-2323</v>
          </cell>
          <cell r="I1754" t="str">
            <v>0136-23-2545</v>
          </cell>
        </row>
        <row r="1755">
          <cell r="A1755" t="str">
            <v>20302V</v>
          </cell>
          <cell r="B1755" t="str">
            <v>ﾄｳｷｮｳﾘｰｶﾞﾙﾏｲﾝﾄﾞ</v>
          </cell>
          <cell r="C1755" t="str">
            <v>（株）東京リーガルマインド札幌支社</v>
          </cell>
          <cell r="D1755" t="str">
            <v>窪田 克彦</v>
          </cell>
          <cell r="E1755" t="str">
            <v>支社長</v>
          </cell>
          <cell r="F1755" t="str">
            <v>060-0004</v>
          </cell>
          <cell r="G1755" t="str">
            <v>中央区北４西５－１ アスティ４５ビル</v>
          </cell>
          <cell r="H1755" t="str">
            <v>210-5002</v>
          </cell>
          <cell r="I1755" t="str">
            <v>210-7770</v>
          </cell>
        </row>
        <row r="1756">
          <cell r="A1756" t="str">
            <v>20303S</v>
          </cell>
          <cell r="B1756" t="str">
            <v>ﾄｳｺｳ</v>
          </cell>
          <cell r="C1756" t="str">
            <v>（株）東宏</v>
          </cell>
          <cell r="D1756" t="str">
            <v>山川 哲司</v>
          </cell>
          <cell r="E1756" t="str">
            <v>代表取締役</v>
          </cell>
          <cell r="F1756" t="str">
            <v>065-0020</v>
          </cell>
          <cell r="G1756" t="str">
            <v>東区北２０東５－１－７</v>
          </cell>
          <cell r="H1756" t="str">
            <v>742-3331</v>
          </cell>
          <cell r="I1756" t="str">
            <v>742-3333</v>
          </cell>
        </row>
        <row r="1757">
          <cell r="A1757" t="str">
            <v>20307T</v>
          </cell>
          <cell r="B1757" t="str">
            <v>ﾄｳｼﾊﾞｿﾘｭｰｼｮﾝ</v>
          </cell>
          <cell r="C1757" t="str">
            <v>東芝ソリューション（株）北海道支社</v>
          </cell>
          <cell r="D1757" t="str">
            <v>吉森 静雄</v>
          </cell>
          <cell r="E1757" t="str">
            <v>北海道支社長</v>
          </cell>
          <cell r="F1757" t="str">
            <v>060-0003</v>
          </cell>
          <cell r="G1757" t="str">
            <v>中央区北３西１－１０</v>
          </cell>
          <cell r="H1757" t="str">
            <v>214-2492</v>
          </cell>
          <cell r="I1757" t="str">
            <v>280-3282</v>
          </cell>
        </row>
        <row r="1758">
          <cell r="A1758" t="str">
            <v>20308R</v>
          </cell>
          <cell r="B1758" t="str">
            <v>ﾄｳｼﾊﾞﾃｸﾉﾈｯﾄﾜｰｸ</v>
          </cell>
          <cell r="C1758" t="str">
            <v>東芝テクノネットワーク（株）北海道本部</v>
          </cell>
          <cell r="D1758" t="str">
            <v>越智 敏昭</v>
          </cell>
          <cell r="E1758" t="str">
            <v>本部長</v>
          </cell>
          <cell r="F1758" t="str">
            <v>062-0051</v>
          </cell>
          <cell r="G1758" t="str">
            <v>豊平区月寒東１－１７－５－５０</v>
          </cell>
          <cell r="H1758" t="str">
            <v>852-5275</v>
          </cell>
          <cell r="I1758" t="str">
            <v>852-5375</v>
          </cell>
        </row>
        <row r="1759">
          <cell r="A1759" t="str">
            <v>20309N</v>
          </cell>
          <cell r="B1759" t="str">
            <v>ｱｽﾚｯｸ</v>
          </cell>
          <cell r="C1759" t="str">
            <v>（株）アスレック</v>
          </cell>
          <cell r="D1759" t="str">
            <v>細川 好信</v>
          </cell>
          <cell r="E1759" t="str">
            <v>代表取締役</v>
          </cell>
          <cell r="F1759" t="str">
            <v>062-0921</v>
          </cell>
          <cell r="G1759" t="str">
            <v>豊平区中の島１－１０－１０－２０</v>
          </cell>
          <cell r="H1759" t="str">
            <v>831-6331</v>
          </cell>
          <cell r="I1759" t="str">
            <v>831-6330</v>
          </cell>
        </row>
        <row r="1760">
          <cell r="A1760" t="str">
            <v>20310Y</v>
          </cell>
          <cell r="B1760" t="str">
            <v>ﾄﾗﾝｽｺｽﾓｽｼｰ･ｱｰﾙ･ｴﾑｻｯﾎﾟﾛ</v>
          </cell>
          <cell r="C1760" t="str">
            <v>ﾄﾗﾝｽｺｽﾓｽｼｰ・ｱｰﾙ・ｴﾑ札幌（株）</v>
          </cell>
          <cell r="D1760" t="str">
            <v>前川 達史</v>
          </cell>
          <cell r="E1760" t="str">
            <v>代表取締役</v>
          </cell>
          <cell r="F1760" t="str">
            <v>060-0031</v>
          </cell>
          <cell r="G1760" t="str">
            <v>中央区北１東１－６</v>
          </cell>
          <cell r="H1760" t="str">
            <v>290-3090</v>
          </cell>
          <cell r="I1760" t="str">
            <v>290-3095</v>
          </cell>
        </row>
        <row r="1761">
          <cell r="A1761" t="str">
            <v>20311W</v>
          </cell>
          <cell r="B1761" t="str">
            <v>ﾄﾞｳｼﾝﾒﾃﾞｨｯｸ</v>
          </cell>
          <cell r="C1761" t="str">
            <v>（株）道新メディック</v>
          </cell>
          <cell r="D1761" t="str">
            <v>田畑 正夫</v>
          </cell>
          <cell r="E1761" t="str">
            <v>代表取締役</v>
          </cell>
          <cell r="F1761" t="str">
            <v>001-0010</v>
          </cell>
          <cell r="G1761" t="str">
            <v>北区北１０西４－１－３道新北ビル５Ｆ</v>
          </cell>
          <cell r="H1761" t="str">
            <v>707-5661</v>
          </cell>
          <cell r="I1761" t="str">
            <v>707-5663</v>
          </cell>
        </row>
        <row r="1762">
          <cell r="A1762" t="str">
            <v>20313R</v>
          </cell>
          <cell r="B1762" t="str">
            <v>ﾄｳｷｮｳｺﾝﾋﾟｭｰﾀｻｰﾋﾞｽ</v>
          </cell>
          <cell r="C1762" t="str">
            <v>東京コンピュータサービス（株）</v>
          </cell>
          <cell r="D1762" t="str">
            <v>高山 允伯</v>
          </cell>
          <cell r="E1762" t="str">
            <v>代表取締役社長</v>
          </cell>
          <cell r="F1762" t="str">
            <v>102-0073</v>
          </cell>
          <cell r="G1762" t="str">
            <v>東京都千代田区九段北３－３－５</v>
          </cell>
          <cell r="H1762" t="str">
            <v>03-3221-6321</v>
          </cell>
          <cell r="I1762" t="str">
            <v>03-3264-6772</v>
          </cell>
        </row>
        <row r="1763">
          <cell r="A1763" t="str">
            <v>20315X</v>
          </cell>
          <cell r="B1763" t="str">
            <v>ﾅｵｲｺｳｹﾞｲｼｬ</v>
          </cell>
          <cell r="C1763" t="str">
            <v>（株）ナオヰ工芸社</v>
          </cell>
          <cell r="D1763" t="str">
            <v>直井 泰憲</v>
          </cell>
          <cell r="E1763" t="str">
            <v>代表取締役</v>
          </cell>
          <cell r="F1763" t="str">
            <v>001-0024</v>
          </cell>
          <cell r="G1763" t="str">
            <v>北区北２４西１７－１－１</v>
          </cell>
          <cell r="H1763" t="str">
            <v>726-8425</v>
          </cell>
          <cell r="I1763" t="str">
            <v>756-2625</v>
          </cell>
        </row>
        <row r="1764">
          <cell r="A1764" t="str">
            <v>20316V</v>
          </cell>
          <cell r="B1764" t="str">
            <v>ﾅｶﾞﾀｺｳｺｸ</v>
          </cell>
          <cell r="C1764" t="str">
            <v>長田広告（株）</v>
          </cell>
          <cell r="D1764" t="str">
            <v>長田 幸安</v>
          </cell>
          <cell r="E1764" t="str">
            <v>代表取締役</v>
          </cell>
          <cell r="F1764" t="str">
            <v>496-0045</v>
          </cell>
          <cell r="G1764" t="str">
            <v>愛知県津島市東柳原町５－５－１</v>
          </cell>
          <cell r="H1764" t="str">
            <v>0567-26-5251</v>
          </cell>
          <cell r="I1764" t="str">
            <v>0567-26-6099</v>
          </cell>
        </row>
        <row r="1765">
          <cell r="A1765" t="str">
            <v>20318P</v>
          </cell>
          <cell r="B1765" t="str">
            <v>ﾄﾞｳｵｳｶｶﾞｸ</v>
          </cell>
          <cell r="C1765" t="str">
            <v>（有）道央化学</v>
          </cell>
          <cell r="D1765" t="str">
            <v>瀧川 正明</v>
          </cell>
          <cell r="E1765" t="str">
            <v>代表取締役</v>
          </cell>
          <cell r="F1765" t="str">
            <v>060-0032</v>
          </cell>
          <cell r="G1765" t="str">
            <v>中央区北２東１０－１５－４</v>
          </cell>
          <cell r="H1765" t="str">
            <v>231-0187</v>
          </cell>
          <cell r="I1765" t="str">
            <v>231-0275</v>
          </cell>
        </row>
        <row r="1766">
          <cell r="A1766" t="str">
            <v>20319Z</v>
          </cell>
          <cell r="B1766" t="str">
            <v>ﾎｯｶｲﾄﾞｳﾄｳｼﾊﾞｼﾞｮｳﾎｳｷｷｻｰﾋﾞｽ</v>
          </cell>
          <cell r="C1766" t="str">
            <v>北海道東芝情報機器サービス（株）</v>
          </cell>
          <cell r="D1766" t="str">
            <v>日當 昇</v>
          </cell>
          <cell r="E1766" t="str">
            <v>代表取締役</v>
          </cell>
          <cell r="F1766" t="str">
            <v>064-0807</v>
          </cell>
          <cell r="G1766" t="str">
            <v>中央区南７西１ 弘安ビル</v>
          </cell>
          <cell r="H1766" t="str">
            <v>522-1048</v>
          </cell>
          <cell r="I1766" t="str">
            <v>522-1050</v>
          </cell>
        </row>
        <row r="1767">
          <cell r="A1767" t="str">
            <v>20320X</v>
          </cell>
          <cell r="B1767" t="str">
            <v>ﾄｳｼﾝｼｮｳｶｲ</v>
          </cell>
          <cell r="C1767" t="str">
            <v>東新商会</v>
          </cell>
          <cell r="D1767" t="str">
            <v>佐藤 正義</v>
          </cell>
          <cell r="E1767" t="str">
            <v>代表</v>
          </cell>
          <cell r="F1767" t="str">
            <v>003-0021</v>
          </cell>
          <cell r="G1767" t="str">
            <v>白石区栄通１６－５－１６</v>
          </cell>
          <cell r="H1767" t="str">
            <v>851-4409</v>
          </cell>
          <cell r="I1767" t="str">
            <v>851-4409</v>
          </cell>
        </row>
        <row r="1768">
          <cell r="A1768" t="str">
            <v>20321V</v>
          </cell>
          <cell r="B1768" t="str">
            <v>ﾄｳﾕｳ</v>
          </cell>
          <cell r="C1768" t="str">
            <v>（株）東友</v>
          </cell>
          <cell r="D1768" t="str">
            <v>浅野 昌子</v>
          </cell>
          <cell r="E1768" t="str">
            <v>代表取締役</v>
          </cell>
          <cell r="F1768" t="str">
            <v>060-0907</v>
          </cell>
          <cell r="G1768" t="str">
            <v>東区北７東３－２８－５０</v>
          </cell>
          <cell r="H1768" t="str">
            <v>731-5221</v>
          </cell>
          <cell r="I1768" t="str">
            <v>731-5020</v>
          </cell>
        </row>
        <row r="1769">
          <cell r="A1769" t="str">
            <v>20323P</v>
          </cell>
          <cell r="B1769" t="str">
            <v>ﾄﾐｻﾞﾜｹﾝｻﾞｲ</v>
          </cell>
          <cell r="C1769" t="str">
            <v>（有）冨澤建材</v>
          </cell>
          <cell r="D1769" t="str">
            <v>冨澤 光男</v>
          </cell>
          <cell r="E1769" t="str">
            <v>代表取締役</v>
          </cell>
          <cell r="F1769" t="str">
            <v>007-0846</v>
          </cell>
          <cell r="G1769" t="str">
            <v>東区北４６東７－５－２６</v>
          </cell>
          <cell r="H1769" t="str">
            <v>723-2100</v>
          </cell>
          <cell r="I1769" t="str">
            <v>723-7710</v>
          </cell>
        </row>
        <row r="1770">
          <cell r="A1770" t="str">
            <v>20324Z</v>
          </cell>
          <cell r="B1770" t="str">
            <v>ﾄﾏｺﾏｲｾｲｿｳ</v>
          </cell>
          <cell r="C1770" t="str">
            <v>苫小牧清掃（企組）</v>
          </cell>
          <cell r="D1770" t="str">
            <v>渡辺 健治</v>
          </cell>
          <cell r="E1770" t="str">
            <v>代表理事</v>
          </cell>
          <cell r="F1770" t="str">
            <v>053-0052</v>
          </cell>
          <cell r="G1770" t="str">
            <v>苫小牧市新開町２－２－１０</v>
          </cell>
          <cell r="H1770" t="str">
            <v>0144-51-6556</v>
          </cell>
          <cell r="I1770" t="str">
            <v>0144-57-8180</v>
          </cell>
        </row>
        <row r="1771">
          <cell r="A1771" t="str">
            <v>20325W</v>
          </cell>
          <cell r="B1771" t="str">
            <v>ﾄﾔﾏ</v>
          </cell>
          <cell r="C1771" t="str">
            <v>（株）外山</v>
          </cell>
          <cell r="D1771" t="str">
            <v>外山 勝敏</v>
          </cell>
          <cell r="E1771" t="str">
            <v>代表取締役</v>
          </cell>
          <cell r="F1771" t="str">
            <v>064-0912</v>
          </cell>
          <cell r="G1771" t="str">
            <v>中央区南１２西１７－４－５</v>
          </cell>
          <cell r="H1771" t="str">
            <v>563-3619</v>
          </cell>
          <cell r="I1771" t="str">
            <v>563-0613</v>
          </cell>
        </row>
        <row r="1772">
          <cell r="A1772" t="str">
            <v>20326T</v>
          </cell>
          <cell r="B1772" t="str">
            <v>ﾄｳｼﾊﾞﾃｸﾉｼｽﾃﾑ</v>
          </cell>
          <cell r="C1772" t="str">
            <v>東芝テクノシステム（株）札幌支店</v>
          </cell>
          <cell r="D1772" t="str">
            <v>赤間 正一</v>
          </cell>
          <cell r="E1772" t="str">
            <v>支店長</v>
          </cell>
          <cell r="F1772" t="str">
            <v>062-0051</v>
          </cell>
          <cell r="G1772" t="str">
            <v>豊平区月寒東１－１７－５－５０</v>
          </cell>
          <cell r="H1772" t="str">
            <v>852-6110</v>
          </cell>
          <cell r="I1772" t="str">
            <v>852-6015</v>
          </cell>
        </row>
        <row r="1773">
          <cell r="A1773" t="str">
            <v>20327R</v>
          </cell>
          <cell r="B1773" t="str">
            <v>ﾄｳｷｮｳｱｻﾋﾔｼｮﾃﾝ</v>
          </cell>
          <cell r="C1773" t="str">
            <v>（株）東京旭屋書店札幌営業所</v>
          </cell>
          <cell r="D1773" t="str">
            <v>津本 昌隆</v>
          </cell>
          <cell r="E1773" t="str">
            <v>所長</v>
          </cell>
          <cell r="F1773" t="str">
            <v>001-0010</v>
          </cell>
          <cell r="G1773" t="str">
            <v>北区北１０西１－１０ 浦野ビル８Ｆ</v>
          </cell>
          <cell r="H1773" t="str">
            <v>756-5860</v>
          </cell>
          <cell r="I1773" t="str">
            <v>756-5865</v>
          </cell>
        </row>
        <row r="1774">
          <cell r="A1774" t="str">
            <v>20328N</v>
          </cell>
          <cell r="B1774" t="str">
            <v>ﾄｳｷｮｳﾃﾞﾝﾊﾟｼｽﾃﾑ</v>
          </cell>
          <cell r="C1774" t="str">
            <v>東京電波システム（株）札幌支社</v>
          </cell>
          <cell r="D1774" t="str">
            <v>高橋 敏文</v>
          </cell>
          <cell r="E1774" t="str">
            <v>支社長</v>
          </cell>
          <cell r="F1774" t="str">
            <v>007-0890</v>
          </cell>
          <cell r="G1774" t="str">
            <v>東区中沼町１１３－６９</v>
          </cell>
          <cell r="H1774" t="str">
            <v>790-2084</v>
          </cell>
          <cell r="I1774" t="str">
            <v>790-2085</v>
          </cell>
        </row>
        <row r="1775">
          <cell r="A1775" t="str">
            <v>20329Y</v>
          </cell>
          <cell r="B1775" t="str">
            <v>ﾄｷﾜ</v>
          </cell>
          <cell r="C1775" t="str">
            <v>（株）トキワ北海道支店</v>
          </cell>
          <cell r="D1775" t="str">
            <v>小野寺 貢</v>
          </cell>
          <cell r="E1775" t="str">
            <v>支店長</v>
          </cell>
          <cell r="F1775" t="str">
            <v>053-0022</v>
          </cell>
          <cell r="G1775" t="str">
            <v>区苫小牧市表町３－２－１３</v>
          </cell>
          <cell r="H1775" t="str">
            <v>0144-34-4561</v>
          </cell>
          <cell r="I1775" t="str">
            <v>0144-34-4515</v>
          </cell>
        </row>
        <row r="1776">
          <cell r="A1776" t="str">
            <v>20331T</v>
          </cell>
          <cell r="B1776" t="str">
            <v>ﾄｳｼﾊﾞｱｸｱﾊﾟﾌﾞﾘｯｸﾃｸﾉｽ</v>
          </cell>
          <cell r="C1776" t="str">
            <v>東芝アクアパブリックテクノス（株）</v>
          </cell>
          <cell r="D1776" t="str">
            <v>安田 浩二</v>
          </cell>
          <cell r="E1776" t="str">
            <v>代表取締役</v>
          </cell>
          <cell r="F1776" t="str">
            <v>105-0014</v>
          </cell>
          <cell r="G1776" t="str">
            <v>東京都港区芝２－２－１４</v>
          </cell>
          <cell r="H1776" t="str">
            <v>03-3452-6711</v>
          </cell>
          <cell r="I1776" t="str">
            <v>03-3452-6719</v>
          </cell>
        </row>
        <row r="1777">
          <cell r="A1777" t="str">
            <v>20333N</v>
          </cell>
          <cell r="B1777" t="str">
            <v>ﾄｳﾖｳﾂｳｼﾝｺｳｷﾞｮｳ</v>
          </cell>
          <cell r="C1777" t="str">
            <v>東洋通信工業（株）</v>
          </cell>
          <cell r="D1777" t="str">
            <v>川上 徳広</v>
          </cell>
          <cell r="E1777" t="str">
            <v>代表取締役</v>
          </cell>
          <cell r="F1777" t="str">
            <v>160-0022</v>
          </cell>
          <cell r="G1777" t="str">
            <v>東京都新宿区新宿６－２５－７</v>
          </cell>
          <cell r="H1777" t="str">
            <v>03-6233-1750</v>
          </cell>
          <cell r="I1777" t="str">
            <v>03-6233-1760</v>
          </cell>
        </row>
        <row r="1778">
          <cell r="A1778" t="str">
            <v>20334Y</v>
          </cell>
          <cell r="B1778" t="str">
            <v>ﾄｳﾜｲｰｱﾝﾄﾞｼｰ</v>
          </cell>
          <cell r="C1778" t="str">
            <v>東和Ｅ＆Ｃ（株）</v>
          </cell>
          <cell r="D1778" t="str">
            <v>鈴木 和芳</v>
          </cell>
          <cell r="E1778" t="str">
            <v>代表取締役</v>
          </cell>
          <cell r="F1778" t="str">
            <v>065-0024</v>
          </cell>
          <cell r="G1778" t="str">
            <v>東区北２４東１５－４－１０</v>
          </cell>
          <cell r="H1778" t="str">
            <v>743-2233</v>
          </cell>
          <cell r="I1778" t="str">
            <v>743-2319</v>
          </cell>
        </row>
        <row r="1779">
          <cell r="A1779" t="str">
            <v>20335V</v>
          </cell>
          <cell r="B1779" t="str">
            <v>ﾄﾘｼﾏｴﾝｼﾞﾆｱﾘﾝｸﾞ</v>
          </cell>
          <cell r="C1779" t="str">
            <v>酉島エンジニアリング（株）</v>
          </cell>
          <cell r="D1779" t="str">
            <v>大江 佳典</v>
          </cell>
          <cell r="E1779" t="str">
            <v>代表取締役社長</v>
          </cell>
          <cell r="F1779" t="str">
            <v>569-8660</v>
          </cell>
          <cell r="G1779" t="str">
            <v>大阪府高槻市宮田町１－１－８</v>
          </cell>
          <cell r="H1779" t="str">
            <v>072-690-2324</v>
          </cell>
          <cell r="I1779" t="str">
            <v>072-690-2335</v>
          </cell>
        </row>
        <row r="1780">
          <cell r="A1780" t="str">
            <v>20336S</v>
          </cell>
          <cell r="B1780" t="str">
            <v>ﾄﾘｱﾄﾞｺｳﾎﾞｳ</v>
          </cell>
          <cell r="C1780" t="str">
            <v>（株）トリアド工房</v>
          </cell>
          <cell r="D1780" t="str">
            <v>伊藤 民郎</v>
          </cell>
          <cell r="E1780" t="str">
            <v>代表取締役</v>
          </cell>
          <cell r="F1780" t="str">
            <v>192-0352</v>
          </cell>
          <cell r="G1780" t="str">
            <v>東京都八王子市大塚６３６－２</v>
          </cell>
          <cell r="H1780" t="str">
            <v>0426-75-2696</v>
          </cell>
          <cell r="I1780" t="str">
            <v>0426-75-6098</v>
          </cell>
        </row>
        <row r="1781">
          <cell r="A1781" t="str">
            <v>20337P</v>
          </cell>
          <cell r="B1781" t="str">
            <v>ﾄｳｷｭｳﾘﾈﾝ･ｻﾌﾟﾗｲﾎｯｶｲﾄﾞｳ</v>
          </cell>
          <cell r="C1781" t="str">
            <v>（株）東急リネン・サプライ北海道</v>
          </cell>
          <cell r="D1781" t="str">
            <v>柳谷 紀秀</v>
          </cell>
          <cell r="E1781" t="str">
            <v>代表取締役社長</v>
          </cell>
          <cell r="F1781" t="str">
            <v>062-0904</v>
          </cell>
          <cell r="G1781" t="str">
            <v>豊平区豊平４－９－１－１</v>
          </cell>
          <cell r="H1781" t="str">
            <v>822-6110</v>
          </cell>
          <cell r="I1781" t="str">
            <v>822-4350</v>
          </cell>
        </row>
        <row r="1782">
          <cell r="A1782" t="str">
            <v>20338Z</v>
          </cell>
          <cell r="B1782" t="str">
            <v>ﾄｳﾌﾞﾘｮｸﾁ</v>
          </cell>
          <cell r="C1782" t="str">
            <v>東武緑地（株）札幌支店</v>
          </cell>
          <cell r="D1782" t="str">
            <v>濱田 正祥</v>
          </cell>
          <cell r="E1782" t="str">
            <v>支店長</v>
          </cell>
          <cell r="F1782" t="str">
            <v>060-0062</v>
          </cell>
          <cell r="G1782" t="str">
            <v>中央区南２西１０－１－４第２サントービル７Ｆ</v>
          </cell>
          <cell r="H1782" t="str">
            <v>231-8685</v>
          </cell>
          <cell r="I1782" t="str">
            <v>232-7499</v>
          </cell>
        </row>
        <row r="1783">
          <cell r="A1783" t="str">
            <v>20339X</v>
          </cell>
          <cell r="B1783" t="str">
            <v>ﾄｳｼﾊﾞﾃﾞﾝｻﾞｲﾏｰｹﾃｨﾝｸﾞ</v>
          </cell>
          <cell r="C1783" t="str">
            <v>東芝電材マーケティング（株）</v>
          </cell>
          <cell r="D1783" t="str">
            <v>浦本 敬一</v>
          </cell>
          <cell r="E1783" t="str">
            <v>執行役員北海道電材社社長</v>
          </cell>
          <cell r="F1783" t="str">
            <v>004-0041</v>
          </cell>
          <cell r="G1783" t="str">
            <v>厚別区大谷地東７－２－１</v>
          </cell>
          <cell r="H1783" t="str">
            <v>891-3331</v>
          </cell>
          <cell r="I1783" t="str">
            <v>891-1184</v>
          </cell>
        </row>
        <row r="1784">
          <cell r="A1784" t="str">
            <v>20342P</v>
          </cell>
          <cell r="B1784" t="str">
            <v>ﾄｳｷｮｳｿｳｺﾞｳｶﾝﾘ</v>
          </cell>
          <cell r="C1784" t="str">
            <v>東京綜合管理（株）</v>
          </cell>
          <cell r="D1784" t="str">
            <v>市川 禎一</v>
          </cell>
          <cell r="E1784" t="str">
            <v>代表取締役</v>
          </cell>
          <cell r="F1784" t="str">
            <v>188-0011</v>
          </cell>
          <cell r="G1784" t="str">
            <v>東京都西東京市田無町５－４－８</v>
          </cell>
          <cell r="H1784" t="str">
            <v>0424-67-0411</v>
          </cell>
          <cell r="I1784" t="str">
            <v>0424-64-8740</v>
          </cell>
        </row>
        <row r="1785">
          <cell r="A1785" t="str">
            <v>20343Z</v>
          </cell>
          <cell r="B1785" t="str">
            <v>ﾄｳｷｮｳｱｲﾃｯｸ</v>
          </cell>
          <cell r="C1785" t="str">
            <v>東京アイテック（株）</v>
          </cell>
          <cell r="D1785" t="str">
            <v>中野 喜一郎</v>
          </cell>
          <cell r="E1785" t="str">
            <v>代表取締役</v>
          </cell>
          <cell r="F1785" t="str">
            <v>100-0011</v>
          </cell>
          <cell r="G1785" t="str">
            <v>東京都千代田区内幸町１－２－２</v>
          </cell>
          <cell r="H1785" t="str">
            <v>03-3506-0055</v>
          </cell>
          <cell r="I1785" t="str">
            <v>03-3506-0057</v>
          </cell>
        </row>
        <row r="1786">
          <cell r="A1786" t="str">
            <v>20344X</v>
          </cell>
          <cell r="B1786" t="str">
            <v>ﾄｳｷｮｳﾃｸﾆｶﾙ･ｻｰﾋﾞｽ</v>
          </cell>
          <cell r="C1786" t="str">
            <v>東京テクニカル・サービス（株）</v>
          </cell>
          <cell r="D1786" t="str">
            <v>吉池 南</v>
          </cell>
          <cell r="E1786" t="str">
            <v>代表取締役</v>
          </cell>
          <cell r="F1786" t="str">
            <v>279-0022</v>
          </cell>
          <cell r="G1786" t="str">
            <v>千葉県浦安市今川４－１２－３８－１</v>
          </cell>
          <cell r="H1786" t="str">
            <v>047-354-5337</v>
          </cell>
          <cell r="I1786" t="str">
            <v>03-5667-1084</v>
          </cell>
        </row>
        <row r="1787">
          <cell r="A1787" t="str">
            <v>20345T</v>
          </cell>
          <cell r="B1787" t="str">
            <v>ﾄｰﾖｰｽｲｹﾝ</v>
          </cell>
          <cell r="C1787" t="str">
            <v>（株）トーヨー水研仙台支店</v>
          </cell>
          <cell r="D1787" t="str">
            <v>宮崎 訓</v>
          </cell>
          <cell r="E1787" t="str">
            <v>支店長</v>
          </cell>
          <cell r="F1787" t="str">
            <v>982-0011</v>
          </cell>
          <cell r="G1787" t="str">
            <v>区仙台市太白区長町２－６－２７</v>
          </cell>
          <cell r="H1787" t="str">
            <v>022-308-6810</v>
          </cell>
          <cell r="I1787" t="str">
            <v>022-308-6815</v>
          </cell>
        </row>
        <row r="1788">
          <cell r="A1788" t="str">
            <v>20346R</v>
          </cell>
          <cell r="B1788" t="str">
            <v>ﾄｯﾌﾟｽｳｫｰﾀｰ</v>
          </cell>
          <cell r="C1788" t="str">
            <v>（株）トップスウォーター</v>
          </cell>
          <cell r="D1788" t="str">
            <v>根本 行康</v>
          </cell>
          <cell r="E1788" t="str">
            <v>代表取締役社長</v>
          </cell>
          <cell r="F1788" t="str">
            <v>103-0022</v>
          </cell>
          <cell r="G1788" t="str">
            <v>東京都中央区日本橋室町４－４－３</v>
          </cell>
          <cell r="H1788" t="str">
            <v>03-3245-8561</v>
          </cell>
          <cell r="I1788" t="str">
            <v>03-3245-8563</v>
          </cell>
        </row>
        <row r="1789">
          <cell r="A1789" t="str">
            <v>20347N</v>
          </cell>
          <cell r="B1789" t="str">
            <v>ﾄｷｺﾃｸﾉ</v>
          </cell>
          <cell r="C1789" t="str">
            <v>トキコテクノ（株）北海道支店</v>
          </cell>
          <cell r="D1789" t="str">
            <v>熊谷 隆</v>
          </cell>
          <cell r="E1789" t="str">
            <v>取締役支店長</v>
          </cell>
          <cell r="F1789" t="str">
            <v>063-0837</v>
          </cell>
          <cell r="G1789" t="str">
            <v>西区発寒１７－１４－１０８６－４０</v>
          </cell>
          <cell r="H1789" t="str">
            <v>666-1117</v>
          </cell>
          <cell r="I1789" t="str">
            <v>666-4817</v>
          </cell>
        </row>
        <row r="1790">
          <cell r="A1790" t="str">
            <v>20348Y</v>
          </cell>
          <cell r="B1790" t="str">
            <v>ﾄﾑ</v>
          </cell>
          <cell r="C1790" t="str">
            <v>（有）トム</v>
          </cell>
          <cell r="D1790" t="str">
            <v>大場 昇</v>
          </cell>
          <cell r="E1790" t="str">
            <v>代表取締役</v>
          </cell>
          <cell r="F1790" t="str">
            <v>003-0003</v>
          </cell>
          <cell r="G1790" t="str">
            <v>白石区東札幌３－１－２－１</v>
          </cell>
          <cell r="H1790" t="str">
            <v>832-3551</v>
          </cell>
          <cell r="I1790" t="str">
            <v>832-3553</v>
          </cell>
        </row>
        <row r="1791">
          <cell r="A1791" t="str">
            <v>20349W</v>
          </cell>
          <cell r="B1791" t="str">
            <v>ﾄｰｶﾝｵﾘｴﾝｽ</v>
          </cell>
          <cell r="C1791" t="str">
            <v>（株）トーカンオリエンス</v>
          </cell>
          <cell r="D1791" t="str">
            <v>三瓶 晴彦</v>
          </cell>
          <cell r="E1791" t="str">
            <v>代表取締役</v>
          </cell>
          <cell r="F1791" t="str">
            <v>173-0004</v>
          </cell>
          <cell r="G1791" t="str">
            <v>東京都板橋区板橋１－４２－９</v>
          </cell>
          <cell r="H1791" t="str">
            <v>03-3598-5721</v>
          </cell>
          <cell r="I1791" t="str">
            <v>03-3598-5722</v>
          </cell>
        </row>
        <row r="1792">
          <cell r="A1792" t="str">
            <v>20504W</v>
          </cell>
          <cell r="B1792" t="str">
            <v>ﾅｶﾐﾁｷｶｲ</v>
          </cell>
          <cell r="C1792" t="str">
            <v>中道機械（株）</v>
          </cell>
          <cell r="D1792" t="str">
            <v>鉄井 勝之</v>
          </cell>
          <cell r="E1792" t="str">
            <v>代表取締役</v>
          </cell>
          <cell r="F1792" t="str">
            <v>060-8618</v>
          </cell>
          <cell r="G1792" t="str">
            <v>中央区北１東３－３</v>
          </cell>
          <cell r="H1792" t="str">
            <v>241-4191</v>
          </cell>
          <cell r="I1792" t="str">
            <v>231-0648</v>
          </cell>
        </row>
        <row r="1793">
          <cell r="A1793" t="str">
            <v>20508X</v>
          </cell>
          <cell r="B1793" t="str">
            <v>ﾅﾗｻｷｻﾝｷﾞｮｳ</v>
          </cell>
          <cell r="C1793" t="str">
            <v>ナラサキ産業（株）北海道支社</v>
          </cell>
          <cell r="D1793" t="str">
            <v>桜井 一夫</v>
          </cell>
          <cell r="E1793" t="str">
            <v>取締役常務執行役員北海道支社長</v>
          </cell>
          <cell r="F1793" t="str">
            <v>060-0001</v>
          </cell>
          <cell r="G1793" t="str">
            <v>中央区北１西７ プレスト１・７ビル１０Ｆ</v>
          </cell>
          <cell r="H1793" t="str">
            <v>271-5271</v>
          </cell>
          <cell r="I1793" t="str">
            <v>222-5054</v>
          </cell>
        </row>
        <row r="1794">
          <cell r="A1794" t="str">
            <v>20509V</v>
          </cell>
          <cell r="B1794" t="str">
            <v>ﾅｶﾀﾞｲｶｲﾊﾂｺｳｷﾞｮｳ</v>
          </cell>
          <cell r="C1794" t="str">
            <v>中大開発興業（株）</v>
          </cell>
          <cell r="D1794" t="str">
            <v>森岡 勇</v>
          </cell>
          <cell r="E1794" t="str">
            <v>代表取締役</v>
          </cell>
          <cell r="F1794" t="str">
            <v>062-0054</v>
          </cell>
          <cell r="G1794" t="str">
            <v>豊平区月寒東４－１６－４－２５</v>
          </cell>
          <cell r="H1794" t="str">
            <v>852-2184</v>
          </cell>
          <cell r="I1794" t="str">
            <v>852-8013</v>
          </cell>
        </row>
        <row r="1795">
          <cell r="A1795" t="str">
            <v>20511P</v>
          </cell>
          <cell r="B1795" t="str">
            <v>ﾅｶﾆｼｲﾝｻﾂ</v>
          </cell>
          <cell r="C1795" t="str">
            <v>中西印刷（株）</v>
          </cell>
          <cell r="D1795" t="str">
            <v>中西 弘也</v>
          </cell>
          <cell r="E1795" t="str">
            <v>代表取締役</v>
          </cell>
          <cell r="F1795" t="str">
            <v>007-0823</v>
          </cell>
          <cell r="G1795" t="str">
            <v>東区東雁来３－１－１－３４</v>
          </cell>
          <cell r="H1795" t="str">
            <v>781-7501</v>
          </cell>
          <cell r="I1795" t="str">
            <v>781-7516</v>
          </cell>
        </row>
        <row r="1796">
          <cell r="A1796" t="str">
            <v>20512Z</v>
          </cell>
          <cell r="B1796" t="str">
            <v>ﾅｶﾔﾏｷﾞｼﾞｭﾂｺﾝｻﾙﾀﾝﾄ</v>
          </cell>
          <cell r="C1796" t="str">
            <v>中山技術コンサルタント（株）</v>
          </cell>
          <cell r="D1796" t="str">
            <v>中山 尚之</v>
          </cell>
          <cell r="E1796" t="str">
            <v>代表取締役</v>
          </cell>
          <cell r="F1796" t="str">
            <v>063-0837</v>
          </cell>
          <cell r="G1796" t="str">
            <v>西区発寒１７－１４－２－８</v>
          </cell>
          <cell r="H1796" t="str">
            <v>665-0531</v>
          </cell>
          <cell r="I1796" t="str">
            <v>665-0557</v>
          </cell>
        </row>
        <row r="1797">
          <cell r="A1797" t="str">
            <v>20513X</v>
          </cell>
          <cell r="B1797" t="str">
            <v>ﾅｶﾊﾗﾃﾞﾝｷｼｮｳｶｲ</v>
          </cell>
          <cell r="C1797" t="str">
            <v>（株）中原電気商会</v>
          </cell>
          <cell r="D1797" t="str">
            <v>中原 泰文</v>
          </cell>
          <cell r="E1797" t="str">
            <v>代表取締役</v>
          </cell>
          <cell r="F1797" t="str">
            <v>060-0002</v>
          </cell>
          <cell r="G1797" t="str">
            <v>中央区北２西２－２９－１</v>
          </cell>
          <cell r="H1797" t="str">
            <v>261-6511</v>
          </cell>
          <cell r="I1797" t="str">
            <v>261-6516</v>
          </cell>
        </row>
        <row r="1798">
          <cell r="A1798" t="str">
            <v>20515R</v>
          </cell>
          <cell r="B1798" t="str">
            <v>ﾅﾅｵｳｻﾝｷﾞｮｳ</v>
          </cell>
          <cell r="C1798" t="str">
            <v>七欧産業（株）</v>
          </cell>
          <cell r="D1798" t="str">
            <v>嶋 信介</v>
          </cell>
          <cell r="E1798" t="str">
            <v>代表取締役</v>
          </cell>
          <cell r="F1798" t="str">
            <v>060-0011</v>
          </cell>
          <cell r="G1798" t="str">
            <v>中央区北１１西１７－３６－１２０</v>
          </cell>
          <cell r="H1798" t="str">
            <v>631-7365</v>
          </cell>
          <cell r="I1798" t="str">
            <v>631-7369</v>
          </cell>
        </row>
        <row r="1799">
          <cell r="A1799" t="str">
            <v>20516N</v>
          </cell>
          <cell r="B1799" t="str">
            <v>ﾅｶﾔﾏﾐｼﾝｼｮｳｼﾞ</v>
          </cell>
          <cell r="C1799" t="str">
            <v>中山ミシン商事（株）</v>
          </cell>
          <cell r="D1799" t="str">
            <v>中山 菊雄</v>
          </cell>
          <cell r="E1799" t="str">
            <v>代表取締役</v>
          </cell>
          <cell r="F1799" t="str">
            <v>060-0063</v>
          </cell>
          <cell r="G1799" t="str">
            <v>中央区南３西３－１</v>
          </cell>
          <cell r="H1799" t="str">
            <v>261-3408</v>
          </cell>
          <cell r="I1799" t="str">
            <v>232-1649</v>
          </cell>
        </row>
        <row r="1800">
          <cell r="A1800" t="str">
            <v>20517Y</v>
          </cell>
          <cell r="B1800" t="str">
            <v>ﾅｲｶﾞｲｶｶﾞｸｾｲﾋﾝ</v>
          </cell>
          <cell r="C1800" t="str">
            <v>内外化学製品（株）札幌営業所</v>
          </cell>
          <cell r="D1800" t="str">
            <v>兜森 義也</v>
          </cell>
          <cell r="E1800" t="str">
            <v>所長</v>
          </cell>
          <cell r="F1800" t="str">
            <v>003-0004</v>
          </cell>
          <cell r="G1800" t="str">
            <v>白石区東札幌４－１－２－２０ 安全ビル４Ｆ</v>
          </cell>
          <cell r="H1800" t="str">
            <v>814-8191</v>
          </cell>
          <cell r="I1800" t="str">
            <v>814-8196</v>
          </cell>
        </row>
        <row r="1801">
          <cell r="A1801" t="str">
            <v>20519T</v>
          </cell>
          <cell r="B1801" t="str">
            <v>ﾅｶﾐﾁ</v>
          </cell>
          <cell r="C1801" t="str">
            <v>（有）なかみち</v>
          </cell>
          <cell r="D1801" t="str">
            <v>中道 博國</v>
          </cell>
          <cell r="E1801" t="str">
            <v>代表取締役</v>
          </cell>
          <cell r="F1801" t="str">
            <v>004-0834</v>
          </cell>
          <cell r="G1801" t="str">
            <v>清田区真栄４－２－２－２０</v>
          </cell>
          <cell r="H1801" t="str">
            <v>884-2952</v>
          </cell>
          <cell r="I1801" t="str">
            <v>884-2953</v>
          </cell>
        </row>
        <row r="1802">
          <cell r="A1802" t="str">
            <v>20523W</v>
          </cell>
          <cell r="B1802" t="str">
            <v>ﾅｶﾔﾏｷｶｲ</v>
          </cell>
          <cell r="C1802" t="str">
            <v>中山機械（株）</v>
          </cell>
          <cell r="D1802" t="str">
            <v>石津 晴夫</v>
          </cell>
          <cell r="E1802" t="str">
            <v>代表取締役</v>
          </cell>
          <cell r="F1802" t="str">
            <v>061-1112</v>
          </cell>
          <cell r="G1802" t="str">
            <v>北広島市共栄５４－１３</v>
          </cell>
          <cell r="H1802" t="str">
            <v>373-3521</v>
          </cell>
          <cell r="I1802" t="str">
            <v>373-5009</v>
          </cell>
        </row>
        <row r="1803">
          <cell r="A1803" t="str">
            <v>20525P</v>
          </cell>
          <cell r="B1803" t="str">
            <v>ﾅｶﾑﾗﾋﾞｺｳｼｬ</v>
          </cell>
          <cell r="C1803" t="str">
            <v>（株）なかむら美巧社</v>
          </cell>
          <cell r="D1803" t="str">
            <v>中村 昌彦</v>
          </cell>
          <cell r="E1803" t="str">
            <v>代表取締役</v>
          </cell>
          <cell r="F1803" t="str">
            <v>003-0023</v>
          </cell>
          <cell r="G1803" t="str">
            <v>白石区南郷通１４北６－１８</v>
          </cell>
          <cell r="H1803" t="str">
            <v>861-1978</v>
          </cell>
          <cell r="I1803" t="str">
            <v>864-7714</v>
          </cell>
        </row>
        <row r="1804">
          <cell r="A1804" t="str">
            <v>20537W</v>
          </cell>
          <cell r="B1804" t="str">
            <v>ﾅｶﾊﾞﾔｼ</v>
          </cell>
          <cell r="C1804" t="str">
            <v>ナカバヤシ（株）札幌営業所</v>
          </cell>
          <cell r="D1804" t="str">
            <v>平山 延宏</v>
          </cell>
          <cell r="E1804" t="str">
            <v>所長代行</v>
          </cell>
          <cell r="F1804" t="str">
            <v>060-0007</v>
          </cell>
          <cell r="G1804" t="str">
            <v>中央区北７西２１－２－１</v>
          </cell>
          <cell r="H1804" t="str">
            <v>616-7884</v>
          </cell>
          <cell r="I1804" t="str">
            <v>616-0567</v>
          </cell>
        </row>
        <row r="1805">
          <cell r="A1805" t="str">
            <v>20538T</v>
          </cell>
          <cell r="B1805" t="str">
            <v>ﾅｶﾑﾗｻｰﾋﾞｽ</v>
          </cell>
          <cell r="C1805" t="str">
            <v>（株）ナカムラサービス</v>
          </cell>
          <cell r="D1805" t="str">
            <v>中村 孝</v>
          </cell>
          <cell r="E1805" t="str">
            <v>代表取締役</v>
          </cell>
          <cell r="F1805" t="str">
            <v>003-0025</v>
          </cell>
          <cell r="G1805" t="str">
            <v>白石区本郷通８北２－２４</v>
          </cell>
          <cell r="H1805" t="str">
            <v>863-1579</v>
          </cell>
          <cell r="I1805" t="str">
            <v>863-1580</v>
          </cell>
        </row>
        <row r="1806">
          <cell r="A1806" t="str">
            <v>20540N</v>
          </cell>
          <cell r="B1806" t="str">
            <v>ﾅｶｶﾞﾜｾｷﾕｼｮｳｼﾞ</v>
          </cell>
          <cell r="C1806" t="str">
            <v>中川石油商事（株）札幌営業所</v>
          </cell>
          <cell r="D1806" t="str">
            <v>宮本 一樹</v>
          </cell>
          <cell r="E1806" t="str">
            <v>営業所長</v>
          </cell>
          <cell r="F1806" t="str">
            <v>065-0043</v>
          </cell>
          <cell r="G1806" t="str">
            <v>東区苗穂町１１－３－４６ 中川ビル１階</v>
          </cell>
          <cell r="H1806" t="str">
            <v>722-3771</v>
          </cell>
          <cell r="I1806" t="str">
            <v>722-3772</v>
          </cell>
        </row>
        <row r="1807">
          <cell r="A1807" t="str">
            <v>20548S</v>
          </cell>
          <cell r="B1807" t="str">
            <v>ﾚﾝﾃｨ</v>
          </cell>
          <cell r="C1807" t="str">
            <v>（株）レンティ札幌営業所</v>
          </cell>
          <cell r="D1807" t="str">
            <v>下込 弘志</v>
          </cell>
          <cell r="E1807" t="str">
            <v>所長</v>
          </cell>
          <cell r="F1807" t="str">
            <v>003-0013</v>
          </cell>
          <cell r="G1807" t="str">
            <v>白石区中央３－３－６－４</v>
          </cell>
          <cell r="H1807" t="str">
            <v>831-1688</v>
          </cell>
          <cell r="I1807" t="str">
            <v>841-6419</v>
          </cell>
        </row>
        <row r="1808">
          <cell r="A1808" t="str">
            <v>20549P</v>
          </cell>
          <cell r="B1808" t="str">
            <v>ﾅｶﾑﾗﾖｼﾕｷｼｮｳﾃﾝ</v>
          </cell>
          <cell r="C1808" t="str">
            <v>（株）中村義之商店</v>
          </cell>
          <cell r="D1808" t="str">
            <v>中村 英義</v>
          </cell>
          <cell r="E1808" t="str">
            <v>代表取締役</v>
          </cell>
          <cell r="F1808" t="str">
            <v>060-0012</v>
          </cell>
          <cell r="G1808" t="str">
            <v>中央区北１２西１９－３６－１６９</v>
          </cell>
          <cell r="H1808" t="str">
            <v>613-2443</v>
          </cell>
          <cell r="I1808" t="str">
            <v>613-1440</v>
          </cell>
        </row>
        <row r="1809">
          <cell r="A1809" t="str">
            <v>20551X</v>
          </cell>
          <cell r="B1809" t="str">
            <v>ﾅｶﾞﾓﾄｼｮｳﾃﾝ</v>
          </cell>
          <cell r="C1809" t="str">
            <v>永本商店</v>
          </cell>
          <cell r="D1809" t="str">
            <v>永本 一順</v>
          </cell>
          <cell r="E1809" t="str">
            <v>代表</v>
          </cell>
          <cell r="F1809" t="str">
            <v>060-0031</v>
          </cell>
          <cell r="G1809" t="str">
            <v>中央区北１東１２－２２</v>
          </cell>
          <cell r="H1809" t="str">
            <v>231-0047</v>
          </cell>
          <cell r="I1809" t="str">
            <v>231-0049</v>
          </cell>
        </row>
        <row r="1810">
          <cell r="A1810" t="str">
            <v>20558R</v>
          </cell>
          <cell r="B1810" t="str">
            <v>ﾅｶﾆｼﾘｺｳ</v>
          </cell>
          <cell r="C1810" t="str">
            <v>中西理工（有）</v>
          </cell>
          <cell r="D1810" t="str">
            <v>中西 渉</v>
          </cell>
          <cell r="E1810" t="str">
            <v>代表取締役</v>
          </cell>
          <cell r="F1810" t="str">
            <v>064-0916</v>
          </cell>
          <cell r="G1810" t="str">
            <v>中央区南１６西５－２－１１</v>
          </cell>
          <cell r="H1810" t="str">
            <v>512-4167</v>
          </cell>
          <cell r="I1810" t="str">
            <v>512-9439</v>
          </cell>
        </row>
        <row r="1811">
          <cell r="A1811" t="str">
            <v>20560Y</v>
          </cell>
          <cell r="B1811" t="str">
            <v>ﾅｶﾐﾁﾘｰｽ</v>
          </cell>
          <cell r="C1811" t="str">
            <v>中道リース（株）</v>
          </cell>
          <cell r="D1811" t="str">
            <v>関 寛</v>
          </cell>
          <cell r="E1811" t="str">
            <v>代表取締役</v>
          </cell>
          <cell r="F1811" t="str">
            <v>060-0031</v>
          </cell>
          <cell r="G1811" t="str">
            <v>中央区北１東３－３</v>
          </cell>
          <cell r="H1811" t="str">
            <v>280-2266</v>
          </cell>
          <cell r="I1811" t="str">
            <v>280-2727</v>
          </cell>
        </row>
        <row r="1812">
          <cell r="A1812" t="str">
            <v>20562T</v>
          </cell>
          <cell r="B1812" t="str">
            <v>ﾅｶﾑﾗｶﾞﾗｽｻｯｼﾊﾝﾊﾞｲﾄﾘﾂｹｼｮ</v>
          </cell>
          <cell r="C1812" t="str">
            <v>中村ガラスサッシ販売取付所</v>
          </cell>
          <cell r="D1812" t="str">
            <v>中村 明</v>
          </cell>
          <cell r="E1812" t="str">
            <v>代表</v>
          </cell>
          <cell r="F1812" t="str">
            <v>062-0033</v>
          </cell>
          <cell r="G1812" t="str">
            <v>豊平区西岡３－１３－１２－１１</v>
          </cell>
          <cell r="H1812" t="str">
            <v>581-5134</v>
          </cell>
          <cell r="I1812" t="str">
            <v>581-5137</v>
          </cell>
        </row>
        <row r="1813">
          <cell r="A1813" t="str">
            <v>20565X</v>
          </cell>
          <cell r="B1813" t="str">
            <v>ﾅｶﾔｼｮｳｺｳ</v>
          </cell>
          <cell r="C1813" t="str">
            <v>（有）中矢商興</v>
          </cell>
          <cell r="D1813" t="str">
            <v>相馬 国昭</v>
          </cell>
          <cell r="E1813" t="str">
            <v>代表取締役</v>
          </cell>
          <cell r="F1813" t="str">
            <v>063-0862</v>
          </cell>
          <cell r="G1813" t="str">
            <v>西区八軒２東１－６－１９</v>
          </cell>
          <cell r="H1813" t="str">
            <v>631-0086</v>
          </cell>
          <cell r="I1813" t="str">
            <v>641-3446</v>
          </cell>
        </row>
        <row r="1814">
          <cell r="A1814" t="str">
            <v>20568P</v>
          </cell>
          <cell r="B1814" t="str">
            <v>ﾅﾗｻｷｾｷﾕ</v>
          </cell>
          <cell r="C1814" t="str">
            <v>ナラサキ石油（株）</v>
          </cell>
          <cell r="D1814" t="str">
            <v>西村 正利</v>
          </cell>
          <cell r="E1814" t="str">
            <v>代表取締役</v>
          </cell>
          <cell r="F1814" t="str">
            <v>060-0005</v>
          </cell>
          <cell r="G1814" t="str">
            <v>中央区北５西６札通ビル８Ｆ</v>
          </cell>
          <cell r="H1814" t="str">
            <v>231-0644</v>
          </cell>
          <cell r="I1814" t="str">
            <v>231-0692</v>
          </cell>
        </row>
        <row r="1815">
          <cell r="A1815" t="str">
            <v>20576T</v>
          </cell>
          <cell r="B1815" t="str">
            <v>ﾆﾎﾝﾌﾟﾗﾝﾆﾝｸﾞｼｽﾃﾑ</v>
          </cell>
          <cell r="C1815" t="str">
            <v>（株）日本プランニングシステム</v>
          </cell>
          <cell r="D1815" t="str">
            <v>馬場 哲成</v>
          </cell>
          <cell r="E1815" t="str">
            <v>代表取締役</v>
          </cell>
          <cell r="F1815" t="str">
            <v>064-0804</v>
          </cell>
          <cell r="G1815" t="str">
            <v>中央区南４西１－１</v>
          </cell>
          <cell r="H1815" t="str">
            <v>222-5262</v>
          </cell>
          <cell r="I1815" t="str">
            <v>222-5283</v>
          </cell>
        </row>
        <row r="1816">
          <cell r="A1816" t="str">
            <v>20582R</v>
          </cell>
          <cell r="B1816" t="str">
            <v>ﾅｶﾆｼｾｲｻｸｼｮ</v>
          </cell>
          <cell r="C1816" t="str">
            <v>（株）中西製作所北海道支店</v>
          </cell>
          <cell r="D1816" t="str">
            <v>嘉屋 文夫</v>
          </cell>
          <cell r="E1816" t="str">
            <v>支店長</v>
          </cell>
          <cell r="F1816" t="str">
            <v>004-0022</v>
          </cell>
          <cell r="G1816" t="str">
            <v>厚別区厚別南３－２－２８</v>
          </cell>
          <cell r="H1816" t="str">
            <v>895-0111</v>
          </cell>
          <cell r="I1816" t="str">
            <v>892-1550</v>
          </cell>
        </row>
        <row r="1817">
          <cell r="A1817" t="str">
            <v>20590V</v>
          </cell>
          <cell r="B1817" t="str">
            <v>ﾅｶﾑﾗｴﾝ</v>
          </cell>
          <cell r="C1817" t="str">
            <v>（株）中村園</v>
          </cell>
          <cell r="D1817" t="str">
            <v>中村 栄子</v>
          </cell>
          <cell r="E1817" t="str">
            <v>代表取締役</v>
          </cell>
          <cell r="F1817" t="str">
            <v>060-0061</v>
          </cell>
          <cell r="G1817" t="str">
            <v>中央区南１西１２</v>
          </cell>
          <cell r="H1817" t="str">
            <v>241-2595</v>
          </cell>
          <cell r="I1817" t="str">
            <v>241-2595</v>
          </cell>
        </row>
        <row r="1818">
          <cell r="A1818" t="str">
            <v>20592P</v>
          </cell>
          <cell r="B1818" t="str">
            <v>ﾅｶﾓｸｼｮｳ</v>
          </cell>
          <cell r="C1818" t="str">
            <v>（有）ナカ木匠</v>
          </cell>
          <cell r="D1818" t="str">
            <v>中村 清</v>
          </cell>
          <cell r="E1818" t="str">
            <v>代表取締役</v>
          </cell>
          <cell r="F1818" t="str">
            <v>063-0051</v>
          </cell>
          <cell r="G1818" t="str">
            <v>西区宮の沢１－５－２３－２５</v>
          </cell>
          <cell r="H1818" t="str">
            <v>773-0551</v>
          </cell>
          <cell r="I1818" t="str">
            <v>773-0551</v>
          </cell>
        </row>
        <row r="1819">
          <cell r="A1819" t="str">
            <v>20595T</v>
          </cell>
          <cell r="B1819" t="str">
            <v>ﾅｽｶｺﾝﾋﾟｭｰﾀ</v>
          </cell>
          <cell r="C1819" t="str">
            <v>（株）ナスカコンピュータ</v>
          </cell>
          <cell r="D1819" t="str">
            <v>坂根 厚司</v>
          </cell>
          <cell r="E1819" t="str">
            <v>代表取締役</v>
          </cell>
          <cell r="F1819" t="str">
            <v>064-0808</v>
          </cell>
          <cell r="G1819" t="str">
            <v>中央区東８西４－４２２－５</v>
          </cell>
          <cell r="H1819" t="str">
            <v>520-0810</v>
          </cell>
          <cell r="I1819" t="str">
            <v>520-0811</v>
          </cell>
        </row>
        <row r="1820">
          <cell r="A1820" t="str">
            <v>20596R</v>
          </cell>
          <cell r="B1820" t="str">
            <v>ﾅﾗｼｮｳｼﾞ</v>
          </cell>
          <cell r="C1820" t="str">
            <v>奈良商事（株）</v>
          </cell>
          <cell r="D1820" t="str">
            <v>奈良 健二</v>
          </cell>
          <cell r="E1820" t="str">
            <v>代表取締役</v>
          </cell>
          <cell r="F1820" t="str">
            <v>069-0371</v>
          </cell>
          <cell r="G1820" t="str">
            <v>岩見沢市幌向南１－５－３９７－３</v>
          </cell>
          <cell r="H1820" t="str">
            <v>0126-26-4141</v>
          </cell>
          <cell r="I1820" t="str">
            <v>0126-26-1288</v>
          </cell>
        </row>
        <row r="1821">
          <cell r="A1821" t="str">
            <v>20597N</v>
          </cell>
          <cell r="B1821" t="str">
            <v>ﾅｶﾞﾜ</v>
          </cell>
          <cell r="C1821" t="str">
            <v>（株）ナガワ札幌営業所</v>
          </cell>
          <cell r="D1821" t="str">
            <v>高井 勇</v>
          </cell>
          <cell r="E1821" t="str">
            <v>所長</v>
          </cell>
          <cell r="F1821" t="str">
            <v>007-0881</v>
          </cell>
          <cell r="G1821" t="str">
            <v>東区北丘珠１－３－６５７－２２</v>
          </cell>
          <cell r="H1821" t="str">
            <v>783-3261</v>
          </cell>
          <cell r="I1821" t="str">
            <v>783-4272</v>
          </cell>
        </row>
        <row r="1822">
          <cell r="A1822" t="str">
            <v>20598Y</v>
          </cell>
          <cell r="B1822" t="str">
            <v>ﾅｶｶﾞﾜｹﾝｾﾂｺｳｷﾞｮｳ</v>
          </cell>
          <cell r="C1822" t="str">
            <v>中川建設工業（株）</v>
          </cell>
          <cell r="D1822" t="str">
            <v>中川 信雄</v>
          </cell>
          <cell r="E1822" t="str">
            <v>代表取締役</v>
          </cell>
          <cell r="F1822" t="str">
            <v>063-0023</v>
          </cell>
          <cell r="G1822" t="str">
            <v>西区平和３－１０－１－１０</v>
          </cell>
          <cell r="H1822" t="str">
            <v>661-6033</v>
          </cell>
          <cell r="I1822" t="str">
            <v>661-6525</v>
          </cell>
        </row>
        <row r="1823">
          <cell r="A1823" t="str">
            <v>21001R</v>
          </cell>
          <cell r="B1823" t="str">
            <v>ﾆｯﾎﾟｸｼﾞﾄﾞｳｼｬｺｳｷﾞｮｳ</v>
          </cell>
          <cell r="C1823" t="str">
            <v>日北自動車工業（株）</v>
          </cell>
          <cell r="D1823" t="str">
            <v>丹野 司</v>
          </cell>
          <cell r="E1823" t="str">
            <v>代表取締役</v>
          </cell>
          <cell r="F1823" t="str">
            <v>004-0811</v>
          </cell>
          <cell r="G1823" t="str">
            <v>清田区美しが丘１－３－１－１０</v>
          </cell>
          <cell r="H1823" t="str">
            <v>881-1111</v>
          </cell>
          <cell r="I1823" t="str">
            <v>881-7397</v>
          </cell>
        </row>
        <row r="1824">
          <cell r="A1824" t="str">
            <v>21004W</v>
          </cell>
          <cell r="B1824" t="str">
            <v>ﾆﾎﾝﾎﾟｽﾀﾙﾌﾗﾝｶｰ</v>
          </cell>
          <cell r="C1824" t="str">
            <v>日本ポスタルフランカー（株）北海道営業所</v>
          </cell>
          <cell r="D1824" t="str">
            <v>大久保 進</v>
          </cell>
          <cell r="E1824" t="str">
            <v>所長</v>
          </cell>
          <cell r="F1824" t="str">
            <v>003-0003</v>
          </cell>
          <cell r="G1824" t="str">
            <v>白石区東札幌３－５－３－３０ﾊﾟｼﾌｨｯｸ白石１Ｆ</v>
          </cell>
          <cell r="H1824" t="str">
            <v>815-7855</v>
          </cell>
          <cell r="I1824" t="str">
            <v>815-7857</v>
          </cell>
        </row>
        <row r="1825">
          <cell r="A1825" t="str">
            <v>21005S</v>
          </cell>
          <cell r="B1825" t="str">
            <v>ﾆﾎﾝｶﾐﾊﾟﾙﾌﾟｼｮｳｼﾞ</v>
          </cell>
          <cell r="C1825" t="str">
            <v>日本紙パルプ商事（株）北海道支社</v>
          </cell>
          <cell r="D1825" t="str">
            <v>郷野 清</v>
          </cell>
          <cell r="E1825" t="str">
            <v>取締役支社長</v>
          </cell>
          <cell r="F1825" t="str">
            <v>060-0002</v>
          </cell>
          <cell r="G1825" t="str">
            <v>中央区北２西１－１－１ 朝日ビル</v>
          </cell>
          <cell r="H1825" t="str">
            <v>261-9161</v>
          </cell>
          <cell r="I1825" t="str">
            <v>251-7708</v>
          </cell>
        </row>
        <row r="1826">
          <cell r="A1826" t="str">
            <v>21006P</v>
          </cell>
          <cell r="B1826" t="str">
            <v>ﾃｨｰﾎﾟｰﾙﾃﾞｨﾊﾞｰｼｰ</v>
          </cell>
          <cell r="C1826" t="str">
            <v>ティーポールディバーシー（株）札幌営業所</v>
          </cell>
          <cell r="D1826" t="str">
            <v>曽根原 明良</v>
          </cell>
          <cell r="E1826" t="str">
            <v>所長</v>
          </cell>
          <cell r="F1826" t="str">
            <v>003-0807</v>
          </cell>
          <cell r="G1826" t="str">
            <v>白石区菊水７－２－７－１ 札幌流通倉庫東ﾋﾞﾙ５Ｆ</v>
          </cell>
          <cell r="H1826" t="str">
            <v>817-6765</v>
          </cell>
          <cell r="I1826" t="str">
            <v>817-6768</v>
          </cell>
        </row>
        <row r="1827">
          <cell r="A1827" t="str">
            <v>21007Z</v>
          </cell>
          <cell r="B1827" t="str">
            <v>ﾆｯﾎﾟﾝﾋｭｰﾑ</v>
          </cell>
          <cell r="C1827" t="str">
            <v>日本ヒューム（株）札幌支社</v>
          </cell>
          <cell r="D1827" t="str">
            <v>園部 英夫</v>
          </cell>
          <cell r="E1827" t="str">
            <v>支社長</v>
          </cell>
          <cell r="F1827" t="str">
            <v>060-0042</v>
          </cell>
          <cell r="G1827" t="str">
            <v>中央区大通西４－１ 道銀ビル</v>
          </cell>
          <cell r="H1827" t="str">
            <v>231-8141</v>
          </cell>
          <cell r="I1827" t="str">
            <v>251-0025</v>
          </cell>
        </row>
        <row r="1828">
          <cell r="A1828" t="str">
            <v>21008X</v>
          </cell>
          <cell r="B1828" t="str">
            <v>ﾆｯﾎﾟﾝﾃﾞﾝｷ</v>
          </cell>
          <cell r="C1828" t="str">
            <v>日本電気（株）北海道支社</v>
          </cell>
          <cell r="D1828" t="str">
            <v>鈴木 正孝</v>
          </cell>
          <cell r="E1828" t="str">
            <v>支社長</v>
          </cell>
          <cell r="F1828" t="str">
            <v>060-0042</v>
          </cell>
          <cell r="G1828" t="str">
            <v>中央区大通西４－１新大通ビル</v>
          </cell>
          <cell r="H1828" t="str">
            <v>231-0161</v>
          </cell>
          <cell r="I1828" t="str">
            <v>231-0121</v>
          </cell>
        </row>
        <row r="1829">
          <cell r="A1829" t="str">
            <v>21009V</v>
          </cell>
          <cell r="B1829" t="str">
            <v>ﾆﾎﾝｼﾞｮｾﾂｷｾｲｻｸｼｮ</v>
          </cell>
          <cell r="C1829" t="str">
            <v>（株）日本除雪機製作所</v>
          </cell>
          <cell r="D1829" t="str">
            <v>矢野 眞</v>
          </cell>
          <cell r="E1829" t="str">
            <v>代表取締役</v>
          </cell>
          <cell r="F1829" t="str">
            <v>006-0033</v>
          </cell>
          <cell r="G1829" t="str">
            <v>手稲区稲穂３－６－４－３８</v>
          </cell>
          <cell r="H1829" t="str">
            <v>681-3115</v>
          </cell>
          <cell r="I1829" t="str">
            <v>682-1336</v>
          </cell>
        </row>
        <row r="1830">
          <cell r="A1830" t="str">
            <v>21010S</v>
          </cell>
          <cell r="B1830" t="str">
            <v>ﾄｳｼﾊﾞｼﾞｮｳﾎｳｼｽﾃﾑ</v>
          </cell>
          <cell r="C1830" t="str">
            <v>東芝情報システム（株）北海道支店</v>
          </cell>
          <cell r="D1830" t="str">
            <v>鈴木 典雄</v>
          </cell>
          <cell r="E1830" t="str">
            <v>支店長</v>
          </cell>
          <cell r="F1830" t="str">
            <v>060-0809</v>
          </cell>
          <cell r="G1830" t="str">
            <v>北区北９西３－１０－１</v>
          </cell>
          <cell r="H1830" t="str">
            <v>707-6360</v>
          </cell>
          <cell r="I1830" t="str">
            <v>707-2188</v>
          </cell>
        </row>
        <row r="1831">
          <cell r="A1831" t="str">
            <v>21014V</v>
          </cell>
          <cell r="B1831" t="str">
            <v>ﾆｯﾎﾟｸｻﾝｿ</v>
          </cell>
          <cell r="C1831" t="str">
            <v>日北酸素（株）</v>
          </cell>
          <cell r="D1831" t="str">
            <v>岩崎 政弘</v>
          </cell>
          <cell r="E1831" t="str">
            <v>代表取締役</v>
          </cell>
          <cell r="F1831" t="str">
            <v>062-0051</v>
          </cell>
          <cell r="G1831" t="str">
            <v>豊平区月寒東１－１６－６－１</v>
          </cell>
          <cell r="H1831" t="str">
            <v>851-2733</v>
          </cell>
          <cell r="I1831" t="str">
            <v>851-2632</v>
          </cell>
        </row>
        <row r="1832">
          <cell r="A1832" t="str">
            <v>21015R</v>
          </cell>
          <cell r="B1832" t="str">
            <v>ﾆｯﾎﾟﾝｶﾞｲｼ</v>
          </cell>
          <cell r="C1832" t="str">
            <v>日本碍子（株）札幌営業所</v>
          </cell>
          <cell r="D1832" t="str">
            <v>佐藤 欣治</v>
          </cell>
          <cell r="E1832" t="str">
            <v>所長</v>
          </cell>
          <cell r="F1832" t="str">
            <v>060-0042</v>
          </cell>
          <cell r="G1832" t="str">
            <v>中央区大通西１－１４－２ 第２有楽ビル</v>
          </cell>
          <cell r="H1832" t="str">
            <v>241-8424</v>
          </cell>
          <cell r="I1832" t="str">
            <v>221-4926</v>
          </cell>
        </row>
        <row r="1833">
          <cell r="A1833" t="str">
            <v>21018W</v>
          </cell>
          <cell r="B1833" t="str">
            <v>ﾋﾀﾁｻﾝｷｼｽﾃﾑ</v>
          </cell>
          <cell r="C1833" t="str">
            <v>（株）日立産機システム北海道支社</v>
          </cell>
          <cell r="D1833" t="str">
            <v>門田 敏治</v>
          </cell>
          <cell r="E1833" t="str">
            <v>支社長</v>
          </cell>
          <cell r="F1833" t="str">
            <v>063-0814</v>
          </cell>
          <cell r="G1833" t="str">
            <v>西区琴似４－１－１－１</v>
          </cell>
          <cell r="H1833" t="str">
            <v>611-4121</v>
          </cell>
          <cell r="I1833" t="str">
            <v>642-2740</v>
          </cell>
        </row>
        <row r="1834">
          <cell r="A1834" t="str">
            <v>21019T</v>
          </cell>
          <cell r="B1834" t="str">
            <v>ﾆｼ･ｽﾎﾟｰﾂ</v>
          </cell>
          <cell r="C1834" t="str">
            <v>（株）ニシ・スポーツ北海道営業所</v>
          </cell>
          <cell r="D1834" t="str">
            <v>髙井 淳悦</v>
          </cell>
          <cell r="E1834" t="str">
            <v>所長</v>
          </cell>
          <cell r="F1834" t="str">
            <v>062-0932</v>
          </cell>
          <cell r="G1834" t="str">
            <v>豊平区平岸２－７－４－１３</v>
          </cell>
          <cell r="H1834" t="str">
            <v>814-2411</v>
          </cell>
          <cell r="I1834" t="str">
            <v>814-2416</v>
          </cell>
        </row>
        <row r="1835">
          <cell r="A1835" t="str">
            <v>21020R</v>
          </cell>
          <cell r="B1835" t="str">
            <v>ﾋﾀﾁﾊｲﾃｸﾉﾛｼﾞｰｽﾞ</v>
          </cell>
          <cell r="C1835" t="str">
            <v>（株）日立ハイテクノロジーズ北海道支店</v>
          </cell>
          <cell r="D1835" t="str">
            <v>頓宮 節次</v>
          </cell>
          <cell r="E1835" t="str">
            <v>支店長</v>
          </cell>
          <cell r="F1835" t="str">
            <v>060-0005</v>
          </cell>
          <cell r="G1835" t="str">
            <v>中央区北５西５－２ 住友生命札幌ビル</v>
          </cell>
          <cell r="H1835" t="str">
            <v>221-7241</v>
          </cell>
          <cell r="I1835" t="str">
            <v>271-1327</v>
          </cell>
        </row>
        <row r="1836">
          <cell r="A1836" t="str">
            <v>21021N</v>
          </cell>
          <cell r="B1836" t="str">
            <v>ｺｰﾖｰﾆﾁｼﾞｸ</v>
          </cell>
          <cell r="C1836" t="str">
            <v>コーヨー日軸（株）北海道支社</v>
          </cell>
          <cell r="D1836" t="str">
            <v>中嶋 敦</v>
          </cell>
          <cell r="E1836" t="str">
            <v>常務取締役支社長</v>
          </cell>
          <cell r="F1836" t="str">
            <v>003-0812</v>
          </cell>
          <cell r="G1836" t="str">
            <v>白石区菊水上町２－２－５２－２６</v>
          </cell>
          <cell r="H1836" t="str">
            <v>822-5566</v>
          </cell>
          <cell r="I1836" t="str">
            <v>841-2838</v>
          </cell>
        </row>
        <row r="1837">
          <cell r="A1837" t="str">
            <v>21023W</v>
          </cell>
          <cell r="B1837" t="str">
            <v>ﾆｯﾎﾟﾝﾏﾝﾊﾟﾜｰ</v>
          </cell>
          <cell r="C1837" t="str">
            <v>（株）日本マンパワー</v>
          </cell>
          <cell r="D1837" t="str">
            <v>壁谷 正利</v>
          </cell>
          <cell r="E1837" t="str">
            <v>代表取締役</v>
          </cell>
          <cell r="F1837" t="str">
            <v>101-0042</v>
          </cell>
          <cell r="G1837" t="str">
            <v>東京都千代田区神田東松下町４７－１</v>
          </cell>
          <cell r="H1837" t="str">
            <v>03-5276-9111</v>
          </cell>
          <cell r="I1837" t="str">
            <v>03-5276-9115</v>
          </cell>
        </row>
        <row r="1838">
          <cell r="A1838" t="str">
            <v>21026Z</v>
          </cell>
          <cell r="B1838" t="str">
            <v>ﾆﾎﾝﾄｰﾀﾙｼｽﾃﾑ</v>
          </cell>
          <cell r="C1838" t="str">
            <v>日本トータルシステム（株）</v>
          </cell>
          <cell r="D1838" t="str">
            <v>出水 修次</v>
          </cell>
          <cell r="E1838" t="str">
            <v>代表取締役</v>
          </cell>
          <cell r="F1838" t="str">
            <v>004-0015</v>
          </cell>
          <cell r="G1838" t="str">
            <v>厚別区下野幌テクノパーク１－２－８</v>
          </cell>
          <cell r="H1838" t="str">
            <v>807-6181</v>
          </cell>
          <cell r="I1838" t="str">
            <v>807-6184</v>
          </cell>
        </row>
        <row r="1839">
          <cell r="A1839" t="str">
            <v>21029S</v>
          </cell>
          <cell r="B1839" t="str">
            <v>ﾆﾁｴｲｼｬ</v>
          </cell>
          <cell r="C1839" t="str">
            <v>（株）日栄舎</v>
          </cell>
          <cell r="D1839" t="str">
            <v>黒済 雄孝</v>
          </cell>
          <cell r="E1839" t="str">
            <v>代表取締役</v>
          </cell>
          <cell r="F1839" t="str">
            <v>003-0011</v>
          </cell>
          <cell r="G1839" t="str">
            <v>白石区中央１－１－１－３２</v>
          </cell>
          <cell r="H1839" t="str">
            <v>811-6161</v>
          </cell>
          <cell r="I1839" t="str">
            <v>824-1623</v>
          </cell>
        </row>
        <row r="1840">
          <cell r="A1840" t="str">
            <v>21030P</v>
          </cell>
          <cell r="B1840" t="str">
            <v>ﾆﾎﾝﾂｳｼﾝｼ</v>
          </cell>
          <cell r="C1840" t="str">
            <v>日本通信紙（株）札幌支店</v>
          </cell>
          <cell r="D1840" t="str">
            <v>野呂田 保幸</v>
          </cell>
          <cell r="E1840" t="str">
            <v>支店長</v>
          </cell>
          <cell r="F1840" t="str">
            <v>060-0807</v>
          </cell>
          <cell r="G1840" t="str">
            <v>北区北７西２－２０</v>
          </cell>
          <cell r="H1840" t="str">
            <v>726-0715</v>
          </cell>
          <cell r="I1840" t="str">
            <v>726-2475</v>
          </cell>
        </row>
        <row r="1841">
          <cell r="A1841" t="str">
            <v>21031Z</v>
          </cell>
          <cell r="B1841" t="str">
            <v>ｺﾞｰｾｲ</v>
          </cell>
          <cell r="C1841" t="str">
            <v>（株）ゴーセイ</v>
          </cell>
          <cell r="D1841" t="str">
            <v>佐藤 征治</v>
          </cell>
          <cell r="E1841" t="str">
            <v>代表取締役</v>
          </cell>
          <cell r="F1841" t="str">
            <v>064-0916</v>
          </cell>
          <cell r="G1841" t="str">
            <v>中央区南１６西５－２－１３</v>
          </cell>
          <cell r="H1841" t="str">
            <v>530-2211</v>
          </cell>
          <cell r="I1841" t="str">
            <v>562-1633</v>
          </cell>
        </row>
        <row r="1842">
          <cell r="A1842" t="str">
            <v>21032X</v>
          </cell>
          <cell r="B1842" t="str">
            <v>ﾆﾎﾝﾕﾆｼｽ</v>
          </cell>
          <cell r="C1842" t="str">
            <v>日本ユニシス（株）北海道支店</v>
          </cell>
          <cell r="D1842" t="str">
            <v>秋山 眞</v>
          </cell>
          <cell r="E1842" t="str">
            <v>支店長</v>
          </cell>
          <cell r="F1842" t="str">
            <v>060-0003</v>
          </cell>
          <cell r="G1842" t="str">
            <v>中央区北３西３－１－４ 札幌北三条ビル</v>
          </cell>
          <cell r="H1842" t="str">
            <v>241-7421</v>
          </cell>
          <cell r="I1842" t="str">
            <v>251-7180</v>
          </cell>
        </row>
        <row r="1843">
          <cell r="A1843" t="str">
            <v>21033V</v>
          </cell>
          <cell r="B1843" t="str">
            <v>ﾆﾎﾝﾑｾﾝ</v>
          </cell>
          <cell r="C1843" t="str">
            <v>日本無線（株）北海道支社</v>
          </cell>
          <cell r="D1843" t="str">
            <v>杉瀬 博行</v>
          </cell>
          <cell r="E1843" t="str">
            <v>支社長</v>
          </cell>
          <cell r="F1843" t="str">
            <v>060-0003</v>
          </cell>
          <cell r="G1843" t="str">
            <v>中央区北３西７－１ 北海道水産ビル</v>
          </cell>
          <cell r="H1843" t="str">
            <v>261-8321</v>
          </cell>
          <cell r="I1843" t="str">
            <v>261-3879</v>
          </cell>
        </row>
        <row r="1844">
          <cell r="A1844" t="str">
            <v>21034S</v>
          </cell>
          <cell r="B1844" t="str">
            <v>ﾆｯｶﾝｽﾎﾟｰﾂｺｳｺｸｼｬ</v>
          </cell>
          <cell r="C1844" t="str">
            <v>（株）日刊スポーツ広告社</v>
          </cell>
          <cell r="D1844" t="str">
            <v>石井 恒広</v>
          </cell>
          <cell r="E1844" t="str">
            <v>代表取締役</v>
          </cell>
          <cell r="F1844" t="str">
            <v>060-0033</v>
          </cell>
          <cell r="G1844" t="str">
            <v>中央区北３東３－１－３０</v>
          </cell>
          <cell r="H1844" t="str">
            <v>271-2731</v>
          </cell>
          <cell r="I1844" t="str">
            <v>222-7028</v>
          </cell>
        </row>
        <row r="1845">
          <cell r="A1845" t="str">
            <v>21035N</v>
          </cell>
          <cell r="B1845" t="str">
            <v>ﾆｯﾃﾂﾑﾛﾗﾝｴﾝｼﾞﾆｱﾘﾝｸﾞ</v>
          </cell>
          <cell r="C1845" t="str">
            <v>ニッテツ室蘭エンジニアリング（株）</v>
          </cell>
          <cell r="D1845" t="str">
            <v>堂垣内 光弘</v>
          </cell>
          <cell r="E1845" t="str">
            <v>代表取締役社長</v>
          </cell>
          <cell r="F1845" t="str">
            <v>050-0087</v>
          </cell>
          <cell r="G1845" t="str">
            <v>室蘭市仲町１２</v>
          </cell>
          <cell r="H1845" t="str">
            <v>0143-47-2525</v>
          </cell>
          <cell r="I1845" t="str">
            <v>0143-47-2612</v>
          </cell>
        </row>
        <row r="1846">
          <cell r="A1846" t="str">
            <v>21036Y</v>
          </cell>
          <cell r="B1846" t="str">
            <v>ﾆｯﾀﾝ</v>
          </cell>
          <cell r="C1846" t="str">
            <v>ニッタン（株）北海道支社</v>
          </cell>
          <cell r="D1846" t="str">
            <v>荒田 和一</v>
          </cell>
          <cell r="E1846" t="str">
            <v>支社長</v>
          </cell>
          <cell r="F1846" t="str">
            <v>065-0020</v>
          </cell>
          <cell r="G1846" t="str">
            <v>東区北２０東５－４－２２</v>
          </cell>
          <cell r="H1846" t="str">
            <v>704-1119</v>
          </cell>
          <cell r="I1846" t="str">
            <v>704-1139</v>
          </cell>
        </row>
        <row r="1847">
          <cell r="A1847" t="str">
            <v>21038T</v>
          </cell>
          <cell r="B1847" t="str">
            <v>ﾆｼﾔﾏｼﾞﾄﾞｳｼｬｺｳｷﾞｮｳ</v>
          </cell>
          <cell r="C1847" t="str">
            <v>西山自動車工業（株）</v>
          </cell>
          <cell r="D1847" t="str">
            <v>平田 利夫</v>
          </cell>
          <cell r="E1847" t="str">
            <v>代表取締役</v>
          </cell>
          <cell r="F1847" t="str">
            <v>007-0848</v>
          </cell>
          <cell r="G1847" t="str">
            <v>東区北４８東１－１－２７</v>
          </cell>
          <cell r="H1847" t="str">
            <v>751-2331</v>
          </cell>
          <cell r="I1847" t="str">
            <v>751-2335</v>
          </cell>
        </row>
        <row r="1848">
          <cell r="A1848" t="str">
            <v>21040N</v>
          </cell>
          <cell r="B1848" t="str">
            <v>ﾆｯﾂｳｼｮｳｼﾞ</v>
          </cell>
          <cell r="C1848" t="str">
            <v>日通商事（株）札幌支店</v>
          </cell>
          <cell r="D1848" t="str">
            <v>島崎 俊明</v>
          </cell>
          <cell r="E1848" t="str">
            <v>常務取締役支店長</v>
          </cell>
          <cell r="F1848" t="str">
            <v>060-0007</v>
          </cell>
          <cell r="G1848" t="str">
            <v>中央区北７西４－５－１ 伊藤１１０ビル５階</v>
          </cell>
          <cell r="H1848" t="str">
            <v>738-0050</v>
          </cell>
          <cell r="I1848" t="str">
            <v>758-3881</v>
          </cell>
        </row>
        <row r="1849">
          <cell r="A1849" t="str">
            <v>21041V</v>
          </cell>
          <cell r="B1849" t="str">
            <v>ﾆｯﾎﾟﾝｹｰﾌﾞﾙ</v>
          </cell>
          <cell r="C1849" t="str">
            <v>日本ケーブル（株）札幌支店</v>
          </cell>
          <cell r="D1849" t="str">
            <v>佐々木 信博</v>
          </cell>
          <cell r="E1849" t="str">
            <v>支店長</v>
          </cell>
          <cell r="F1849" t="str">
            <v>005-0032</v>
          </cell>
          <cell r="G1849" t="str">
            <v>南区南３２西９－３－２６</v>
          </cell>
          <cell r="H1849" t="str">
            <v>581-1416</v>
          </cell>
          <cell r="I1849" t="str">
            <v>582-0521</v>
          </cell>
        </row>
        <row r="1850">
          <cell r="A1850" t="str">
            <v>21043T</v>
          </cell>
          <cell r="B1850" t="str">
            <v>ﾆｯﾂｳｷｺｳ</v>
          </cell>
          <cell r="C1850" t="str">
            <v>日通機工（株）</v>
          </cell>
          <cell r="D1850" t="str">
            <v>油井 宏輔</v>
          </cell>
          <cell r="E1850" t="str">
            <v>代表取締役</v>
          </cell>
          <cell r="F1850" t="str">
            <v>065-0030</v>
          </cell>
          <cell r="G1850" t="str">
            <v>東区北３０東１－１－４０</v>
          </cell>
          <cell r="H1850" t="str">
            <v>721-2171</v>
          </cell>
          <cell r="I1850" t="str">
            <v>722-6201</v>
          </cell>
        </row>
        <row r="1851">
          <cell r="A1851" t="str">
            <v>21044R</v>
          </cell>
          <cell r="B1851" t="str">
            <v>ﾆｯﾄｳｼｮｳｼﾞ</v>
          </cell>
          <cell r="C1851" t="str">
            <v>日東商事（株）札幌支店</v>
          </cell>
          <cell r="D1851" t="str">
            <v>多田 秀夫</v>
          </cell>
          <cell r="E1851" t="str">
            <v>支店長</v>
          </cell>
          <cell r="F1851" t="str">
            <v>001-0019</v>
          </cell>
          <cell r="G1851" t="str">
            <v>北区北１９西４－２－３７</v>
          </cell>
          <cell r="H1851" t="str">
            <v>709-7731</v>
          </cell>
          <cell r="I1851" t="str">
            <v>709-7734</v>
          </cell>
        </row>
        <row r="1852">
          <cell r="A1852" t="str">
            <v>21045Z</v>
          </cell>
          <cell r="B1852" t="str">
            <v>ﾆﾎﾝﾓｰﾀｰｽ</v>
          </cell>
          <cell r="C1852" t="str">
            <v>日本モータース（株）</v>
          </cell>
          <cell r="D1852" t="str">
            <v>吉田 尚敏</v>
          </cell>
          <cell r="E1852" t="str">
            <v>代表取締役</v>
          </cell>
          <cell r="F1852" t="str">
            <v>063-0850</v>
          </cell>
          <cell r="G1852" t="str">
            <v>西区八軒１０西９－１－５２</v>
          </cell>
          <cell r="H1852" t="str">
            <v>611-0321</v>
          </cell>
          <cell r="I1852" t="str">
            <v>611-0325</v>
          </cell>
        </row>
        <row r="1853">
          <cell r="A1853" t="str">
            <v>21046X</v>
          </cell>
          <cell r="B1853" t="str">
            <v>ﾆｯｼﾝﾃﾞﾝｻﾝ</v>
          </cell>
          <cell r="C1853" t="str">
            <v>日新電産（株）</v>
          </cell>
          <cell r="D1853" t="str">
            <v>後本 正利</v>
          </cell>
          <cell r="E1853" t="str">
            <v>代表取締役</v>
          </cell>
          <cell r="F1853" t="str">
            <v>003-0811</v>
          </cell>
          <cell r="G1853" t="str">
            <v>白石区菊水上町１－１－４６</v>
          </cell>
          <cell r="H1853" t="str">
            <v>824-5515</v>
          </cell>
          <cell r="I1853" t="str">
            <v>824-5513</v>
          </cell>
        </row>
        <row r="1854">
          <cell r="A1854" t="str">
            <v>21047V</v>
          </cell>
          <cell r="B1854" t="str">
            <v>ﾆｭｰﾄﾗﾙ</v>
          </cell>
          <cell r="C1854" t="str">
            <v>（株）ニュートラル</v>
          </cell>
          <cell r="D1854" t="str">
            <v>中川 健司</v>
          </cell>
          <cell r="E1854" t="str">
            <v>代表取締役</v>
          </cell>
          <cell r="F1854" t="str">
            <v>063-0830</v>
          </cell>
          <cell r="G1854" t="str">
            <v>西区発寒１０－１４－１０６７－１１</v>
          </cell>
          <cell r="H1854" t="str">
            <v>667-4551</v>
          </cell>
          <cell r="I1854" t="str">
            <v>667-4556</v>
          </cell>
        </row>
        <row r="1855">
          <cell r="A1855" t="str">
            <v>21049P</v>
          </cell>
          <cell r="B1855" t="str">
            <v>ﾆｼﾔﾏﾕｷ</v>
          </cell>
          <cell r="C1855" t="str">
            <v>西山油機（株）</v>
          </cell>
          <cell r="D1855" t="str">
            <v>小笠原 軍治</v>
          </cell>
          <cell r="E1855" t="str">
            <v>代表取締役</v>
          </cell>
          <cell r="F1855" t="str">
            <v>064-0808</v>
          </cell>
          <cell r="G1855" t="str">
            <v>中央区南８西６－１０３６</v>
          </cell>
          <cell r="H1855" t="str">
            <v>511-0023</v>
          </cell>
          <cell r="I1855" t="str">
            <v>511-9035</v>
          </cell>
        </row>
        <row r="1856">
          <cell r="A1856" t="str">
            <v>21050Z</v>
          </cell>
          <cell r="B1856" t="str">
            <v>ﾎｯｶｲﾄﾞｳﾋﾀﾁｿﾘｭｰｼｮﾝｽﾞ</v>
          </cell>
          <cell r="C1856" t="str">
            <v>（株）北海道日立ソリューションズ</v>
          </cell>
          <cell r="D1856" t="str">
            <v>青田 稔</v>
          </cell>
          <cell r="E1856" t="str">
            <v>代表取締役</v>
          </cell>
          <cell r="F1856" t="str">
            <v>060-0906</v>
          </cell>
          <cell r="G1856" t="str">
            <v>東区北６東４－８</v>
          </cell>
          <cell r="H1856" t="str">
            <v>753-2631</v>
          </cell>
          <cell r="I1856" t="str">
            <v>753-2459</v>
          </cell>
        </row>
        <row r="1857">
          <cell r="A1857" t="str">
            <v>21053S</v>
          </cell>
          <cell r="B1857" t="str">
            <v>ﾆﾎﾝﾃﾞﾝｼﾃﾞｰﾀﾑ</v>
          </cell>
          <cell r="C1857" t="str">
            <v>日本電子データム（株）札幌センター</v>
          </cell>
          <cell r="D1857" t="str">
            <v>久保 弘史</v>
          </cell>
          <cell r="E1857" t="str">
            <v>センター長</v>
          </cell>
          <cell r="F1857" t="str">
            <v>060-0809</v>
          </cell>
          <cell r="G1857" t="str">
            <v>北区北９西３－１９ ノルテプラザ５Ｆ</v>
          </cell>
          <cell r="H1857" t="str">
            <v>736-0604</v>
          </cell>
          <cell r="I1857" t="str">
            <v>717-7305</v>
          </cell>
        </row>
        <row r="1858">
          <cell r="A1858" t="str">
            <v>21054P</v>
          </cell>
          <cell r="B1858" t="str">
            <v>ﾆｯｻﾝﾃﾞｨｰｾﾞﾙﾎｯｶｲﾄﾞｳﾊﾝﾊﾞｲ</v>
          </cell>
          <cell r="C1858" t="str">
            <v>日産ディーゼル北海道販売（株）</v>
          </cell>
          <cell r="D1858" t="str">
            <v>中谷 健夫</v>
          </cell>
          <cell r="E1858" t="str">
            <v>代表取締役</v>
          </cell>
          <cell r="F1858" t="str">
            <v>004-8523</v>
          </cell>
          <cell r="G1858" t="str">
            <v>厚別区厚別中央２－２－１－１</v>
          </cell>
          <cell r="H1858" t="str">
            <v>891-7123</v>
          </cell>
          <cell r="I1858" t="str">
            <v>892-2731</v>
          </cell>
        </row>
        <row r="1859">
          <cell r="A1859" t="str">
            <v>21055Y</v>
          </cell>
          <cell r="B1859" t="str">
            <v>ﾆﾎﾝｹｲｻﾞｲｼｬ</v>
          </cell>
          <cell r="C1859" t="str">
            <v>（株）日本経済社札幌支社</v>
          </cell>
          <cell r="D1859" t="str">
            <v>山口 恭司</v>
          </cell>
          <cell r="E1859" t="str">
            <v>支社長</v>
          </cell>
          <cell r="F1859" t="str">
            <v>060-0001</v>
          </cell>
          <cell r="G1859" t="str">
            <v>中央区北１西３－２－１４ 井門札幌ビル</v>
          </cell>
          <cell r="H1859" t="str">
            <v>231-0541</v>
          </cell>
          <cell r="I1859" t="str">
            <v>231-0649</v>
          </cell>
        </row>
        <row r="1860">
          <cell r="A1860" t="str">
            <v>21056W</v>
          </cell>
          <cell r="B1860" t="str">
            <v>ﾆｯｻﾝﾌﾟﾘﾝｽｻｯﾎﾟﾛﾊﾝﾊﾞｲ</v>
          </cell>
          <cell r="C1860" t="str">
            <v>日産プリンス札幌販売（株）</v>
          </cell>
          <cell r="D1860" t="str">
            <v>杉田 三十六</v>
          </cell>
          <cell r="E1860" t="str">
            <v>代表取締役</v>
          </cell>
          <cell r="F1860" t="str">
            <v>062-0020</v>
          </cell>
          <cell r="G1860" t="str">
            <v>豊平区月寒中央通１１－６－３７</v>
          </cell>
          <cell r="H1860" t="str">
            <v>859-2323</v>
          </cell>
          <cell r="I1860" t="str">
            <v>857-2315</v>
          </cell>
        </row>
        <row r="1861">
          <cell r="A1861" t="str">
            <v>21057T</v>
          </cell>
          <cell r="B1861" t="str">
            <v>ﾆｯｾﾝｽﾎﾟｰﾂ</v>
          </cell>
          <cell r="C1861" t="str">
            <v>（株）ニッセンスポーツ</v>
          </cell>
          <cell r="D1861" t="str">
            <v>田村 潤三</v>
          </cell>
          <cell r="E1861" t="str">
            <v>代表取締役</v>
          </cell>
          <cell r="F1861" t="str">
            <v>060-0063</v>
          </cell>
          <cell r="G1861" t="str">
            <v>中央区南３西３－３－２</v>
          </cell>
          <cell r="H1861" t="str">
            <v>231-4636</v>
          </cell>
          <cell r="I1861" t="str">
            <v>231-4627</v>
          </cell>
        </row>
        <row r="1862">
          <cell r="A1862" t="str">
            <v>21062T</v>
          </cell>
          <cell r="B1862" t="str">
            <v>ﾆｯﾄｳｲﾝｻﾂ</v>
          </cell>
          <cell r="C1862" t="str">
            <v>日東印刷（株）</v>
          </cell>
          <cell r="D1862" t="str">
            <v>疋田 紀子</v>
          </cell>
          <cell r="E1862" t="str">
            <v>代表取締役</v>
          </cell>
          <cell r="F1862" t="str">
            <v>047-0028</v>
          </cell>
          <cell r="G1862" t="str">
            <v>小樽市相生町６－４</v>
          </cell>
          <cell r="H1862" t="str">
            <v>0134-23-1559</v>
          </cell>
          <cell r="I1862" t="str">
            <v>0134-34-2254</v>
          </cell>
        </row>
        <row r="1863">
          <cell r="A1863" t="str">
            <v>21063R</v>
          </cell>
          <cell r="B1863" t="str">
            <v>ﾆﾁﾚｷ</v>
          </cell>
          <cell r="C1863" t="str">
            <v>ニチレキ（株）札幌営業所</v>
          </cell>
          <cell r="D1863" t="str">
            <v>河野 昌宏</v>
          </cell>
          <cell r="E1863" t="str">
            <v>営業所長</v>
          </cell>
          <cell r="F1863" t="str">
            <v>003-0826</v>
          </cell>
          <cell r="G1863" t="str">
            <v>白石区菊水元町６－４－２－１</v>
          </cell>
          <cell r="H1863" t="str">
            <v>872-2780</v>
          </cell>
          <cell r="I1863" t="str">
            <v>875-4436</v>
          </cell>
        </row>
        <row r="1864">
          <cell r="A1864" t="str">
            <v>21066V</v>
          </cell>
          <cell r="B1864" t="str">
            <v>ﾆﾎﾝｺｳｱﾂｺﾝｸﾘｰﾄ</v>
          </cell>
          <cell r="C1864" t="str">
            <v>日本高圧コンクリート（株）札幌支社</v>
          </cell>
          <cell r="D1864" t="str">
            <v>河井 勝彦</v>
          </cell>
          <cell r="E1864" t="str">
            <v>常務取締役支社長</v>
          </cell>
          <cell r="F1864" t="str">
            <v>060-0062</v>
          </cell>
          <cell r="G1864" t="str">
            <v>中央区南２西３－８ 北洋札幌南ビル５Ｆ</v>
          </cell>
          <cell r="H1864" t="str">
            <v>241-7101</v>
          </cell>
          <cell r="I1864" t="str">
            <v>231-3881</v>
          </cell>
        </row>
        <row r="1865">
          <cell r="A1865" t="str">
            <v>21067S</v>
          </cell>
          <cell r="B1865" t="str">
            <v>ﾆｯﾎﾟｺｰﾎﾟﾚｰｼｮﾝ</v>
          </cell>
          <cell r="C1865" t="str">
            <v>（株）ＮＩＰＰＯコーポレーション道央営業所</v>
          </cell>
          <cell r="D1865" t="str">
            <v>杉山 晃</v>
          </cell>
          <cell r="E1865" t="str">
            <v>営業所長</v>
          </cell>
          <cell r="F1865" t="str">
            <v>003-0029</v>
          </cell>
          <cell r="G1865" t="str">
            <v>白石区平和通１１－北９－２０</v>
          </cell>
          <cell r="H1865" t="str">
            <v>861-1567</v>
          </cell>
          <cell r="I1865" t="str">
            <v>861-2728</v>
          </cell>
        </row>
        <row r="1866">
          <cell r="A1866" t="str">
            <v>21068P</v>
          </cell>
          <cell r="B1866" t="str">
            <v>ﾆｼｷﾄﾞﾄﾘｮｳﾃﾝ</v>
          </cell>
          <cell r="C1866" t="str">
            <v>（株）錦戸塗料店</v>
          </cell>
          <cell r="D1866" t="str">
            <v>錦戸 利枝</v>
          </cell>
          <cell r="E1866" t="str">
            <v>代表取締役</v>
          </cell>
          <cell r="F1866" t="str">
            <v>060-8693</v>
          </cell>
          <cell r="G1866" t="str">
            <v>中央区北３西１－１</v>
          </cell>
          <cell r="H1866" t="str">
            <v>271-7788</v>
          </cell>
          <cell r="I1866" t="str">
            <v>271-7792</v>
          </cell>
        </row>
        <row r="1867">
          <cell r="A1867" t="str">
            <v>21070X</v>
          </cell>
          <cell r="B1867" t="str">
            <v>ﾆｯﾃﾂｺｳｷﾞｮｳ</v>
          </cell>
          <cell r="C1867" t="str">
            <v>日鉄鉱業（株）北海道支店</v>
          </cell>
          <cell r="D1867" t="str">
            <v>上野 和美</v>
          </cell>
          <cell r="E1867" t="str">
            <v>支店長</v>
          </cell>
          <cell r="F1867" t="str">
            <v>060-0052</v>
          </cell>
          <cell r="G1867" t="str">
            <v>中央区南２東１－１－１４住友生命札幌中央ﾋﾞﾙ３F</v>
          </cell>
          <cell r="H1867" t="str">
            <v>233-5371</v>
          </cell>
          <cell r="I1867" t="str">
            <v>233-0080</v>
          </cell>
        </row>
        <row r="1868">
          <cell r="A1868" t="str">
            <v>21071V</v>
          </cell>
          <cell r="B1868" t="str">
            <v>ﾆｯﾎﾟﾝﾄﾞｳﾛ</v>
          </cell>
          <cell r="C1868" t="str">
            <v>日本道路（株）道央営業所</v>
          </cell>
          <cell r="D1868" t="str">
            <v>村瀬 丈夫</v>
          </cell>
          <cell r="E1868" t="str">
            <v>所長</v>
          </cell>
          <cell r="F1868" t="str">
            <v>062-0051</v>
          </cell>
          <cell r="G1868" t="str">
            <v>豊平区月寒東１－１６－１－４３</v>
          </cell>
          <cell r="H1868" t="str">
            <v>854-2996</v>
          </cell>
          <cell r="I1868" t="str">
            <v>854-2999</v>
          </cell>
        </row>
        <row r="1869">
          <cell r="A1869" t="str">
            <v>21073P</v>
          </cell>
          <cell r="B1869" t="str">
            <v>ﾆｭｰﾄﾗﾙ</v>
          </cell>
          <cell r="C1869" t="str">
            <v>（株）ニュートラル</v>
          </cell>
          <cell r="D1869" t="str">
            <v>川辺 春義</v>
          </cell>
          <cell r="E1869" t="str">
            <v>代表取締役</v>
          </cell>
          <cell r="F1869" t="str">
            <v>060-0042</v>
          </cell>
          <cell r="G1869" t="str">
            <v>中央区大通西６－１０－１</v>
          </cell>
          <cell r="H1869" t="str">
            <v>290-5688</v>
          </cell>
          <cell r="I1869" t="str">
            <v>290-5687</v>
          </cell>
        </row>
        <row r="1870">
          <cell r="A1870" t="str">
            <v>21078N</v>
          </cell>
          <cell r="B1870" t="str">
            <v>ﾆﾎﾝｺｳﾊﾝ</v>
          </cell>
          <cell r="C1870" t="str">
            <v>（株）日本孔版</v>
          </cell>
          <cell r="D1870" t="str">
            <v>鶴岡 亮一</v>
          </cell>
          <cell r="E1870" t="str">
            <v>代表取締役</v>
          </cell>
          <cell r="F1870" t="str">
            <v>003-0024</v>
          </cell>
          <cell r="G1870" t="str">
            <v>白石区本郷通２南４－３０</v>
          </cell>
          <cell r="H1870" t="str">
            <v>863-2721</v>
          </cell>
          <cell r="I1870" t="str">
            <v>861-7729</v>
          </cell>
        </row>
        <row r="1871">
          <cell r="A1871" t="str">
            <v>21079Y</v>
          </cell>
          <cell r="B1871" t="str">
            <v>ﾆｯｹｲｻﾝｷﾞｮｳ</v>
          </cell>
          <cell r="C1871" t="str">
            <v>日軽産業（株）北海道支店</v>
          </cell>
          <cell r="D1871" t="str">
            <v>坂東 鐵男</v>
          </cell>
          <cell r="E1871" t="str">
            <v>支店長</v>
          </cell>
          <cell r="F1871" t="str">
            <v>060-0807</v>
          </cell>
          <cell r="G1871" t="str">
            <v>北区北７西１－１－２ ＳＥ山京ビル９階</v>
          </cell>
          <cell r="H1871" t="str">
            <v>737-1261</v>
          </cell>
          <cell r="I1871" t="str">
            <v>717-2142</v>
          </cell>
        </row>
        <row r="1872">
          <cell r="A1872" t="str">
            <v>21081T</v>
          </cell>
          <cell r="B1872" t="str">
            <v>ﾆﾎﾝｷｮｳｲｸｼﾞｮｳﾎｳｷｷ</v>
          </cell>
          <cell r="C1872" t="str">
            <v>日本教育情報機器（株）</v>
          </cell>
          <cell r="D1872" t="str">
            <v>中村 靖雄</v>
          </cell>
          <cell r="E1872" t="str">
            <v>代表取締役</v>
          </cell>
          <cell r="F1872" t="str">
            <v>100-0006</v>
          </cell>
          <cell r="G1872" t="str">
            <v>東京都千代田区有楽町１－７－１</v>
          </cell>
          <cell r="H1872" t="str">
            <v>03-3287-2181</v>
          </cell>
          <cell r="I1872" t="str">
            <v>03-3287-2189</v>
          </cell>
        </row>
        <row r="1873">
          <cell r="A1873" t="str">
            <v>21082R</v>
          </cell>
          <cell r="B1873" t="str">
            <v>ﾆｲﾆｲｼｮｳｶｲ</v>
          </cell>
          <cell r="C1873" t="str">
            <v>（株）二二商会</v>
          </cell>
          <cell r="D1873" t="str">
            <v>斎藤 雅之</v>
          </cell>
          <cell r="E1873" t="str">
            <v>代表取締役</v>
          </cell>
          <cell r="F1873" t="str">
            <v>006-0831</v>
          </cell>
          <cell r="G1873" t="str">
            <v>手稲区曙１－２－２－３７</v>
          </cell>
          <cell r="H1873" t="str">
            <v>682-6101</v>
          </cell>
          <cell r="I1873" t="str">
            <v>682-4404</v>
          </cell>
        </row>
        <row r="1874">
          <cell r="A1874" t="str">
            <v>21086S</v>
          </cell>
          <cell r="B1874" t="str">
            <v>ﾆｯｾｷｻｰﾋﾞｽｺﾝｻﾙﾀﾝﾄ</v>
          </cell>
          <cell r="C1874" t="str">
            <v>（株）ニッセキサービスコンサルタント</v>
          </cell>
          <cell r="D1874" t="str">
            <v>矢野 眞</v>
          </cell>
          <cell r="E1874" t="str">
            <v>代表取締役</v>
          </cell>
          <cell r="F1874" t="str">
            <v>006-0835</v>
          </cell>
          <cell r="G1874" t="str">
            <v>手稲区曙５－５－１－１８</v>
          </cell>
          <cell r="H1874" t="str">
            <v>683-1658</v>
          </cell>
          <cell r="I1874" t="str">
            <v>683-0606</v>
          </cell>
        </row>
        <row r="1875">
          <cell r="A1875" t="str">
            <v>21087P</v>
          </cell>
          <cell r="B1875" t="str">
            <v>ﾆﾎﾝｽｲｴｲｼﾝｺｳｶｲ</v>
          </cell>
          <cell r="C1875" t="str">
            <v>（株）日本水泳振興会札幌支社</v>
          </cell>
          <cell r="D1875" t="str">
            <v>黒田 義裕</v>
          </cell>
          <cell r="E1875" t="str">
            <v>支配人</v>
          </cell>
          <cell r="F1875" t="str">
            <v>001-0026</v>
          </cell>
          <cell r="G1875" t="str">
            <v>北区北２６西６－４－３ コーポ青木２０３</v>
          </cell>
          <cell r="H1875" t="str">
            <v>758-3124</v>
          </cell>
          <cell r="I1875" t="str">
            <v>758-3125</v>
          </cell>
        </row>
        <row r="1876">
          <cell r="A1876" t="str">
            <v>21088Z</v>
          </cell>
          <cell r="B1876" t="str">
            <v>ﾆｯｼﾝｾｲｻｸｼｮ</v>
          </cell>
          <cell r="C1876" t="str">
            <v>（株）日進製作所</v>
          </cell>
          <cell r="D1876" t="str">
            <v>平佐 正義</v>
          </cell>
          <cell r="E1876" t="str">
            <v>代表取締役</v>
          </cell>
          <cell r="F1876" t="str">
            <v>006-0860</v>
          </cell>
          <cell r="G1876" t="str">
            <v>手稲区手稲山口４３５</v>
          </cell>
          <cell r="H1876" t="str">
            <v>682-1280</v>
          </cell>
          <cell r="I1876" t="str">
            <v>683-0207</v>
          </cell>
        </row>
        <row r="1877">
          <cell r="A1877" t="str">
            <v>21089X</v>
          </cell>
          <cell r="B1877" t="str">
            <v>ﾆﾎﾝﾃｸﾆｶﾙ･ｻｰﾋﾞｽ</v>
          </cell>
          <cell r="C1877" t="str">
            <v>日本テクニカル・サービス（株）札幌営業所</v>
          </cell>
          <cell r="D1877" t="str">
            <v>相沢 伸広</v>
          </cell>
          <cell r="E1877" t="str">
            <v>所長</v>
          </cell>
          <cell r="F1877" t="str">
            <v>065-0020</v>
          </cell>
          <cell r="G1877" t="str">
            <v>東区北２０東１７－２－１７</v>
          </cell>
          <cell r="H1877" t="str">
            <v>786-0565</v>
          </cell>
          <cell r="I1877" t="str">
            <v>786-0588</v>
          </cell>
        </row>
        <row r="1878">
          <cell r="A1878" t="str">
            <v>21090V</v>
          </cell>
          <cell r="B1878" t="str">
            <v>ﾆｯｺｳｼｬ</v>
          </cell>
          <cell r="C1878" t="str">
            <v>（有）日孔社</v>
          </cell>
          <cell r="D1878" t="str">
            <v>日野 京子</v>
          </cell>
          <cell r="E1878" t="str">
            <v>代表取締役</v>
          </cell>
          <cell r="F1878" t="str">
            <v>065-0010</v>
          </cell>
          <cell r="G1878" t="str">
            <v>東区北１０東２－３－１８</v>
          </cell>
          <cell r="H1878" t="str">
            <v>721-1071</v>
          </cell>
          <cell r="I1878" t="str">
            <v>752-6494</v>
          </cell>
        </row>
        <row r="1879">
          <cell r="A1879" t="str">
            <v>21091S</v>
          </cell>
          <cell r="B1879" t="str">
            <v>ﾆｲｶﾞﾀﾔ</v>
          </cell>
          <cell r="C1879" t="str">
            <v>（株）新潟屋</v>
          </cell>
          <cell r="D1879" t="str">
            <v>岡崎 庚午</v>
          </cell>
          <cell r="E1879" t="str">
            <v>代表取締役</v>
          </cell>
          <cell r="F1879" t="str">
            <v>063-0802</v>
          </cell>
          <cell r="G1879" t="str">
            <v>西区二十四軒２－２－１</v>
          </cell>
          <cell r="H1879" t="str">
            <v>621-0321</v>
          </cell>
          <cell r="I1879" t="str">
            <v>621-8320</v>
          </cell>
        </row>
        <row r="1880">
          <cell r="A1880" t="str">
            <v>21092P</v>
          </cell>
          <cell r="B1880" t="str">
            <v>ﾆｾｺﾊﾞｽ</v>
          </cell>
          <cell r="C1880" t="str">
            <v>ニセコバス（株）</v>
          </cell>
          <cell r="D1880" t="str">
            <v>村上 公彦</v>
          </cell>
          <cell r="E1880" t="str">
            <v>代表取締役社長</v>
          </cell>
          <cell r="F1880" t="str">
            <v>048-1512</v>
          </cell>
          <cell r="G1880" t="str">
            <v>虻田郡ニセコ町字中央通５６</v>
          </cell>
          <cell r="H1880" t="str">
            <v>0136-44-2001</v>
          </cell>
          <cell r="I1880" t="str">
            <v>0136-44-2002</v>
          </cell>
        </row>
        <row r="1881">
          <cell r="A1881" t="str">
            <v>21093Z</v>
          </cell>
          <cell r="B1881" t="str">
            <v>ﾆﾎﾝﾃﾞﾝｼ</v>
          </cell>
          <cell r="C1881" t="str">
            <v>日本電子（株）札幌支店</v>
          </cell>
          <cell r="D1881" t="str">
            <v>武藤 正雄</v>
          </cell>
          <cell r="E1881" t="str">
            <v>支店長</v>
          </cell>
          <cell r="F1881" t="str">
            <v>060-0809</v>
          </cell>
          <cell r="G1881" t="str">
            <v>北区北９西３ー１９ ノルテプラザ５</v>
          </cell>
          <cell r="H1881" t="str">
            <v>726-9680</v>
          </cell>
          <cell r="I1881" t="str">
            <v>717-7305</v>
          </cell>
        </row>
        <row r="1882">
          <cell r="A1882" t="str">
            <v>21095T</v>
          </cell>
          <cell r="B1882" t="str">
            <v>ﾆｯﾁｭｳﾌﾞｯｻﾝ</v>
          </cell>
          <cell r="C1882" t="str">
            <v>日中物産（株）</v>
          </cell>
          <cell r="D1882" t="str">
            <v>呉 琦</v>
          </cell>
          <cell r="E1882" t="str">
            <v>代表取締役</v>
          </cell>
          <cell r="F1882" t="str">
            <v>064-0826</v>
          </cell>
          <cell r="G1882" t="str">
            <v>中央区北６西２６－２９－２６KIﾋﾞﾙ６階６０５号</v>
          </cell>
          <cell r="H1882" t="str">
            <v>640-2831</v>
          </cell>
          <cell r="I1882" t="str">
            <v>640-3730</v>
          </cell>
        </row>
        <row r="1883">
          <cell r="A1883" t="str">
            <v>21096R</v>
          </cell>
          <cell r="B1883" t="str">
            <v>ﾆｯｾｲｺﾑ</v>
          </cell>
          <cell r="C1883" t="str">
            <v>（株）ニッセイコム札幌支店</v>
          </cell>
          <cell r="D1883" t="str">
            <v>三谷 洋一</v>
          </cell>
          <cell r="E1883" t="str">
            <v>支店長</v>
          </cell>
          <cell r="F1883" t="str">
            <v>060-0002</v>
          </cell>
          <cell r="G1883" t="str">
            <v>中央区北２西４－１ 札幌三井ビル</v>
          </cell>
          <cell r="H1883" t="str">
            <v>222-4251</v>
          </cell>
          <cell r="I1883" t="str">
            <v>222-4457</v>
          </cell>
        </row>
        <row r="1884">
          <cell r="A1884" t="str">
            <v>21097N</v>
          </cell>
          <cell r="B1884" t="str">
            <v>ﾆｯｺｳｲﾝｻﾂ</v>
          </cell>
          <cell r="C1884" t="str">
            <v>（株）日光印刷札幌支店</v>
          </cell>
          <cell r="D1884" t="str">
            <v>佐藤 俊一</v>
          </cell>
          <cell r="E1884" t="str">
            <v>札幌支店長</v>
          </cell>
          <cell r="F1884" t="str">
            <v>060-0032</v>
          </cell>
          <cell r="G1884" t="str">
            <v>中央区北２東１－２－１０ 日宝北２条ビル</v>
          </cell>
          <cell r="H1884" t="str">
            <v>219-8308</v>
          </cell>
          <cell r="I1884" t="str">
            <v>219-8309</v>
          </cell>
        </row>
        <row r="1885">
          <cell r="A1885" t="str">
            <v>21099W</v>
          </cell>
          <cell r="B1885" t="str">
            <v>ﾆﾁｴｲﾃｯｸ</v>
          </cell>
          <cell r="C1885" t="str">
            <v>（有）ニチエイテック</v>
          </cell>
          <cell r="D1885" t="str">
            <v>山田 栄一</v>
          </cell>
          <cell r="E1885" t="str">
            <v>代表取締役</v>
          </cell>
          <cell r="F1885" t="str">
            <v>003-0003</v>
          </cell>
          <cell r="G1885" t="str">
            <v>白石区東札幌３－４－６－９</v>
          </cell>
          <cell r="H1885" t="str">
            <v>837-8022</v>
          </cell>
          <cell r="I1885" t="str">
            <v>837-8158</v>
          </cell>
        </row>
        <row r="1886">
          <cell r="A1886" t="str">
            <v>21103W</v>
          </cell>
          <cell r="B1886" t="str">
            <v>ﾆﾁﾓｳ</v>
          </cell>
          <cell r="C1886" t="str">
            <v>ニチモウ（株）札幌支店</v>
          </cell>
          <cell r="D1886" t="str">
            <v>河野 一彦</v>
          </cell>
          <cell r="E1886" t="str">
            <v>支店長</v>
          </cell>
          <cell r="F1886" t="str">
            <v>060-0003</v>
          </cell>
          <cell r="G1886" t="str">
            <v>中央区北３西３－１－２５</v>
          </cell>
          <cell r="H1886" t="str">
            <v>261-3101</v>
          </cell>
          <cell r="I1886" t="str">
            <v>221-0549</v>
          </cell>
        </row>
        <row r="1887">
          <cell r="A1887" t="str">
            <v>21104T</v>
          </cell>
          <cell r="B1887" t="str">
            <v>ﾆﾎﾝｷｼｮｳｷｮｳｶｲ</v>
          </cell>
          <cell r="C1887" t="str">
            <v>（財）日本気象協会北海道支社</v>
          </cell>
          <cell r="D1887" t="str">
            <v>貴島 敏</v>
          </cell>
          <cell r="E1887" t="str">
            <v>支社長</v>
          </cell>
          <cell r="F1887" t="str">
            <v>064-8555</v>
          </cell>
          <cell r="G1887" t="str">
            <v>中央区北４西２３</v>
          </cell>
          <cell r="H1887" t="str">
            <v>622-2230</v>
          </cell>
          <cell r="I1887" t="str">
            <v>640-2383</v>
          </cell>
        </row>
        <row r="1888">
          <cell r="A1888" t="str">
            <v>21105P</v>
          </cell>
          <cell r="B1888" t="str">
            <v>ﾆｯｼｮｳﾌﾟﾛﾊﾟﾝｾｷﾕ</v>
          </cell>
          <cell r="C1888" t="str">
            <v>日商プロパン石油（株）</v>
          </cell>
          <cell r="D1888" t="str">
            <v>富士 勝夫</v>
          </cell>
          <cell r="E1888" t="str">
            <v>代表取締役</v>
          </cell>
          <cell r="F1888" t="str">
            <v>060-0002</v>
          </cell>
          <cell r="G1888" t="str">
            <v>中央区北２西３－１ 太陽生命ビル</v>
          </cell>
          <cell r="H1888" t="str">
            <v>281-5261</v>
          </cell>
          <cell r="I1888" t="str">
            <v>251-0933</v>
          </cell>
        </row>
        <row r="1889">
          <cell r="A1889" t="str">
            <v>21107X</v>
          </cell>
          <cell r="B1889" t="str">
            <v>ﾆﾎﾝｼﾝｺﾞｳ</v>
          </cell>
          <cell r="C1889" t="str">
            <v>日本信号（株）北海道支店</v>
          </cell>
          <cell r="D1889" t="str">
            <v>並木 幸雄</v>
          </cell>
          <cell r="E1889" t="str">
            <v>支店長</v>
          </cell>
          <cell r="F1889" t="str">
            <v>060-0002</v>
          </cell>
          <cell r="G1889" t="str">
            <v>中央区北２西３－１ 太陽生命ビル</v>
          </cell>
          <cell r="H1889" t="str">
            <v>271-4161</v>
          </cell>
          <cell r="I1889" t="str">
            <v>221-1705</v>
          </cell>
        </row>
        <row r="1890">
          <cell r="A1890" t="str">
            <v>21111Z</v>
          </cell>
          <cell r="B1890" t="str">
            <v>ﾆｯｽｲｻﾝｷﾞｮｳ</v>
          </cell>
          <cell r="C1890" t="str">
            <v>日水産業（株）</v>
          </cell>
          <cell r="D1890" t="str">
            <v>黒田 和久</v>
          </cell>
          <cell r="E1890" t="str">
            <v>代表取締役</v>
          </cell>
          <cell r="F1890" t="str">
            <v>234-0054</v>
          </cell>
          <cell r="G1890" t="str">
            <v>横浜市港南区港南台３－４－４６</v>
          </cell>
          <cell r="H1890" t="str">
            <v>045-834-3733</v>
          </cell>
          <cell r="I1890" t="str">
            <v>045-834-3730</v>
          </cell>
        </row>
        <row r="1891">
          <cell r="A1891" t="str">
            <v>21112X</v>
          </cell>
          <cell r="B1891" t="str">
            <v>ﾆﾎﾝﾕﾆｼｽ･ｻﾌﾟﾗｲ</v>
          </cell>
          <cell r="C1891" t="str">
            <v>日本ユニシス・サプライ（株）札幌営業所</v>
          </cell>
          <cell r="D1891" t="str">
            <v>柏崎 時夫</v>
          </cell>
          <cell r="E1891" t="str">
            <v>所長</v>
          </cell>
          <cell r="F1891" t="str">
            <v>060-0003</v>
          </cell>
          <cell r="G1891" t="str">
            <v>中央区北３西３－１－４ 札幌北三条ビル</v>
          </cell>
          <cell r="H1891" t="str">
            <v>251-0882</v>
          </cell>
          <cell r="I1891" t="str">
            <v>251-0890</v>
          </cell>
        </row>
        <row r="1892">
          <cell r="A1892" t="str">
            <v>21114S</v>
          </cell>
          <cell r="B1892" t="str">
            <v>ﾆｯｺｳﾋｰﾃｨﾝｸﾞ</v>
          </cell>
          <cell r="C1892" t="str">
            <v>（株）日弘ヒーティング</v>
          </cell>
          <cell r="D1892" t="str">
            <v>高橋 弘充</v>
          </cell>
          <cell r="E1892" t="str">
            <v>代表取締役</v>
          </cell>
          <cell r="F1892" t="str">
            <v>065-0024</v>
          </cell>
          <cell r="G1892" t="str">
            <v>東区北２４東１５ー４－２０</v>
          </cell>
          <cell r="H1892" t="str">
            <v>753-7311</v>
          </cell>
          <cell r="I1892" t="str">
            <v>704-6550</v>
          </cell>
        </row>
        <row r="1893">
          <cell r="A1893" t="str">
            <v>21119R</v>
          </cell>
          <cell r="B1893" t="str">
            <v>ﾆｯﾃﾂｼｮｳｼﾞ</v>
          </cell>
          <cell r="C1893" t="str">
            <v>日鐵商事（株）北海道支店</v>
          </cell>
          <cell r="D1893" t="str">
            <v>財津 龍二</v>
          </cell>
          <cell r="E1893" t="str">
            <v>支店長</v>
          </cell>
          <cell r="F1893" t="str">
            <v>060-0002</v>
          </cell>
          <cell r="G1893" t="str">
            <v>中央区北２西３－１</v>
          </cell>
          <cell r="H1893" t="str">
            <v>241-4601</v>
          </cell>
          <cell r="I1893" t="str">
            <v>222-4973</v>
          </cell>
        </row>
        <row r="1894">
          <cell r="A1894" t="str">
            <v>21120N</v>
          </cell>
          <cell r="B1894" t="str">
            <v>ﾆﾎﾝｼｬﾘｮｳｾﾝｼﾞｮｳｷ</v>
          </cell>
          <cell r="C1894" t="str">
            <v>日本車輌洗滌機（株）北海道支店</v>
          </cell>
          <cell r="D1894" t="str">
            <v>増田 晴紀</v>
          </cell>
          <cell r="E1894" t="str">
            <v>取締役支店長</v>
          </cell>
          <cell r="F1894" t="str">
            <v>003-0023</v>
          </cell>
          <cell r="G1894" t="str">
            <v>白石区南郷通１４北４－１１</v>
          </cell>
          <cell r="H1894" t="str">
            <v>861-1367</v>
          </cell>
          <cell r="I1894" t="str">
            <v>865-7037</v>
          </cell>
        </row>
        <row r="1895">
          <cell r="A1895" t="str">
            <v>21123T</v>
          </cell>
          <cell r="B1895" t="str">
            <v>ﾆｯｾｲｷｺｳ</v>
          </cell>
          <cell r="C1895" t="str">
            <v>日精機工（株）札幌支店</v>
          </cell>
          <cell r="D1895" t="str">
            <v>今野 克己</v>
          </cell>
          <cell r="E1895" t="str">
            <v>支店長</v>
          </cell>
          <cell r="F1895" t="str">
            <v>060-0032</v>
          </cell>
          <cell r="G1895" t="str">
            <v>中央区北２東１１</v>
          </cell>
          <cell r="H1895" t="str">
            <v>261-9231</v>
          </cell>
          <cell r="I1895" t="str">
            <v>251-0535</v>
          </cell>
        </row>
        <row r="1896">
          <cell r="A1896" t="str">
            <v>21124R</v>
          </cell>
          <cell r="B1896" t="str">
            <v>ﾆﾎﾝﾁｭｳﾃﾂｶﾝ</v>
          </cell>
          <cell r="C1896" t="str">
            <v>日本鋳鉄管（株）北海道支社</v>
          </cell>
          <cell r="D1896" t="str">
            <v>杉浦 秀雄</v>
          </cell>
          <cell r="E1896" t="str">
            <v>支社長</v>
          </cell>
          <cell r="F1896" t="str">
            <v>060-0005</v>
          </cell>
          <cell r="G1896" t="str">
            <v>中央区北５西２－５ JRﾀﾜｰｵﾌｨｽﾌﾟﾗｻﾞさっぽろ17F</v>
          </cell>
          <cell r="H1896" t="str">
            <v>210-0511</v>
          </cell>
          <cell r="I1896" t="str">
            <v>210-0566</v>
          </cell>
        </row>
        <row r="1897">
          <cell r="A1897" t="str">
            <v>21126X</v>
          </cell>
          <cell r="B1897" t="str">
            <v>ｱｸｱｽ</v>
          </cell>
          <cell r="C1897" t="str">
            <v>アクアス（株）札幌支店</v>
          </cell>
          <cell r="D1897" t="str">
            <v>早坂 重信</v>
          </cell>
          <cell r="E1897" t="str">
            <v>支店長</v>
          </cell>
          <cell r="F1897" t="str">
            <v>060-0003</v>
          </cell>
          <cell r="G1897" t="str">
            <v>中央区北３西７－１－１ 緑苑ビル</v>
          </cell>
          <cell r="H1897" t="str">
            <v>281-5671</v>
          </cell>
          <cell r="I1897" t="str">
            <v>281-5672</v>
          </cell>
        </row>
        <row r="1898">
          <cell r="A1898" t="str">
            <v>21130Z</v>
          </cell>
          <cell r="B1898" t="str">
            <v>ﾅﾌﾞﾃｽｺ</v>
          </cell>
          <cell r="C1898" t="str">
            <v>ナブテスコ（株）鉄道カンパニー 札幌営業所</v>
          </cell>
          <cell r="D1898" t="str">
            <v>三上 素明</v>
          </cell>
          <cell r="E1898" t="str">
            <v>所長</v>
          </cell>
          <cell r="F1898" t="str">
            <v>060-0061</v>
          </cell>
          <cell r="G1898" t="str">
            <v>中央区南１西５ 愛生館ビル内</v>
          </cell>
          <cell r="H1898" t="str">
            <v>251-8611</v>
          </cell>
          <cell r="I1898" t="str">
            <v>222-2842</v>
          </cell>
        </row>
        <row r="1899">
          <cell r="A1899" t="str">
            <v>21131X</v>
          </cell>
          <cell r="B1899" t="str">
            <v>ﾆｼｺｼ</v>
          </cell>
          <cell r="C1899" t="str">
            <v>（株）西越</v>
          </cell>
          <cell r="D1899" t="str">
            <v>金泉 誠</v>
          </cell>
          <cell r="E1899" t="str">
            <v>代表取締役</v>
          </cell>
          <cell r="F1899" t="str">
            <v>003-0807</v>
          </cell>
          <cell r="G1899" t="str">
            <v>白石区菊水７－４－１－２０</v>
          </cell>
          <cell r="H1899" t="str">
            <v>823-2454</v>
          </cell>
          <cell r="I1899" t="str">
            <v>821-4147</v>
          </cell>
        </row>
        <row r="1900">
          <cell r="A1900" t="str">
            <v>21132V</v>
          </cell>
          <cell r="B1900" t="str">
            <v>ﾆﾎﾝｴｲﾖｳｼｮｸﾋﾝ</v>
          </cell>
          <cell r="C1900" t="str">
            <v>日本栄養食品（株）</v>
          </cell>
          <cell r="D1900" t="str">
            <v>川崎 真一</v>
          </cell>
          <cell r="E1900" t="str">
            <v>代表取締役</v>
          </cell>
          <cell r="F1900" t="str">
            <v>060-0062</v>
          </cell>
          <cell r="G1900" t="str">
            <v>中央区南２西５－８</v>
          </cell>
          <cell r="H1900" t="str">
            <v>824-9241</v>
          </cell>
          <cell r="I1900" t="str">
            <v>824-9240</v>
          </cell>
        </row>
        <row r="1901">
          <cell r="A1901" t="str">
            <v>21133S</v>
          </cell>
          <cell r="B1901" t="str">
            <v>ﾆｯﾎﾟﾝｽﾀﾃﾞｵ</v>
          </cell>
          <cell r="C1901" t="str">
            <v>（株）日本スタデオ札幌営業所</v>
          </cell>
          <cell r="D1901" t="str">
            <v>藤沢 延浩</v>
          </cell>
          <cell r="E1901" t="str">
            <v>所長</v>
          </cell>
          <cell r="F1901" t="str">
            <v>060-0061</v>
          </cell>
          <cell r="G1901" t="str">
            <v>中央区南１西６ 第２７桂和ビル</v>
          </cell>
          <cell r="H1901" t="str">
            <v>281-2571</v>
          </cell>
          <cell r="I1901" t="str">
            <v>281-2573</v>
          </cell>
        </row>
        <row r="1902">
          <cell r="A1902" t="str">
            <v>21135Y</v>
          </cell>
          <cell r="B1902" t="str">
            <v>ｼﾞｰｲｰｷｬﾋﾟﾀﾙﾘｰｼﾝｸﾞ</v>
          </cell>
          <cell r="C1902" t="str">
            <v>ジーイーキャピタルリーシング（株）札幌支店</v>
          </cell>
          <cell r="D1902" t="str">
            <v>佐藤 裕司</v>
          </cell>
          <cell r="E1902" t="str">
            <v>支店長</v>
          </cell>
          <cell r="F1902" t="str">
            <v>060-0061</v>
          </cell>
          <cell r="G1902" t="str">
            <v>中央区南１西２－５</v>
          </cell>
          <cell r="H1902" t="str">
            <v>271-3121</v>
          </cell>
          <cell r="I1902" t="str">
            <v>221-9216</v>
          </cell>
        </row>
        <row r="1903">
          <cell r="A1903" t="str">
            <v>21136W</v>
          </cell>
          <cell r="B1903" t="str">
            <v>ﾆｯｺｰｺﾐｭﾆｹｰｼｮﾝｽﾞ</v>
          </cell>
          <cell r="C1903" t="str">
            <v>（株）ニッコーコミュニケーションズ</v>
          </cell>
          <cell r="D1903" t="str">
            <v>浜本 吉紀</v>
          </cell>
          <cell r="E1903" t="str">
            <v>代表取締役</v>
          </cell>
          <cell r="F1903" t="str">
            <v>060-0807</v>
          </cell>
          <cell r="G1903" t="str">
            <v>北区北７西１－１－２</v>
          </cell>
          <cell r="H1903" t="str">
            <v>746-2528</v>
          </cell>
          <cell r="I1903" t="str">
            <v>737-0961</v>
          </cell>
        </row>
        <row r="1904">
          <cell r="A1904" t="str">
            <v>21142T</v>
          </cell>
          <cell r="B1904" t="str">
            <v>ﾆｯｺｳﾃﾞﾝｷﾂｳｼﾝ</v>
          </cell>
          <cell r="C1904" t="str">
            <v>日興電気通信（株）札幌支店</v>
          </cell>
          <cell r="D1904" t="str">
            <v>西尾 剛</v>
          </cell>
          <cell r="E1904" t="str">
            <v>支店長</v>
          </cell>
          <cell r="F1904" t="str">
            <v>066-0051</v>
          </cell>
          <cell r="G1904" t="str">
            <v>区千歳市泉沢１００７－１３２</v>
          </cell>
          <cell r="H1904" t="str">
            <v>0123-28-5391</v>
          </cell>
          <cell r="I1904" t="str">
            <v>0123-28-5393</v>
          </cell>
        </row>
        <row r="1905">
          <cell r="A1905" t="str">
            <v>21147S</v>
          </cell>
          <cell r="B1905" t="str">
            <v>ﾆｯﾎﾟﾝｼｬﾘｮｳｾｲｿﾞｳ</v>
          </cell>
          <cell r="C1905" t="str">
            <v>日本車輌製造（株）札幌支店</v>
          </cell>
          <cell r="D1905" t="str">
            <v>石川 一男</v>
          </cell>
          <cell r="E1905" t="str">
            <v>支店長</v>
          </cell>
          <cell r="F1905" t="str">
            <v>060-0005</v>
          </cell>
          <cell r="G1905" t="str">
            <v>中央区北５西６－２ 札幌センタービル７</v>
          </cell>
          <cell r="H1905" t="str">
            <v>241-8357</v>
          </cell>
          <cell r="I1905" t="str">
            <v>222-4583</v>
          </cell>
        </row>
        <row r="1906">
          <cell r="A1906" t="str">
            <v>21153P</v>
          </cell>
          <cell r="B1906" t="str">
            <v>ﾆｯｷｿｳ</v>
          </cell>
          <cell r="C1906" t="str">
            <v>日機装（株）札幌支社</v>
          </cell>
          <cell r="D1906" t="str">
            <v>迎 惶</v>
          </cell>
          <cell r="E1906" t="str">
            <v>支社長</v>
          </cell>
          <cell r="F1906" t="str">
            <v>060-0061</v>
          </cell>
          <cell r="G1906" t="str">
            <v>中央区南１西１１－３２７ 王子不動産札幌ビル</v>
          </cell>
          <cell r="H1906" t="str">
            <v>261-5561</v>
          </cell>
          <cell r="I1906" t="str">
            <v>251-8620</v>
          </cell>
        </row>
        <row r="1907">
          <cell r="A1907" t="str">
            <v>21158N</v>
          </cell>
          <cell r="B1907" t="str">
            <v>ﾆﾎﾝｸﾘｴｰﾄ</v>
          </cell>
          <cell r="C1907" t="str">
            <v>日本クリエート（株）</v>
          </cell>
          <cell r="D1907" t="str">
            <v>西田 武</v>
          </cell>
          <cell r="E1907" t="str">
            <v>代表取締役</v>
          </cell>
          <cell r="F1907" t="str">
            <v>003-0813</v>
          </cell>
          <cell r="G1907" t="str">
            <v>白石区菊水上町３－２－５２</v>
          </cell>
          <cell r="H1907" t="str">
            <v>822-2222</v>
          </cell>
          <cell r="I1907" t="str">
            <v>832-1852</v>
          </cell>
        </row>
        <row r="1908">
          <cell r="A1908" t="str">
            <v>21160W</v>
          </cell>
          <cell r="B1908" t="str">
            <v>ﾀﾞｲﾆｯﾎﾟﾝﾄﾘｮｳﾎｯｶｲﾄﾞｳ</v>
          </cell>
          <cell r="C1908" t="str">
            <v>大日本塗料北海道（株）</v>
          </cell>
          <cell r="D1908" t="str">
            <v>田村 博</v>
          </cell>
          <cell r="E1908" t="str">
            <v>代表取締役社長</v>
          </cell>
          <cell r="F1908" t="str">
            <v>003-0012</v>
          </cell>
          <cell r="G1908" t="str">
            <v>白石区中央２－１－５－１</v>
          </cell>
          <cell r="H1908" t="str">
            <v>823-1641</v>
          </cell>
          <cell r="I1908" t="str">
            <v>823-1617</v>
          </cell>
        </row>
        <row r="1909">
          <cell r="A1909" t="str">
            <v>21166S</v>
          </cell>
          <cell r="B1909" t="str">
            <v>ﾆｯｼﾝｲﾘｮｳｼｮｸﾋﾝ</v>
          </cell>
          <cell r="C1909" t="str">
            <v>日清医療食品（株）北海道支店</v>
          </cell>
          <cell r="D1909" t="str">
            <v>柴田 浩徳</v>
          </cell>
          <cell r="E1909" t="str">
            <v>支店長</v>
          </cell>
          <cell r="F1909" t="str">
            <v>060-0807</v>
          </cell>
          <cell r="G1909" t="str">
            <v>北区北７西１－２－６ ＮＳＳ・ﾆｭｰｽﾃｰｼﾞ札幌６</v>
          </cell>
          <cell r="H1909" t="str">
            <v>736-2225</v>
          </cell>
          <cell r="I1909" t="str">
            <v>736-2660</v>
          </cell>
        </row>
        <row r="1910">
          <cell r="A1910" t="str">
            <v>21173Z</v>
          </cell>
          <cell r="B1910" t="str">
            <v>ﾆｯﾎﾟﾝﾋﾟｰﾏｯｸ</v>
          </cell>
          <cell r="C1910" t="str">
            <v>日本ピーマック（株）札幌営業所</v>
          </cell>
          <cell r="D1910" t="str">
            <v>桜井 稔</v>
          </cell>
          <cell r="E1910" t="str">
            <v>所長</v>
          </cell>
          <cell r="F1910" t="str">
            <v>060-0003</v>
          </cell>
          <cell r="G1910" t="str">
            <v>中央区北３西２－１０－２ 札幌ＨＳビル１０Ｆ</v>
          </cell>
          <cell r="H1910" t="str">
            <v>232-1151</v>
          </cell>
          <cell r="I1910" t="str">
            <v>232-5553</v>
          </cell>
        </row>
        <row r="1911">
          <cell r="A1911" t="str">
            <v>21176R</v>
          </cell>
          <cell r="B1911" t="str">
            <v>ﾆﾚｲﾝｻﾂ</v>
          </cell>
          <cell r="C1911" t="str">
            <v>楡印刷（株）</v>
          </cell>
          <cell r="D1911" t="str">
            <v>河上 新一</v>
          </cell>
          <cell r="E1911" t="str">
            <v>代表取締役</v>
          </cell>
          <cell r="F1911" t="str">
            <v>060-0808</v>
          </cell>
          <cell r="G1911" t="str">
            <v>北区北８西１－１</v>
          </cell>
          <cell r="H1911" t="str">
            <v>747-2513</v>
          </cell>
          <cell r="I1911" t="str">
            <v>747-2514</v>
          </cell>
        </row>
        <row r="1912">
          <cell r="A1912" t="str">
            <v>21177N</v>
          </cell>
          <cell r="B1912" t="str">
            <v>ﾆﾎﾝｹﾞﾝﾘｮｳ</v>
          </cell>
          <cell r="C1912" t="str">
            <v>日本原料（株）札幌出張所</v>
          </cell>
          <cell r="D1912" t="str">
            <v>木戸口 光男</v>
          </cell>
          <cell r="E1912" t="str">
            <v>所長</v>
          </cell>
          <cell r="F1912" t="str">
            <v>005-0853</v>
          </cell>
          <cell r="G1912" t="str">
            <v>南区常盤３－２－１６－１５</v>
          </cell>
          <cell r="H1912" t="str">
            <v>592-9102</v>
          </cell>
          <cell r="I1912" t="str">
            <v>044-222-5556</v>
          </cell>
        </row>
        <row r="1913">
          <cell r="A1913" t="str">
            <v>21181R</v>
          </cell>
          <cell r="B1913" t="str">
            <v>ﾆｺﾆｺｷｮｳｻﾞｲ</v>
          </cell>
          <cell r="C1913" t="str">
            <v>（有）にこにこ教材</v>
          </cell>
          <cell r="D1913" t="str">
            <v>中井 伸治</v>
          </cell>
          <cell r="E1913" t="str">
            <v>代表取締役</v>
          </cell>
          <cell r="F1913" t="str">
            <v>006-0819</v>
          </cell>
          <cell r="G1913" t="str">
            <v>手稲区前田９－１４－３－７</v>
          </cell>
          <cell r="H1913" t="str">
            <v>684-3137</v>
          </cell>
          <cell r="I1913" t="str">
            <v>684-4710</v>
          </cell>
        </row>
        <row r="1914">
          <cell r="A1914" t="str">
            <v>21183Y</v>
          </cell>
          <cell r="B1914" t="str">
            <v>ﾀｰﾌﾃｯｸ</v>
          </cell>
          <cell r="C1914" t="str">
            <v>（株）ターフテック</v>
          </cell>
          <cell r="D1914" t="str">
            <v>宮本 裕司</v>
          </cell>
          <cell r="E1914" t="str">
            <v>代表取締役</v>
          </cell>
          <cell r="F1914" t="str">
            <v>061-1274</v>
          </cell>
          <cell r="G1914" t="str">
            <v>北広島市大曲工業団地５－１－２</v>
          </cell>
          <cell r="H1914" t="str">
            <v>377-4011</v>
          </cell>
          <cell r="I1914" t="str">
            <v>377-6318</v>
          </cell>
        </row>
        <row r="1915">
          <cell r="A1915" t="str">
            <v>21196N</v>
          </cell>
          <cell r="B1915" t="str">
            <v>ﾆﾁｱｺｳｷ</v>
          </cell>
          <cell r="C1915" t="str">
            <v>（株）日亜工機</v>
          </cell>
          <cell r="D1915" t="str">
            <v>伝法谷 祐治</v>
          </cell>
          <cell r="E1915" t="str">
            <v>代表取締役</v>
          </cell>
          <cell r="F1915" t="str">
            <v>063-0835</v>
          </cell>
          <cell r="G1915" t="str">
            <v>西区発寒１５－１２－１０２０－１９１</v>
          </cell>
          <cell r="H1915" t="str">
            <v>662-0725</v>
          </cell>
          <cell r="I1915" t="str">
            <v>662-0734</v>
          </cell>
        </row>
        <row r="1916">
          <cell r="A1916" t="str">
            <v>21201Y</v>
          </cell>
          <cell r="B1916" t="str">
            <v>ﾆﾎﾝｲﾝﾙｰﾑ</v>
          </cell>
          <cell r="C1916" t="str">
            <v>（有）日本インルーム</v>
          </cell>
          <cell r="D1916" t="str">
            <v>荒木 愼</v>
          </cell>
          <cell r="E1916" t="str">
            <v>代表取締役</v>
          </cell>
          <cell r="F1916" t="str">
            <v>062-0031</v>
          </cell>
          <cell r="G1916" t="str">
            <v>豊平区西岡１－９－１１－２</v>
          </cell>
          <cell r="H1916" t="str">
            <v>851-7101</v>
          </cell>
          <cell r="I1916" t="str">
            <v>851-7898</v>
          </cell>
        </row>
        <row r="1917">
          <cell r="A1917" t="str">
            <v>21210Z</v>
          </cell>
          <cell r="B1917" t="str">
            <v>ﾆｯｼｮｳｴﾚｸﾄﾛﾆｸｽ</v>
          </cell>
          <cell r="C1917" t="str">
            <v>日商エレクトロニクス（株）北海道営業所</v>
          </cell>
          <cell r="D1917" t="str">
            <v>米山 達也</v>
          </cell>
          <cell r="E1917" t="str">
            <v>所長</v>
          </cell>
          <cell r="F1917" t="str">
            <v>060-0005</v>
          </cell>
          <cell r="G1917" t="str">
            <v>中央区北５西５－２ 信金中央金庫ビル</v>
          </cell>
          <cell r="H1917" t="str">
            <v>231-2770</v>
          </cell>
          <cell r="I1917" t="str">
            <v>241-0758</v>
          </cell>
        </row>
        <row r="1918">
          <cell r="A1918" t="str">
            <v>21212V</v>
          </cell>
          <cell r="B1918" t="str">
            <v>ﾆｯｾﾝ</v>
          </cell>
          <cell r="C1918" t="str">
            <v>（株）日宣</v>
          </cell>
          <cell r="D1918" t="str">
            <v>長谷川 日出夫</v>
          </cell>
          <cell r="E1918" t="str">
            <v>代表取締役</v>
          </cell>
          <cell r="F1918" t="str">
            <v>003-0826</v>
          </cell>
          <cell r="G1918" t="str">
            <v>白石区菊水元町６－３－４－１３</v>
          </cell>
          <cell r="H1918" t="str">
            <v>874-6363</v>
          </cell>
          <cell r="I1918" t="str">
            <v>875-7860</v>
          </cell>
        </row>
        <row r="1919">
          <cell r="A1919" t="str">
            <v>21214P</v>
          </cell>
          <cell r="B1919" t="str">
            <v>ﾆﾎﾝｲﾘｮｳｼﾞﾑｾﾝﾀｰ</v>
          </cell>
          <cell r="C1919" t="str">
            <v>（株）日本医療事務センター札幌支社</v>
          </cell>
          <cell r="D1919" t="str">
            <v>白井 恒司</v>
          </cell>
          <cell r="E1919" t="str">
            <v>支社長</v>
          </cell>
          <cell r="F1919" t="str">
            <v>060-0005</v>
          </cell>
          <cell r="G1919" t="str">
            <v>中央区北５西５－２－５ 信金中央金庫ビル７階</v>
          </cell>
          <cell r="H1919" t="str">
            <v>205-5321</v>
          </cell>
          <cell r="I1919" t="str">
            <v>205-5320</v>
          </cell>
        </row>
        <row r="1920">
          <cell r="A1920" t="str">
            <v>21216W</v>
          </cell>
          <cell r="B1920" t="str">
            <v>ﾋｶﾞｼﾆﾎﾝﾃﾞﾝｼﾝﾃﾞﾝﾜ</v>
          </cell>
          <cell r="C1920" t="str">
            <v>東日本電信電話（株）</v>
          </cell>
          <cell r="D1920" t="str">
            <v>牧野 哲也</v>
          </cell>
          <cell r="E1920" t="str">
            <v>理事北海道支店長</v>
          </cell>
          <cell r="F1920" t="str">
            <v>060-0001</v>
          </cell>
          <cell r="G1920" t="str">
            <v>中央区北１西６－１</v>
          </cell>
          <cell r="H1920" t="str">
            <v>242-4402</v>
          </cell>
          <cell r="I1920" t="str">
            <v>232-4971</v>
          </cell>
        </row>
        <row r="1921">
          <cell r="A1921" t="str">
            <v>21219N</v>
          </cell>
          <cell r="B1921" t="str">
            <v>ﾆｯﾄｳﾋﾞｼﾞﾈｽ</v>
          </cell>
          <cell r="C1921" t="str">
            <v>日藤ビジネス（株）</v>
          </cell>
          <cell r="D1921" t="str">
            <v>藤居 英世</v>
          </cell>
          <cell r="E1921" t="str">
            <v>代表取締役</v>
          </cell>
          <cell r="F1921" t="str">
            <v>060-8721</v>
          </cell>
          <cell r="G1921" t="str">
            <v>中央区北３西１４－２</v>
          </cell>
          <cell r="H1921" t="str">
            <v>261-5855</v>
          </cell>
          <cell r="I1921" t="str">
            <v>251-2966</v>
          </cell>
        </row>
        <row r="1922">
          <cell r="A1922" t="str">
            <v>21225X</v>
          </cell>
          <cell r="B1922" t="str">
            <v>ﾄｼｮｶﾝﾈｯﾄﾜｰｸｻｰﾋﾞｽ</v>
          </cell>
          <cell r="C1922" t="str">
            <v>（株）図書館ネットワークサービス</v>
          </cell>
          <cell r="D1922" t="str">
            <v>寺下 徹</v>
          </cell>
          <cell r="E1922" t="str">
            <v>代表取締役</v>
          </cell>
          <cell r="F1922" t="str">
            <v>063-0061</v>
          </cell>
          <cell r="G1922" t="str">
            <v>西区西町北７－４－７</v>
          </cell>
          <cell r="H1922" t="str">
            <v>666-1751</v>
          </cell>
          <cell r="I1922" t="str">
            <v>666-7039</v>
          </cell>
        </row>
        <row r="1923">
          <cell r="A1923" t="str">
            <v>21230X</v>
          </cell>
          <cell r="B1923" t="str">
            <v>ﾆｯﾎﾟﾝﾂｳｳﾝ</v>
          </cell>
          <cell r="C1923" t="str">
            <v>日本通運（株）札幌支店</v>
          </cell>
          <cell r="D1923" t="str">
            <v>瀬川 光蔵</v>
          </cell>
          <cell r="E1923" t="str">
            <v>支店長</v>
          </cell>
          <cell r="F1923" t="str">
            <v>060-0807</v>
          </cell>
          <cell r="G1923" t="str">
            <v>北区北７西４－５－１ 伊藤１１０ビル６階</v>
          </cell>
          <cell r="H1923" t="str">
            <v>738-0030</v>
          </cell>
          <cell r="I1923" t="str">
            <v>738-0033</v>
          </cell>
        </row>
        <row r="1924">
          <cell r="A1924" t="str">
            <v>21237R</v>
          </cell>
          <cell r="B1924" t="str">
            <v>ｴﾇｲｰｼｰﾘｰｽ</v>
          </cell>
          <cell r="C1924" t="str">
            <v>ＮＥＣリース（株）北海道支店</v>
          </cell>
          <cell r="D1924" t="str">
            <v>工藤 康</v>
          </cell>
          <cell r="E1924" t="str">
            <v>支店長</v>
          </cell>
          <cell r="F1924" t="str">
            <v>060-0042</v>
          </cell>
          <cell r="G1924" t="str">
            <v>中央区大通西４－１</v>
          </cell>
          <cell r="H1924" t="str">
            <v>221-2054</v>
          </cell>
          <cell r="I1924" t="str">
            <v>221-4439</v>
          </cell>
        </row>
        <row r="1925">
          <cell r="A1925" t="str">
            <v>21238N</v>
          </cell>
          <cell r="B1925" t="str">
            <v>ﾆｯﾎﾟﾝﾚﾝﾀｶｰﾎｯｶｲﾄﾞｳ</v>
          </cell>
          <cell r="C1925" t="str">
            <v>ニッポンレンタカー北海道（株）</v>
          </cell>
          <cell r="D1925" t="str">
            <v>前川 正一</v>
          </cell>
          <cell r="E1925" t="str">
            <v>代表取締役</v>
          </cell>
          <cell r="F1925" t="str">
            <v>060-0807</v>
          </cell>
          <cell r="G1925" t="str">
            <v>北区北７西１－１－５丸増ビルＮＯ１８ ４Ｆ</v>
          </cell>
          <cell r="H1925" t="str">
            <v>717-0919</v>
          </cell>
          <cell r="I1925" t="str">
            <v>737-5380</v>
          </cell>
        </row>
        <row r="1926">
          <cell r="A1926" t="str">
            <v>21247P</v>
          </cell>
          <cell r="B1926" t="str">
            <v>ﾆｯﾃﾂﾎｯｶｲﾄﾞｳｾｲｷﾞｮｼｽﾃﾑ</v>
          </cell>
          <cell r="C1926" t="str">
            <v>ニッテツ北海道制御システム（株）</v>
          </cell>
          <cell r="D1926" t="str">
            <v>小崎 巧三</v>
          </cell>
          <cell r="E1926" t="str">
            <v>代表取締役社長</v>
          </cell>
          <cell r="F1926" t="str">
            <v>050-0087</v>
          </cell>
          <cell r="G1926" t="str">
            <v>室蘭市仲町１２</v>
          </cell>
          <cell r="H1926" t="str">
            <v>0143-47-2793</v>
          </cell>
          <cell r="I1926" t="str">
            <v>0143-47-2794</v>
          </cell>
        </row>
        <row r="1927">
          <cell r="A1927" t="str">
            <v>21248Z</v>
          </cell>
          <cell r="B1927" t="str">
            <v>ﾆｯｻﾝｻﾃｨｵｻｯﾎﾟﾛ</v>
          </cell>
          <cell r="C1927" t="str">
            <v>（株）日産サティオ札幌</v>
          </cell>
          <cell r="D1927" t="str">
            <v>杉本 亙</v>
          </cell>
          <cell r="E1927" t="str">
            <v>代表取締役</v>
          </cell>
          <cell r="F1927" t="str">
            <v>007-0802</v>
          </cell>
          <cell r="G1927" t="str">
            <v>東区東苗穂２－３－２－５</v>
          </cell>
          <cell r="H1927" t="str">
            <v>643-3100</v>
          </cell>
          <cell r="I1927" t="str">
            <v>643-3152</v>
          </cell>
        </row>
        <row r="1928">
          <cell r="A1928" t="str">
            <v>21250V</v>
          </cell>
          <cell r="B1928" t="str">
            <v>ﾆﾎﾝｺﾝﾃｯｸ</v>
          </cell>
          <cell r="C1928" t="str">
            <v>日本コンテック（株）北海道支店</v>
          </cell>
          <cell r="D1928" t="str">
            <v>藤田 辰夫</v>
          </cell>
          <cell r="E1928" t="str">
            <v>支店長</v>
          </cell>
          <cell r="F1928" t="str">
            <v>063-0836</v>
          </cell>
          <cell r="G1928" t="str">
            <v>西区発寒１６－１３－６－８</v>
          </cell>
          <cell r="H1928" t="str">
            <v>662-2839</v>
          </cell>
          <cell r="I1928" t="str">
            <v>662-2801</v>
          </cell>
        </row>
        <row r="1929">
          <cell r="A1929" t="str">
            <v>21255T</v>
          </cell>
          <cell r="B1929" t="str">
            <v>ﾆｯｼﾝｶﾞﾗｽｺｳｷﾞｮｳ</v>
          </cell>
          <cell r="C1929" t="str">
            <v>日新ガラス興業（株）</v>
          </cell>
          <cell r="D1929" t="str">
            <v>伊藤 伸行</v>
          </cell>
          <cell r="E1929" t="str">
            <v>代表取締役</v>
          </cell>
          <cell r="F1929" t="str">
            <v>063-0835</v>
          </cell>
          <cell r="G1929" t="str">
            <v>西区発寒１５－４－１２－１</v>
          </cell>
          <cell r="H1929" t="str">
            <v>664-6451</v>
          </cell>
          <cell r="I1929" t="str">
            <v>664-8331</v>
          </cell>
        </row>
        <row r="1930">
          <cell r="A1930" t="str">
            <v>21261R</v>
          </cell>
          <cell r="B1930" t="str">
            <v>ﾉﾑﾗｺｳｹﾞｲｼｬ</v>
          </cell>
          <cell r="C1930" t="str">
            <v>（株）乃村工藝社北海道支店</v>
          </cell>
          <cell r="D1930" t="str">
            <v>山田 秀人</v>
          </cell>
          <cell r="E1930" t="str">
            <v>支店長</v>
          </cell>
          <cell r="F1930" t="str">
            <v>060-0001</v>
          </cell>
          <cell r="G1930" t="str">
            <v>中央区北１西５－２－９ 北１条三井ビル５階</v>
          </cell>
          <cell r="H1930" t="str">
            <v>231-3350</v>
          </cell>
          <cell r="I1930" t="str">
            <v>281-0941</v>
          </cell>
        </row>
        <row r="1931">
          <cell r="A1931" t="str">
            <v>21263Y</v>
          </cell>
          <cell r="B1931" t="str">
            <v>ﾆｲﾂﾞﾏｼｮｳｼﾞ</v>
          </cell>
          <cell r="C1931" t="str">
            <v>（有）新妻商事</v>
          </cell>
          <cell r="D1931" t="str">
            <v>新妻 義也</v>
          </cell>
          <cell r="E1931" t="str">
            <v>代表取締役</v>
          </cell>
          <cell r="F1931" t="str">
            <v>065-0042</v>
          </cell>
          <cell r="G1931" t="str">
            <v>東区本町２－２－１－２８</v>
          </cell>
          <cell r="H1931" t="str">
            <v>781-1541</v>
          </cell>
          <cell r="I1931" t="str">
            <v>781-3725</v>
          </cell>
        </row>
        <row r="1932">
          <cell r="A1932" t="str">
            <v>21264W</v>
          </cell>
          <cell r="B1932" t="str">
            <v>ﾆｼﾅﾕｷｻｰﾋﾞｽ</v>
          </cell>
          <cell r="C1932" t="str">
            <v>ニシナ油機サービス</v>
          </cell>
          <cell r="D1932" t="str">
            <v>仁科 健一</v>
          </cell>
          <cell r="E1932" t="str">
            <v>代表</v>
          </cell>
          <cell r="F1932" t="str">
            <v>005-0824</v>
          </cell>
          <cell r="G1932" t="str">
            <v>南区南沢４－３－８－３７</v>
          </cell>
          <cell r="H1932" t="str">
            <v>571-4750</v>
          </cell>
          <cell r="I1932" t="str">
            <v>571-4750</v>
          </cell>
        </row>
        <row r="1933">
          <cell r="A1933" t="str">
            <v>21266P</v>
          </cell>
          <cell r="B1933" t="str">
            <v>ﾆﾎﾝｴｰｼﾞｪﾝｼｰ</v>
          </cell>
          <cell r="C1933" t="str">
            <v>日本エージェンシー（有）</v>
          </cell>
          <cell r="D1933" t="str">
            <v>小林 一仁</v>
          </cell>
          <cell r="E1933" t="str">
            <v>代表取締役</v>
          </cell>
          <cell r="F1933" t="str">
            <v>064-0824</v>
          </cell>
          <cell r="G1933" t="str">
            <v>中央区北４西２４－１－１０</v>
          </cell>
          <cell r="H1933" t="str">
            <v>615-2757</v>
          </cell>
          <cell r="I1933" t="str">
            <v>612-5358</v>
          </cell>
        </row>
        <row r="1934">
          <cell r="A1934" t="str">
            <v>21267Z</v>
          </cell>
          <cell r="B1934" t="str">
            <v>ﾆﾎﾝｼｽﾃﾑｺﾝｻﾙﾀﾝﾄ</v>
          </cell>
          <cell r="C1934" t="str">
            <v>（株）日本システムコンサルタント北海道支店</v>
          </cell>
          <cell r="D1934" t="str">
            <v>田村 吉弘</v>
          </cell>
          <cell r="E1934" t="str">
            <v>取締役支店長</v>
          </cell>
          <cell r="F1934" t="str">
            <v>060-0002</v>
          </cell>
          <cell r="G1934" t="str">
            <v>中央区北２西２－４１ セコム損保札幌ビル</v>
          </cell>
          <cell r="H1934" t="str">
            <v>271-3866</v>
          </cell>
          <cell r="I1934" t="str">
            <v>261-4630</v>
          </cell>
        </row>
        <row r="1935">
          <cell r="A1935" t="str">
            <v>21270S</v>
          </cell>
          <cell r="B1935" t="str">
            <v>ﾆﾎﾝｱｲ･ﾋﾞｰ･ｴﾑ</v>
          </cell>
          <cell r="C1935" t="str">
            <v>日本アイ・ビー・エム（株）</v>
          </cell>
          <cell r="D1935" t="str">
            <v>大歳 卓麻</v>
          </cell>
          <cell r="E1935" t="str">
            <v>代表取締役</v>
          </cell>
          <cell r="F1935" t="str">
            <v>106-8711</v>
          </cell>
          <cell r="G1935" t="str">
            <v>東京都港区六本木３－２－１２</v>
          </cell>
          <cell r="H1935" t="str">
            <v>03-3586-1111</v>
          </cell>
          <cell r="I1935" t="str">
            <v>03-3664-4578</v>
          </cell>
        </row>
        <row r="1936">
          <cell r="A1936" t="str">
            <v>21271P</v>
          </cell>
          <cell r="B1936" t="str">
            <v>ﾆｯﾀｽﾎﾟｰﾂ</v>
          </cell>
          <cell r="C1936" t="str">
            <v>（有）新田スポーツ</v>
          </cell>
          <cell r="D1936" t="str">
            <v>新田 幸藏</v>
          </cell>
          <cell r="E1936" t="str">
            <v>代表取締役</v>
          </cell>
          <cell r="F1936" t="str">
            <v>006-0022</v>
          </cell>
          <cell r="G1936" t="str">
            <v>手稲区手稲本町２－３－６－１４</v>
          </cell>
          <cell r="H1936" t="str">
            <v>681-3050</v>
          </cell>
          <cell r="I1936" t="str">
            <v>684-2201</v>
          </cell>
        </row>
        <row r="1937">
          <cell r="A1937" t="str">
            <v>21272Z</v>
          </cell>
          <cell r="B1937" t="str">
            <v>ｴﾇｲｰｼｰｲﾝﾌﾛﾝﾃｨｱ</v>
          </cell>
          <cell r="C1937" t="str">
            <v>ＮＥＣインフロンティア（株）北海道支社</v>
          </cell>
          <cell r="D1937" t="str">
            <v>伊藤 眞</v>
          </cell>
          <cell r="E1937" t="str">
            <v>支社長</v>
          </cell>
          <cell r="F1937" t="str">
            <v>060-0004</v>
          </cell>
          <cell r="G1937" t="str">
            <v>中央区北４西６－１－１ 毎日札幌会館 ８Ｆ</v>
          </cell>
          <cell r="H1937" t="str">
            <v>221-2711</v>
          </cell>
          <cell r="I1937" t="str">
            <v>221-8700</v>
          </cell>
        </row>
        <row r="1938">
          <cell r="A1938" t="str">
            <v>21275R</v>
          </cell>
          <cell r="B1938" t="str">
            <v>ﾆﾎﾝﾃﾞﾝｼｹｲｻﾝｷ</v>
          </cell>
          <cell r="C1938" t="str">
            <v>日本電子計算機（株）</v>
          </cell>
          <cell r="D1938" t="str">
            <v>島尾 英明</v>
          </cell>
          <cell r="E1938" t="str">
            <v>営業本部長</v>
          </cell>
          <cell r="F1938" t="str">
            <v>100-8341</v>
          </cell>
          <cell r="G1938" t="str">
            <v>区東京都千代田区丸の内３－４－１</v>
          </cell>
          <cell r="H1938" t="str">
            <v>03-3216-3890</v>
          </cell>
          <cell r="I1938" t="str">
            <v>03-3216-0990</v>
          </cell>
        </row>
        <row r="1939">
          <cell r="A1939" t="str">
            <v>21276N</v>
          </cell>
          <cell r="B1939" t="str">
            <v>ﾆｯﾀｲｺｳﾊﾝ</v>
          </cell>
          <cell r="C1939" t="str">
            <v>（株）ニッタイ工販</v>
          </cell>
          <cell r="D1939" t="str">
            <v>山本 俊一</v>
          </cell>
          <cell r="E1939" t="str">
            <v>代表取締役</v>
          </cell>
          <cell r="F1939" t="str">
            <v>003-0022</v>
          </cell>
          <cell r="G1939" t="str">
            <v>白石区南郷通１南２－６</v>
          </cell>
          <cell r="H1939" t="str">
            <v>865-3810</v>
          </cell>
          <cell r="I1939" t="str">
            <v>865-3809</v>
          </cell>
        </row>
        <row r="1940">
          <cell r="A1940" t="str">
            <v>21280R</v>
          </cell>
          <cell r="B1940" t="str">
            <v>ﾆﾎﾝﾋｮｳｼﾞ</v>
          </cell>
          <cell r="C1940" t="str">
            <v>日本標示（株）</v>
          </cell>
          <cell r="D1940" t="str">
            <v>酒井 紀典</v>
          </cell>
          <cell r="E1940" t="str">
            <v>代表取締役</v>
          </cell>
          <cell r="F1940" t="str">
            <v>060-0032</v>
          </cell>
          <cell r="G1940" t="str">
            <v>中央区北２東１３－２６</v>
          </cell>
          <cell r="H1940" t="str">
            <v>219-0552</v>
          </cell>
          <cell r="I1940" t="str">
            <v>219-0553</v>
          </cell>
        </row>
        <row r="1941">
          <cell r="A1941" t="str">
            <v>21283W</v>
          </cell>
          <cell r="B1941" t="str">
            <v>ﾆｯﾎﾟﾝｶﾙﾐｯｸ</v>
          </cell>
          <cell r="C1941" t="str">
            <v>日本カルミック（株）</v>
          </cell>
          <cell r="D1941" t="str">
            <v>岡本 雄平</v>
          </cell>
          <cell r="E1941" t="str">
            <v>代表取締役</v>
          </cell>
          <cell r="F1941" t="str">
            <v>102-0074</v>
          </cell>
          <cell r="G1941" t="str">
            <v>東京都千代田区九段南１－５－１０</v>
          </cell>
          <cell r="H1941" t="str">
            <v>03-3402-6351</v>
          </cell>
          <cell r="I1941" t="str">
            <v>03-3402-6934</v>
          </cell>
        </row>
        <row r="1942">
          <cell r="A1942" t="str">
            <v>21284T</v>
          </cell>
          <cell r="B1942" t="str">
            <v>ﾆﾁｴｲｿｳｷﾞｮｳ</v>
          </cell>
          <cell r="C1942" t="str">
            <v>日栄総業（株）</v>
          </cell>
          <cell r="D1942" t="str">
            <v>上原 章</v>
          </cell>
          <cell r="E1942" t="str">
            <v>代表取締役</v>
          </cell>
          <cell r="F1942" t="str">
            <v>064-0805</v>
          </cell>
          <cell r="G1942" t="str">
            <v>中央区南５西２４－１－１</v>
          </cell>
          <cell r="H1942" t="str">
            <v>511-7230</v>
          </cell>
          <cell r="I1942" t="str">
            <v>511-7132</v>
          </cell>
        </row>
        <row r="1943">
          <cell r="A1943" t="str">
            <v>21285P</v>
          </cell>
          <cell r="B1943" t="str">
            <v>ﾆﾁﾄﾞｸｼﾞﾑｷ</v>
          </cell>
          <cell r="C1943" t="str">
            <v>ニチドク事務機（株）</v>
          </cell>
          <cell r="D1943" t="str">
            <v>中原 信</v>
          </cell>
          <cell r="E1943" t="str">
            <v>代表取締役</v>
          </cell>
          <cell r="F1943" t="str">
            <v>001-0010</v>
          </cell>
          <cell r="G1943" t="str">
            <v>北区北１０西１－１１</v>
          </cell>
          <cell r="H1943" t="str">
            <v>736-0267</v>
          </cell>
          <cell r="I1943" t="str">
            <v>737-7662</v>
          </cell>
        </row>
        <row r="1944">
          <cell r="A1944" t="str">
            <v>21286Z</v>
          </cell>
          <cell r="B1944" t="str">
            <v>ﾆﾎﾝﾍﾙｽｺｳｷﾞｮｳ</v>
          </cell>
          <cell r="C1944" t="str">
            <v>日本ヘルス工業（株）北海道事務所</v>
          </cell>
          <cell r="D1944" t="str">
            <v>高橋 一</v>
          </cell>
          <cell r="E1944" t="str">
            <v>事務所長</v>
          </cell>
          <cell r="F1944" t="str">
            <v>060-0042</v>
          </cell>
          <cell r="G1944" t="str">
            <v>中央区大通西１４－１－１３ 北日本南大通ﾋﾞﾙ９階</v>
          </cell>
          <cell r="H1944" t="str">
            <v>271-0565</v>
          </cell>
          <cell r="I1944" t="str">
            <v>261-2139</v>
          </cell>
        </row>
        <row r="1945">
          <cell r="A1945" t="str">
            <v>21287X</v>
          </cell>
          <cell r="B1945" t="str">
            <v>ﾆｯﾄｳｾｷﾕ</v>
          </cell>
          <cell r="C1945" t="str">
            <v>日東石油（株）札幌支店</v>
          </cell>
          <cell r="D1945" t="str">
            <v>斉藤 俊明</v>
          </cell>
          <cell r="E1945" t="str">
            <v>支店長</v>
          </cell>
          <cell r="F1945" t="str">
            <v>006-0816</v>
          </cell>
          <cell r="G1945" t="str">
            <v>手稲区前田６－１０－２－５</v>
          </cell>
          <cell r="H1945" t="str">
            <v>683-7720</v>
          </cell>
          <cell r="I1945" t="str">
            <v>683-7721</v>
          </cell>
        </row>
        <row r="1946">
          <cell r="A1946" t="str">
            <v>21290P</v>
          </cell>
          <cell r="B1946" t="str">
            <v>ﾆｯｼﾝ</v>
          </cell>
          <cell r="C1946" t="str">
            <v>（株）日信</v>
          </cell>
          <cell r="D1946" t="str">
            <v>中下 富士男</v>
          </cell>
          <cell r="E1946" t="str">
            <v>代表取締役</v>
          </cell>
          <cell r="F1946" t="str">
            <v>063-0835</v>
          </cell>
          <cell r="G1946" t="str">
            <v>西区発寒１５－３－３－７４</v>
          </cell>
          <cell r="H1946" t="str">
            <v>666-5678</v>
          </cell>
          <cell r="I1946" t="str">
            <v>666-2501</v>
          </cell>
        </row>
        <row r="1947">
          <cell r="A1947" t="str">
            <v>21292X</v>
          </cell>
          <cell r="B1947" t="str">
            <v>ﾆｯﾎﾟﾝｼﾞﾑｷ</v>
          </cell>
          <cell r="C1947" t="str">
            <v>日本事務器（株）北海道支社</v>
          </cell>
          <cell r="D1947" t="str">
            <v>菅 静男</v>
          </cell>
          <cell r="E1947" t="str">
            <v>支社長</v>
          </cell>
          <cell r="F1947" t="str">
            <v>060-0005</v>
          </cell>
          <cell r="G1947" t="str">
            <v>中央区北５西６－２－２ 札幌センタービル１１階</v>
          </cell>
          <cell r="H1947" t="str">
            <v>281-5711</v>
          </cell>
          <cell r="I1947" t="str">
            <v>221-9005</v>
          </cell>
        </row>
        <row r="1948">
          <cell r="A1948" t="str">
            <v>21293V</v>
          </cell>
          <cell r="B1948" t="str">
            <v>ﾆｯﾂｳｿｳｺﾞｳｹﾝｷｭｳｼｮ</v>
          </cell>
          <cell r="C1948" t="str">
            <v>（株）日通総合研究所</v>
          </cell>
          <cell r="D1948" t="str">
            <v>井手 高吉</v>
          </cell>
          <cell r="E1948" t="str">
            <v>代表取締役社長</v>
          </cell>
          <cell r="F1948" t="str">
            <v>105-8322</v>
          </cell>
          <cell r="G1948" t="str">
            <v>東京都港区東新橋１－９－３</v>
          </cell>
          <cell r="H1948" t="str">
            <v>03-6251-6446</v>
          </cell>
          <cell r="I1948" t="str">
            <v>03-6251-6450</v>
          </cell>
        </row>
        <row r="1949">
          <cell r="A1949" t="str">
            <v>21295N</v>
          </cell>
          <cell r="B1949" t="str">
            <v>ﾆﾎﾝﾄｼｮﾕｿｳ</v>
          </cell>
          <cell r="C1949" t="str">
            <v>日本図書輸送（株）札幌営業所</v>
          </cell>
          <cell r="D1949" t="str">
            <v>石川 久永</v>
          </cell>
          <cell r="E1949" t="str">
            <v>所長</v>
          </cell>
          <cell r="F1949" t="str">
            <v>063-0832</v>
          </cell>
          <cell r="G1949" t="str">
            <v>西区発寒１２－１４－１０７６－６</v>
          </cell>
          <cell r="H1949" t="str">
            <v>662-8728</v>
          </cell>
          <cell r="I1949" t="str">
            <v>662-8736</v>
          </cell>
        </row>
        <row r="1950">
          <cell r="A1950" t="str">
            <v>21296Y</v>
          </cell>
          <cell r="B1950" t="str">
            <v>ﾆｺﾝｲﾝｽﾃｯｸ</v>
          </cell>
          <cell r="C1950" t="str">
            <v>（株）ニコンインステック札幌営業所</v>
          </cell>
          <cell r="D1950" t="str">
            <v>石渡 一之</v>
          </cell>
          <cell r="E1950" t="str">
            <v>所長</v>
          </cell>
          <cell r="F1950" t="str">
            <v>001-0011</v>
          </cell>
          <cell r="G1950" t="str">
            <v>北区北１１西４－１－４０ すばるビル</v>
          </cell>
          <cell r="H1950" t="str">
            <v>746-9381</v>
          </cell>
          <cell r="I1950" t="str">
            <v>746-9398</v>
          </cell>
        </row>
        <row r="1951">
          <cell r="A1951" t="str">
            <v>21299R</v>
          </cell>
          <cell r="B1951" t="str">
            <v>ﾆｯｺｸﾄﾗｽﾄ</v>
          </cell>
          <cell r="C1951" t="str">
            <v>（株）ニッコクトラスト</v>
          </cell>
          <cell r="D1951" t="str">
            <v>石川 充幸</v>
          </cell>
          <cell r="E1951" t="str">
            <v>代表取締役社長</v>
          </cell>
          <cell r="F1951" t="str">
            <v>100-0004</v>
          </cell>
          <cell r="G1951" t="str">
            <v>東京都千代田区大手町１－６－１</v>
          </cell>
          <cell r="H1951" t="str">
            <v>03-3211-4451</v>
          </cell>
          <cell r="I1951" t="str">
            <v>03-3211-4455</v>
          </cell>
        </row>
        <row r="1952">
          <cell r="A1952" t="str">
            <v>21301W</v>
          </cell>
          <cell r="B1952" t="str">
            <v>ｴﾇｲｰｼｰﾌｨｰﾙﾃﾞｨﾝｸﾞ</v>
          </cell>
          <cell r="C1952" t="str">
            <v>ＮＥＣフィールディング（株）北海道支社</v>
          </cell>
          <cell r="D1952" t="str">
            <v>森 重夫</v>
          </cell>
          <cell r="E1952" t="str">
            <v>北海道支社長</v>
          </cell>
          <cell r="F1952" t="str">
            <v>060-0042</v>
          </cell>
          <cell r="G1952" t="str">
            <v>中央区大通西４－１ 新大通ビルディング９Ｆ</v>
          </cell>
          <cell r="H1952" t="str">
            <v>221-3644</v>
          </cell>
          <cell r="I1952" t="str">
            <v>221-3812</v>
          </cell>
        </row>
        <row r="1953">
          <cell r="A1953" t="str">
            <v>21302T</v>
          </cell>
          <cell r="B1953" t="str">
            <v>ﾆｯｷｮｳｴﾝｼﾞﾆｱﾘﾝｸﾞ</v>
          </cell>
          <cell r="C1953" t="str">
            <v>日協エンジニアリング（株）</v>
          </cell>
          <cell r="D1953" t="str">
            <v>本田 信明</v>
          </cell>
          <cell r="E1953" t="str">
            <v>代表取締役</v>
          </cell>
          <cell r="F1953" t="str">
            <v>003-0030</v>
          </cell>
          <cell r="G1953" t="str">
            <v>白石区流通センター４－１－１１</v>
          </cell>
          <cell r="H1953" t="str">
            <v>862-1311</v>
          </cell>
          <cell r="I1953" t="str">
            <v>862-1311</v>
          </cell>
        </row>
        <row r="1954">
          <cell r="A1954" t="str">
            <v>21308P</v>
          </cell>
          <cell r="B1954" t="str">
            <v>ﾆｶｲﾄﾞｳﾃﾞﾝｷﾎｱﾝｶﾝﾘｼﾞﾑｼﾖ</v>
          </cell>
          <cell r="C1954" t="str">
            <v>二階堂電気保安管理事務所</v>
          </cell>
          <cell r="D1954" t="str">
            <v>二階堂 博</v>
          </cell>
          <cell r="E1954" t="str">
            <v>代表者</v>
          </cell>
          <cell r="F1954" t="str">
            <v>006-0851</v>
          </cell>
          <cell r="G1954" t="str">
            <v>手稲区星置１－８－７－５</v>
          </cell>
          <cell r="H1954" t="str">
            <v>681-1216</v>
          </cell>
          <cell r="I1954" t="str">
            <v>681-1217</v>
          </cell>
        </row>
        <row r="1955">
          <cell r="A1955" t="str">
            <v>21312S</v>
          </cell>
          <cell r="B1955" t="str">
            <v>ｲﾝﾀｰﾒﾃﾞｨｶﾙｽﾞ</v>
          </cell>
          <cell r="C1955" t="str">
            <v>（株）インターメディカルズ</v>
          </cell>
          <cell r="D1955" t="str">
            <v>安原 浩司</v>
          </cell>
          <cell r="E1955" t="str">
            <v>代表取締役</v>
          </cell>
          <cell r="F1955" t="str">
            <v>060-0004</v>
          </cell>
          <cell r="G1955" t="str">
            <v>中央区北４西１－１</v>
          </cell>
          <cell r="H1955" t="str">
            <v>231-0005</v>
          </cell>
          <cell r="I1955" t="str">
            <v>231-5666</v>
          </cell>
        </row>
        <row r="1956">
          <cell r="A1956" t="str">
            <v>21314Z</v>
          </cell>
          <cell r="B1956" t="str">
            <v>ﾆﾎﾝｿｳｺﾞｳｹﾝｷｭｳｼｮ</v>
          </cell>
          <cell r="C1956" t="str">
            <v>（株）日本総合研究所</v>
          </cell>
          <cell r="D1956" t="str">
            <v>奥山 俊一</v>
          </cell>
          <cell r="E1956" t="str">
            <v>取締役社長</v>
          </cell>
          <cell r="F1956" t="str">
            <v>102-0082</v>
          </cell>
          <cell r="G1956" t="str">
            <v>東京都千代田区一番町１６</v>
          </cell>
          <cell r="H1956" t="str">
            <v>03-3288-4654</v>
          </cell>
          <cell r="I1956" t="str">
            <v>03-3288-4806</v>
          </cell>
        </row>
        <row r="1957">
          <cell r="A1957" t="str">
            <v>21315W</v>
          </cell>
          <cell r="B1957" t="str">
            <v>ﾆｲｲﾁﾊﾝﾊﾞｲ</v>
          </cell>
          <cell r="C1957" t="str">
            <v>ニイイチ販売（株）</v>
          </cell>
          <cell r="D1957" t="str">
            <v>石川 宏</v>
          </cell>
          <cell r="E1957" t="str">
            <v>代表取締役</v>
          </cell>
          <cell r="F1957" t="str">
            <v>004-0839</v>
          </cell>
          <cell r="G1957" t="str">
            <v>清田区真栄４０８－４</v>
          </cell>
          <cell r="H1957" t="str">
            <v>884-9451</v>
          </cell>
          <cell r="I1957" t="str">
            <v>884-0846</v>
          </cell>
        </row>
        <row r="1958">
          <cell r="A1958" t="str">
            <v>21316T</v>
          </cell>
          <cell r="B1958" t="str">
            <v>ﾆﾎﾝｼﾞｭｳﾀｸｶﾝﾘｻｯﾎﾟﾛ</v>
          </cell>
          <cell r="C1958" t="str">
            <v>（株）日本住宅管理札幌</v>
          </cell>
          <cell r="D1958" t="str">
            <v>植野 教夫</v>
          </cell>
          <cell r="E1958" t="str">
            <v>代表取締役</v>
          </cell>
          <cell r="F1958" t="str">
            <v>060-0061</v>
          </cell>
          <cell r="G1958" t="str">
            <v>中央区南１西１１－１－３１２ＮＪＫｓａｐｐｏｒ</v>
          </cell>
          <cell r="H1958" t="str">
            <v>281-1261</v>
          </cell>
          <cell r="I1958" t="str">
            <v>281-1264</v>
          </cell>
        </row>
        <row r="1959">
          <cell r="A1959" t="str">
            <v>21317R</v>
          </cell>
          <cell r="B1959" t="str">
            <v>ﾆｯｿｳ</v>
          </cell>
          <cell r="C1959" t="str">
            <v>（株）日総</v>
          </cell>
          <cell r="D1959" t="str">
            <v>平井 英司</v>
          </cell>
          <cell r="E1959" t="str">
            <v>代表取締役</v>
          </cell>
          <cell r="F1959" t="str">
            <v>007-0803</v>
          </cell>
          <cell r="G1959" t="str">
            <v>東区東苗穂３－３－１－３１</v>
          </cell>
          <cell r="H1959" t="str">
            <v>785-0015</v>
          </cell>
          <cell r="I1959" t="str">
            <v>785-0017</v>
          </cell>
        </row>
        <row r="1960">
          <cell r="A1960" t="str">
            <v>21318N</v>
          </cell>
          <cell r="B1960" t="str">
            <v>ﾆﾎﾝﾁｮｳﾘｷ</v>
          </cell>
          <cell r="C1960" t="str">
            <v>日本調理機（株）北海道支店</v>
          </cell>
          <cell r="D1960" t="str">
            <v>横野 正</v>
          </cell>
          <cell r="E1960" t="str">
            <v>支店長</v>
          </cell>
          <cell r="F1960" t="str">
            <v>062-0002</v>
          </cell>
          <cell r="G1960" t="str">
            <v>豊平区美園２－６－３－１４</v>
          </cell>
          <cell r="H1960" t="str">
            <v>841-1581</v>
          </cell>
          <cell r="I1960" t="str">
            <v>812-9464</v>
          </cell>
        </row>
        <row r="1961">
          <cell r="A1961" t="str">
            <v>21320W</v>
          </cell>
          <cell r="B1961" t="str">
            <v>ﾆﾎﾝｻﾎﾟｰﾄｻｰﾋﾞｽ</v>
          </cell>
          <cell r="C1961" t="str">
            <v>（株）日本サポートサービス</v>
          </cell>
          <cell r="D1961" t="str">
            <v>大橋 広司</v>
          </cell>
          <cell r="E1961" t="str">
            <v>代表取締役</v>
          </cell>
          <cell r="F1961" t="str">
            <v>101-0064</v>
          </cell>
          <cell r="G1961" t="str">
            <v>東京都千代田区猿楽町２－２－１０</v>
          </cell>
          <cell r="H1961" t="str">
            <v>03-3291-6943</v>
          </cell>
          <cell r="I1961" t="str">
            <v>03-3291-2135</v>
          </cell>
        </row>
        <row r="1962">
          <cell r="A1962" t="str">
            <v>21321T</v>
          </cell>
          <cell r="B1962" t="str">
            <v>ﾆﾎﾝﾃｸﾛ</v>
          </cell>
          <cell r="C1962" t="str">
            <v>日本テクロ（株）札幌営業所</v>
          </cell>
          <cell r="D1962" t="str">
            <v>川田 修</v>
          </cell>
          <cell r="E1962" t="str">
            <v>取締役所長</v>
          </cell>
          <cell r="F1962" t="str">
            <v>060-0062</v>
          </cell>
          <cell r="G1962" t="str">
            <v>中央区南２西４－１２－６</v>
          </cell>
          <cell r="H1962" t="str">
            <v>242-3338</v>
          </cell>
          <cell r="I1962" t="str">
            <v>242-3325</v>
          </cell>
        </row>
        <row r="1963">
          <cell r="A1963" t="str">
            <v>21324Y</v>
          </cell>
          <cell r="B1963" t="str">
            <v>ﾆｯﾎﾟﾝﾃﾚｺﾑ</v>
          </cell>
          <cell r="C1963" t="str">
            <v>日本テレコム（株）北海道支社</v>
          </cell>
          <cell r="D1963" t="str">
            <v>山中 一夫</v>
          </cell>
          <cell r="E1963" t="str">
            <v>支社長</v>
          </cell>
          <cell r="F1963" t="str">
            <v>060-0807</v>
          </cell>
          <cell r="G1963" t="str">
            <v>北区北７西１－１－５</v>
          </cell>
          <cell r="H1963" t="str">
            <v>737-0088</v>
          </cell>
          <cell r="I1963" t="str">
            <v>737-0089</v>
          </cell>
        </row>
        <row r="1964">
          <cell r="A1964" t="str">
            <v>21325V</v>
          </cell>
          <cell r="B1964" t="str">
            <v>ｼﾞｪｲｼﾞｪｲｴｽ</v>
          </cell>
          <cell r="C1964" t="str">
            <v>（株）ジェイ・ジェイ・エス</v>
          </cell>
          <cell r="D1964" t="str">
            <v>道端 純一</v>
          </cell>
          <cell r="E1964" t="str">
            <v>代表取締役</v>
          </cell>
          <cell r="F1964" t="str">
            <v>060-0061</v>
          </cell>
          <cell r="G1964" t="str">
            <v>中央区南１西４－１３</v>
          </cell>
          <cell r="H1964" t="str">
            <v>272-9800</v>
          </cell>
          <cell r="I1964" t="str">
            <v>272-9801</v>
          </cell>
        </row>
        <row r="1965">
          <cell r="A1965" t="str">
            <v>21327P</v>
          </cell>
          <cell r="B1965" t="str">
            <v>ﾆｯｹﾝｶﾀｷﾞﾘﾘｰｽ</v>
          </cell>
          <cell r="C1965" t="str">
            <v>日建片桐リース（株）</v>
          </cell>
          <cell r="D1965" t="str">
            <v>片桐 理</v>
          </cell>
          <cell r="E1965" t="str">
            <v>代表取締役</v>
          </cell>
          <cell r="F1965" t="str">
            <v>060-0051</v>
          </cell>
          <cell r="G1965" t="str">
            <v>中央区南１東３－１２－２</v>
          </cell>
          <cell r="H1965" t="str">
            <v>807-6555</v>
          </cell>
          <cell r="I1965" t="str">
            <v>807-6556</v>
          </cell>
        </row>
        <row r="1966">
          <cell r="A1966" t="str">
            <v>21328Z</v>
          </cell>
          <cell r="B1966" t="str">
            <v>ﾆｭｰﾗｲﾌｹｲﾋﾞﾎｼｮｳ</v>
          </cell>
          <cell r="C1966" t="str">
            <v>ニューライフ警備保障（株）</v>
          </cell>
          <cell r="D1966" t="str">
            <v>安田 照寿</v>
          </cell>
          <cell r="E1966" t="str">
            <v>代表取締役</v>
          </cell>
          <cell r="F1966" t="str">
            <v>004-0872</v>
          </cell>
          <cell r="G1966" t="str">
            <v>清田区平岡２－４－３－５</v>
          </cell>
          <cell r="H1966" t="str">
            <v>885-5174</v>
          </cell>
          <cell r="I1966" t="str">
            <v>885-6299</v>
          </cell>
        </row>
        <row r="1967">
          <cell r="A1967" t="str">
            <v>21331S</v>
          </cell>
          <cell r="B1967" t="str">
            <v>ﾆｯﾃﾂ･ﾌｧｲﾝ･ﾌﾟﾛﾀﾞｸﾂ</v>
          </cell>
          <cell r="C1967" t="str">
            <v>（株）ニッテツ・ファイン・プロダクツ釜石文化財保存処理センター</v>
          </cell>
          <cell r="D1967" t="str">
            <v>川崎 孝晴</v>
          </cell>
          <cell r="E1967" t="str">
            <v>所長</v>
          </cell>
          <cell r="F1967" t="str">
            <v>026-8567</v>
          </cell>
          <cell r="G1967" t="str">
            <v>区岩手県釜石市鈴子町２３－１５</v>
          </cell>
          <cell r="H1967" t="str">
            <v>0193-22-5789</v>
          </cell>
          <cell r="I1967" t="str">
            <v>0193-22-5650</v>
          </cell>
        </row>
        <row r="1968">
          <cell r="A1968" t="str">
            <v>21338Y</v>
          </cell>
          <cell r="B1968" t="str">
            <v>ﾆｯｼｮｳｹｲﾋﾞ</v>
          </cell>
          <cell r="C1968" t="str">
            <v>（有）日障警備</v>
          </cell>
          <cell r="D1968" t="str">
            <v>廣田 政孝</v>
          </cell>
          <cell r="E1968" t="str">
            <v>代表取締役</v>
          </cell>
          <cell r="F1968" t="str">
            <v>007-0840</v>
          </cell>
          <cell r="G1968" t="str">
            <v>東区北４０東１６－３－１６</v>
          </cell>
          <cell r="H1968" t="str">
            <v>785-3066</v>
          </cell>
          <cell r="I1968" t="str">
            <v>785-8466</v>
          </cell>
        </row>
        <row r="1969">
          <cell r="A1969" t="str">
            <v>21339W</v>
          </cell>
          <cell r="B1969" t="str">
            <v>ﾆﾎﾝｻｲｴﾝｷｶｸ</v>
          </cell>
          <cell r="C1969" t="str">
            <v>（有）日本斎苑企画</v>
          </cell>
          <cell r="D1969" t="str">
            <v>竹山 久之</v>
          </cell>
          <cell r="E1969" t="str">
            <v>代表取締役</v>
          </cell>
          <cell r="F1969" t="str">
            <v>235-0033</v>
          </cell>
          <cell r="G1969" t="str">
            <v>横浜市磯子区杉田４－３－１２－３０２</v>
          </cell>
          <cell r="H1969" t="str">
            <v>045-775-0838</v>
          </cell>
          <cell r="I1969" t="str">
            <v>045-775-0835</v>
          </cell>
        </row>
        <row r="1970">
          <cell r="A1970" t="str">
            <v>21342N</v>
          </cell>
          <cell r="B1970" t="str">
            <v>ﾆﾎﾝｸﾘｴｲﾄｼｽﾃﾑ</v>
          </cell>
          <cell r="C1970" t="str">
            <v>日本クリエイトシステム（株）</v>
          </cell>
          <cell r="D1970" t="str">
            <v>後藤 幸雄</v>
          </cell>
          <cell r="E1970" t="str">
            <v>代表取締役</v>
          </cell>
          <cell r="F1970" t="str">
            <v>064-0924</v>
          </cell>
          <cell r="G1970" t="str">
            <v>中央区南２４西７－２－７</v>
          </cell>
          <cell r="H1970" t="str">
            <v>520-9810</v>
          </cell>
          <cell r="I1970" t="str">
            <v>521-9810</v>
          </cell>
        </row>
        <row r="1971">
          <cell r="A1971" t="str">
            <v>21346P</v>
          </cell>
          <cell r="B1971" t="str">
            <v>ﾆﾁﾜﾃﾞﾝｷ</v>
          </cell>
          <cell r="C1971" t="str">
            <v>ニチワ電機（株）札幌営業所</v>
          </cell>
          <cell r="D1971" t="str">
            <v>熊沢 隆治</v>
          </cell>
          <cell r="E1971" t="str">
            <v>札幌営業所長</v>
          </cell>
          <cell r="F1971" t="str">
            <v>062-0031</v>
          </cell>
          <cell r="G1971" t="str">
            <v>豊平区西岡１－３－９－８</v>
          </cell>
          <cell r="H1971" t="str">
            <v>856-7091</v>
          </cell>
          <cell r="I1971" t="str">
            <v>856-0254</v>
          </cell>
        </row>
        <row r="1972">
          <cell r="A1972" t="str">
            <v>21347Z</v>
          </cell>
          <cell r="B1972" t="str">
            <v>ﾆﾎﾝｺﾝﾍﾞﾝｼｮﾝｻｰﾋﾞｽ</v>
          </cell>
          <cell r="C1972" t="str">
            <v>日本コンベンションサービス（株）</v>
          </cell>
          <cell r="D1972" t="str">
            <v>近浪 廣</v>
          </cell>
          <cell r="E1972" t="str">
            <v>代表取締役</v>
          </cell>
          <cell r="F1972" t="str">
            <v>100-0013</v>
          </cell>
          <cell r="G1972" t="str">
            <v>東京都千代田区霞が関１－４－２</v>
          </cell>
          <cell r="H1972" t="str">
            <v>03-3508-1211</v>
          </cell>
          <cell r="I1972" t="str">
            <v>03-3508-0820</v>
          </cell>
        </row>
        <row r="1973">
          <cell r="A1973" t="str">
            <v>21348X</v>
          </cell>
          <cell r="B1973" t="str">
            <v>ﾆｯﾎﾟﾝﾋﾞｸﾀｰ</v>
          </cell>
          <cell r="C1973" t="str">
            <v>日本ビクター（株）ﾌﾟﾛｼｽﾃﾑｶﾝﾊﾟﾆｰｼｽﾃﾑ営業本部北日本ｼｽﾃﾑ支店北海道AVｼｽﾃﾑ営業所</v>
          </cell>
          <cell r="D1973" t="str">
            <v>森 茂樹</v>
          </cell>
          <cell r="E1973" t="str">
            <v>所長</v>
          </cell>
          <cell r="F1973" t="str">
            <v>060-0003</v>
          </cell>
          <cell r="G1973" t="str">
            <v>中央区北３西３－１－６ 札幌小暮ビル６Ｆ</v>
          </cell>
          <cell r="H1973" t="str">
            <v>221-5651</v>
          </cell>
          <cell r="I1973" t="str">
            <v>221-5655</v>
          </cell>
        </row>
        <row r="1974">
          <cell r="A1974" t="str">
            <v>21349V</v>
          </cell>
          <cell r="B1974" t="str">
            <v>ﾆﾎﾝｶｲﾖｳｾｲﾌﾞﾂｹﾝｷｭｳｼﾞｮ</v>
          </cell>
          <cell r="C1974" t="str">
            <v>（株）日本海洋生物研究所札幌支店</v>
          </cell>
          <cell r="D1974" t="str">
            <v>金子 友美</v>
          </cell>
          <cell r="E1974" t="str">
            <v>取締役支店長</v>
          </cell>
          <cell r="F1974" t="str">
            <v>007-0862</v>
          </cell>
          <cell r="G1974" t="str">
            <v>東区伏古２－５－５－１５</v>
          </cell>
          <cell r="H1974" t="str">
            <v>786-3361</v>
          </cell>
          <cell r="I1974" t="str">
            <v>786-3365</v>
          </cell>
        </row>
        <row r="1975">
          <cell r="A1975" t="str">
            <v>21350S</v>
          </cell>
          <cell r="B1975" t="str">
            <v>ﾆﾎﾝｺﾝｻﾙﾀﾝﾄｸﾞﾙｰﾌﾟ</v>
          </cell>
          <cell r="C1975" t="str">
            <v>（株）日本コンサルタントグループ札幌営業所</v>
          </cell>
          <cell r="D1975" t="str">
            <v>小谷 智</v>
          </cell>
          <cell r="E1975" t="str">
            <v>所長</v>
          </cell>
          <cell r="F1975" t="str">
            <v>060-0061</v>
          </cell>
          <cell r="G1975" t="str">
            <v>中央区南１西４ー１３ 日之出ビル５階</v>
          </cell>
          <cell r="H1975" t="str">
            <v>251-7564</v>
          </cell>
          <cell r="I1975" t="str">
            <v>241-8971</v>
          </cell>
        </row>
        <row r="1976">
          <cell r="A1976" t="str">
            <v>21351P</v>
          </cell>
          <cell r="B1976" t="str">
            <v>ﾆﾎﾝﾚｲﾄｳｼｮｸﾋﾝｹﾝｻｷｮｳｶｲ</v>
          </cell>
          <cell r="C1976" t="str">
            <v>（財）日本冷凍食品検査協会札幌検査所</v>
          </cell>
          <cell r="D1976" t="str">
            <v>石崎 純</v>
          </cell>
          <cell r="E1976" t="str">
            <v>所長</v>
          </cell>
          <cell r="F1976" t="str">
            <v>064-0821</v>
          </cell>
          <cell r="G1976" t="str">
            <v>中央区北１西２１－３－１７ ラボビル</v>
          </cell>
          <cell r="H1976" t="str">
            <v>612-1530</v>
          </cell>
          <cell r="I1976" t="str">
            <v>612-1534</v>
          </cell>
        </row>
        <row r="1977">
          <cell r="A1977" t="str">
            <v>21352Z</v>
          </cell>
          <cell r="B1977" t="str">
            <v>ﾆｼﾀﾞﾋﾞﾆｰﾙｺｳｷﾞｮｳ</v>
          </cell>
          <cell r="C1977" t="str">
            <v>西田ビニール工業（株）</v>
          </cell>
          <cell r="D1977" t="str">
            <v>西田 滋</v>
          </cell>
          <cell r="E1977" t="str">
            <v>代表取締役</v>
          </cell>
          <cell r="F1977" t="str">
            <v>007-0836</v>
          </cell>
          <cell r="G1977" t="str">
            <v>東区北３６東１－３－２</v>
          </cell>
          <cell r="H1977" t="str">
            <v>731-9027</v>
          </cell>
          <cell r="I1977" t="str">
            <v>731-7250</v>
          </cell>
        </row>
        <row r="1978">
          <cell r="A1978" t="str">
            <v>21353X</v>
          </cell>
          <cell r="B1978" t="str">
            <v>ﾆｯｺｳﾃｸﾉ</v>
          </cell>
          <cell r="C1978" t="str">
            <v>（株）日興テクノ</v>
          </cell>
          <cell r="D1978" t="str">
            <v>髙橋 良昭</v>
          </cell>
          <cell r="E1978" t="str">
            <v>代表取締役</v>
          </cell>
          <cell r="F1978" t="str">
            <v>060-0003</v>
          </cell>
          <cell r="G1978" t="str">
            <v>中央区北３西１６－１－９</v>
          </cell>
          <cell r="H1978" t="str">
            <v>614-6155</v>
          </cell>
          <cell r="I1978" t="str">
            <v>614-6167</v>
          </cell>
        </row>
        <row r="1979">
          <cell r="A1979" t="str">
            <v>21354V</v>
          </cell>
          <cell r="B1979" t="str">
            <v>ﾆｯｹﾝｾｯｹｲｼﾋﾞﾙ</v>
          </cell>
          <cell r="C1979" t="str">
            <v>（株）日建設計シビル北海道支所</v>
          </cell>
          <cell r="D1979" t="str">
            <v>浅見 秀樹</v>
          </cell>
          <cell r="E1979" t="str">
            <v>北海道支所長</v>
          </cell>
          <cell r="F1979" t="str">
            <v>060-0031</v>
          </cell>
          <cell r="G1979" t="str">
            <v>中央区北１東２－５－２</v>
          </cell>
          <cell r="H1979" t="str">
            <v>232-1628</v>
          </cell>
          <cell r="I1979" t="str">
            <v>261-7673</v>
          </cell>
        </row>
        <row r="1980">
          <cell r="A1980" t="str">
            <v>21356N</v>
          </cell>
          <cell r="B1980" t="str">
            <v>ﾆﾁｴｲｻｰﾋﾞｽ</v>
          </cell>
          <cell r="C1980" t="str">
            <v>（有）ニチエイサービス</v>
          </cell>
          <cell r="D1980" t="str">
            <v>亀ヶ森 渉</v>
          </cell>
          <cell r="E1980" t="str">
            <v>代表取締役社長</v>
          </cell>
          <cell r="F1980" t="str">
            <v>062-0054</v>
          </cell>
          <cell r="G1980" t="str">
            <v>豊平区月寒東４－１０－１－２０</v>
          </cell>
          <cell r="H1980" t="str">
            <v>853-8188</v>
          </cell>
          <cell r="I1980" t="str">
            <v>854-6254</v>
          </cell>
        </row>
        <row r="1981">
          <cell r="A1981" t="str">
            <v>21357Y</v>
          </cell>
          <cell r="B1981" t="str">
            <v>ﾆﾎﾝｳｫｰﾀｰﾃｯｸｽ</v>
          </cell>
          <cell r="C1981" t="str">
            <v>（株）日本ウォーターテックス</v>
          </cell>
          <cell r="D1981" t="str">
            <v>増田 眞理</v>
          </cell>
          <cell r="E1981" t="str">
            <v>代表取締役</v>
          </cell>
          <cell r="F1981" t="str">
            <v>340-0151</v>
          </cell>
          <cell r="G1981" t="str">
            <v>埼玉県幸手市緑台１－１９－１１</v>
          </cell>
          <cell r="H1981" t="str">
            <v>0480-43-3601</v>
          </cell>
          <cell r="I1981" t="str">
            <v>0480-43-3791</v>
          </cell>
        </row>
        <row r="1982">
          <cell r="A1982" t="str">
            <v>21359T</v>
          </cell>
          <cell r="B1982" t="str">
            <v>ﾆｼﾊﾗﾃｸﾉｻｰﾋﾞｽ</v>
          </cell>
          <cell r="C1982" t="str">
            <v>（株）西原テクノサービス北海道支店</v>
          </cell>
          <cell r="D1982" t="str">
            <v>青木 純一</v>
          </cell>
          <cell r="E1982" t="str">
            <v>支店長</v>
          </cell>
          <cell r="F1982" t="str">
            <v>003-0831</v>
          </cell>
          <cell r="G1982" t="str">
            <v>白石区北郷１－１－６－２９</v>
          </cell>
          <cell r="H1982" t="str">
            <v>875-1383</v>
          </cell>
          <cell r="I1982" t="str">
            <v>875-1395</v>
          </cell>
        </row>
        <row r="1983">
          <cell r="A1983" t="str">
            <v>21362Y</v>
          </cell>
          <cell r="B1983" t="str">
            <v>ﾆﾎﾝﾗｲﾃﾞﾝ</v>
          </cell>
          <cell r="C1983" t="str">
            <v>日本雷電（株）</v>
          </cell>
          <cell r="D1983" t="str">
            <v>池上 三好</v>
          </cell>
          <cell r="E1983" t="str">
            <v>取締役社長</v>
          </cell>
          <cell r="F1983" t="str">
            <v>065-0024</v>
          </cell>
          <cell r="G1983" t="str">
            <v>東区北２４東１２－２－１１</v>
          </cell>
          <cell r="H1983" t="str">
            <v>751-6171</v>
          </cell>
          <cell r="I1983" t="str">
            <v>751-6188</v>
          </cell>
        </row>
        <row r="1984">
          <cell r="A1984" t="str">
            <v>21365P</v>
          </cell>
          <cell r="B1984" t="str">
            <v>ﾆﾎﾝｶﾝｷｮｳｴｲｾｲｾﾝﾀｰ</v>
          </cell>
          <cell r="C1984" t="str">
            <v>（財）日本環境衛生センター</v>
          </cell>
          <cell r="D1984" t="str">
            <v>小林 康彦</v>
          </cell>
          <cell r="E1984" t="str">
            <v>理事長</v>
          </cell>
          <cell r="F1984" t="str">
            <v>210-0828</v>
          </cell>
          <cell r="G1984" t="str">
            <v>川崎市川崎区四谷上町１０－６</v>
          </cell>
          <cell r="H1984" t="str">
            <v>044-288-4896</v>
          </cell>
          <cell r="I1984" t="str">
            <v>044-299-2294</v>
          </cell>
        </row>
        <row r="1985">
          <cell r="A1985" t="str">
            <v>21366Z</v>
          </cell>
          <cell r="B1985" t="str">
            <v>ﾆｯﾎﾟﾝｴﾝﾁﾞﾆﾔｰ･ｻｰﾋﾞｽ</v>
          </cell>
          <cell r="C1985" t="str">
            <v>日本エンヂニヤー・サービス（株）札幌営業所</v>
          </cell>
          <cell r="D1985" t="str">
            <v>川原 好男</v>
          </cell>
          <cell r="E1985" t="str">
            <v>所長</v>
          </cell>
          <cell r="F1985" t="str">
            <v>060-0009</v>
          </cell>
          <cell r="G1985" t="str">
            <v>中央区北９西２４－４－１５</v>
          </cell>
          <cell r="H1985" t="str">
            <v>621-0411</v>
          </cell>
          <cell r="I1985" t="str">
            <v>644-1179</v>
          </cell>
        </row>
        <row r="1986">
          <cell r="A1986" t="str">
            <v>21367X</v>
          </cell>
          <cell r="B1986" t="str">
            <v>ﾃﾙｳｪﾙﾋｶﾞｼﾆﾎﾝｾｸﾘｰﾝﾎｯｶｲﾄﾞｳ</v>
          </cell>
          <cell r="C1986" t="str">
            <v>テルウェル東日本セクリーン北海道（株）</v>
          </cell>
          <cell r="D1986" t="str">
            <v>富田 政己</v>
          </cell>
          <cell r="E1986" t="str">
            <v>代表取締役社長</v>
          </cell>
          <cell r="F1986" t="str">
            <v>060-0004</v>
          </cell>
          <cell r="G1986" t="str">
            <v>中央区北４西１６－１テルウェル札幌ビル</v>
          </cell>
          <cell r="H1986" t="str">
            <v>642-7851</v>
          </cell>
          <cell r="I1986" t="str">
            <v>642-7819</v>
          </cell>
        </row>
        <row r="1987">
          <cell r="A1987" t="str">
            <v>21368V</v>
          </cell>
          <cell r="B1987" t="str">
            <v>ﾆｲｶﾞﾀｹﾞﾝﾄﾞｳｷ</v>
          </cell>
          <cell r="C1987" t="str">
            <v>新潟原動機（株）北海道支店</v>
          </cell>
          <cell r="D1987" t="str">
            <v>轡田 文紘</v>
          </cell>
          <cell r="E1987" t="str">
            <v>支店長</v>
          </cell>
          <cell r="F1987" t="str">
            <v>060-0004</v>
          </cell>
          <cell r="G1987" t="str">
            <v>中央区北４西６－１ 毎日札幌会館４</v>
          </cell>
          <cell r="H1987" t="str">
            <v>231-3116</v>
          </cell>
          <cell r="I1987" t="str">
            <v>221-2780</v>
          </cell>
        </row>
        <row r="1988">
          <cell r="A1988" t="str">
            <v>21370P</v>
          </cell>
          <cell r="B1988" t="str">
            <v>ﾆﾎﾝﾄﾞｳﾛｺｳｳﾝ</v>
          </cell>
          <cell r="C1988" t="str">
            <v>日本道路興運（株）</v>
          </cell>
          <cell r="D1988" t="str">
            <v>山口 哲也</v>
          </cell>
          <cell r="E1988" t="str">
            <v>取締役社長</v>
          </cell>
          <cell r="F1988" t="str">
            <v>160-0023</v>
          </cell>
          <cell r="G1988" t="str">
            <v>東京都新宿区西新宿６－６－３</v>
          </cell>
          <cell r="H1988" t="str">
            <v>03-3344-0908</v>
          </cell>
          <cell r="I1988" t="str">
            <v>03-3344-2237</v>
          </cell>
        </row>
        <row r="1989">
          <cell r="A1989" t="str">
            <v>21371Z</v>
          </cell>
          <cell r="B1989" t="str">
            <v>ﾆﾎﾝﾃﾞﾝｷｹｲｷｹﾝﾃｲｼｮ</v>
          </cell>
          <cell r="C1989" t="str">
            <v>日本電気計器検定所北海道支社</v>
          </cell>
          <cell r="D1989" t="str">
            <v>岡本 光夫</v>
          </cell>
          <cell r="E1989" t="str">
            <v>支社長</v>
          </cell>
          <cell r="F1989" t="str">
            <v>060-0005</v>
          </cell>
          <cell r="G1989" t="str">
            <v>中央区北５西１７－１３</v>
          </cell>
          <cell r="H1989" t="str">
            <v>621-2437</v>
          </cell>
          <cell r="I1989" t="str">
            <v>621-2438</v>
          </cell>
        </row>
        <row r="1990">
          <cell r="A1990" t="str">
            <v>21372X</v>
          </cell>
          <cell r="B1990" t="str">
            <v>ﾆﾎﾝｹｲｴｲｷｮｳｶｲ</v>
          </cell>
          <cell r="C1990" t="str">
            <v>（社）日本経営協会北海道本部</v>
          </cell>
          <cell r="D1990" t="str">
            <v>高橋 正也</v>
          </cell>
          <cell r="E1990" t="str">
            <v>本部長</v>
          </cell>
          <cell r="F1990" t="str">
            <v>060-0003</v>
          </cell>
          <cell r="G1990" t="str">
            <v>中央区北３西３ 札幌北三条ビル</v>
          </cell>
          <cell r="H1990" t="str">
            <v>241-7500</v>
          </cell>
          <cell r="I1990" t="str">
            <v>241-7468</v>
          </cell>
        </row>
        <row r="1991">
          <cell r="A1991" t="str">
            <v>21373V</v>
          </cell>
          <cell r="B1991" t="str">
            <v>ﾆｯﾎﾟﾝﾊﾑﾎｸﾌﾞﾁｮｸﾊﾝ</v>
          </cell>
          <cell r="C1991" t="str">
            <v>日本ハム北部直販（株）札幌事業所</v>
          </cell>
          <cell r="D1991" t="str">
            <v>山上 潤一郎</v>
          </cell>
          <cell r="E1991" t="str">
            <v>所長</v>
          </cell>
          <cell r="F1991" t="str">
            <v>065-0043</v>
          </cell>
          <cell r="G1991" t="str">
            <v>東区苗穂町１４－２－４３</v>
          </cell>
          <cell r="H1991" t="str">
            <v>712-4186</v>
          </cell>
          <cell r="I1991" t="str">
            <v>712-2710</v>
          </cell>
        </row>
        <row r="1992">
          <cell r="A1992" t="str">
            <v>21374S</v>
          </cell>
          <cell r="B1992" t="str">
            <v>ﾆﾁﾔｸ</v>
          </cell>
          <cell r="C1992" t="str">
            <v>（株）ニチヤク</v>
          </cell>
          <cell r="D1992" t="str">
            <v>小野 君江</v>
          </cell>
          <cell r="E1992" t="str">
            <v>代表取締役</v>
          </cell>
          <cell r="F1992" t="str">
            <v>047-0021</v>
          </cell>
          <cell r="G1992" t="str">
            <v>小樽市入船１－３－１０</v>
          </cell>
          <cell r="H1992" t="str">
            <v>0134-32-0509</v>
          </cell>
          <cell r="I1992" t="str">
            <v>0134-32-0558</v>
          </cell>
        </row>
        <row r="1993">
          <cell r="A1993" t="str">
            <v>21375N</v>
          </cell>
          <cell r="B1993" t="str">
            <v>ﾆｼﾊﾗｳｫｰﾀｰﾃｯｸ</v>
          </cell>
          <cell r="C1993" t="str">
            <v>（株）西原ウォーターテック札幌営業所</v>
          </cell>
          <cell r="D1993" t="str">
            <v>佐藤 季之</v>
          </cell>
          <cell r="E1993" t="str">
            <v>営業所長</v>
          </cell>
          <cell r="F1993" t="str">
            <v>060-0003</v>
          </cell>
          <cell r="G1993" t="str">
            <v>中央区北３西２－１０－２ 札幌ＨＳビル</v>
          </cell>
          <cell r="H1993" t="str">
            <v>252-0607</v>
          </cell>
          <cell r="I1993" t="str">
            <v>252-0608</v>
          </cell>
        </row>
        <row r="1994">
          <cell r="A1994" t="str">
            <v>21376Y</v>
          </cell>
          <cell r="B1994" t="str">
            <v>ﾆｼﾔﾏｾｲﾒﾝ</v>
          </cell>
          <cell r="C1994" t="str">
            <v>西山製麺（株）</v>
          </cell>
          <cell r="D1994" t="str">
            <v>西山 隆司</v>
          </cell>
          <cell r="E1994" t="str">
            <v>代表取締役社長</v>
          </cell>
          <cell r="F1994" t="str">
            <v>003-0028</v>
          </cell>
          <cell r="G1994" t="str">
            <v>白石区平和通１６南１－１</v>
          </cell>
          <cell r="H1994" t="str">
            <v>863-2481</v>
          </cell>
          <cell r="I1994" t="str">
            <v>865-1960</v>
          </cell>
        </row>
        <row r="1995">
          <cell r="A1995" t="str">
            <v>21377W</v>
          </cell>
          <cell r="B1995" t="str">
            <v>ﾆﾎﾝﾉｳﾘﾂｷｮｳｶｲ</v>
          </cell>
          <cell r="C1995" t="str">
            <v>（社）日本能率協会</v>
          </cell>
          <cell r="D1995" t="str">
            <v>富坂 良雄</v>
          </cell>
          <cell r="E1995" t="str">
            <v>会長</v>
          </cell>
          <cell r="F1995" t="str">
            <v>105-8522</v>
          </cell>
          <cell r="G1995" t="str">
            <v>東京都港区芝公園３－１－２２</v>
          </cell>
          <cell r="H1995" t="str">
            <v>03-3434-6211</v>
          </cell>
          <cell r="I1995" t="str">
            <v>03-3434-0900</v>
          </cell>
        </row>
        <row r="1996">
          <cell r="A1996" t="str">
            <v>21378T</v>
          </cell>
          <cell r="B1996" t="str">
            <v>ﾆﾎﾝｼﾝﾖｳﾘｰｽ</v>
          </cell>
          <cell r="C1996" t="str">
            <v>（株）日本信用リース</v>
          </cell>
          <cell r="D1996" t="str">
            <v>谷治 一好</v>
          </cell>
          <cell r="E1996" t="str">
            <v>代表取締役</v>
          </cell>
          <cell r="F1996" t="str">
            <v>101-0062</v>
          </cell>
          <cell r="G1996" t="str">
            <v>東京都千代田区神田駿河台２－１－４７</v>
          </cell>
          <cell r="H1996" t="str">
            <v>03-5282-3812</v>
          </cell>
          <cell r="I1996" t="str">
            <v>03-5282-3814</v>
          </cell>
        </row>
        <row r="1997">
          <cell r="A1997" t="str">
            <v>21379R</v>
          </cell>
          <cell r="B1997" t="str">
            <v>ﾆﾎﾝﾋﾞｼﾞｭﾂｺｳｹﾞｲｹﾝｷｭｳｼﾞｮ</v>
          </cell>
          <cell r="C1997" t="str">
            <v>（株）日本美術工芸研究所</v>
          </cell>
          <cell r="D1997" t="str">
            <v>井上 堅太郎</v>
          </cell>
          <cell r="E1997" t="str">
            <v>代表取締役</v>
          </cell>
          <cell r="F1997" t="str">
            <v>130-0022</v>
          </cell>
          <cell r="G1997" t="str">
            <v>東京都墨田区江東橋４－２１－６－２０６</v>
          </cell>
          <cell r="H1997" t="str">
            <v>03-3631-0856</v>
          </cell>
          <cell r="I1997" t="str">
            <v>03-5625-2772</v>
          </cell>
        </row>
        <row r="1998">
          <cell r="A1998" t="str">
            <v>21380N</v>
          </cell>
          <cell r="B1998" t="str">
            <v>ﾆｯﾂｳｻｯﾎﾟﾛﾘｭｳﾂｳｻｰﾋﾞｽ</v>
          </cell>
          <cell r="C1998" t="str">
            <v>日通札幌流通サービス（株）</v>
          </cell>
          <cell r="D1998" t="str">
            <v>奥野 一男</v>
          </cell>
          <cell r="E1998" t="str">
            <v>代表取締役</v>
          </cell>
          <cell r="F1998" t="str">
            <v>060-0010</v>
          </cell>
          <cell r="G1998" t="str">
            <v>中央区北１０西１６－１－２</v>
          </cell>
          <cell r="H1998" t="str">
            <v>631-1173</v>
          </cell>
          <cell r="I1998" t="str">
            <v>631-1174</v>
          </cell>
        </row>
        <row r="1999">
          <cell r="A1999" t="str">
            <v>21381Y</v>
          </cell>
          <cell r="B1999" t="str">
            <v>ﾆﾁｴｲﾂｳｼﾝｺｳｷﾞｮｳ</v>
          </cell>
          <cell r="C1999" t="str">
            <v>日栄通信工業（株）札幌支店</v>
          </cell>
          <cell r="D1999" t="str">
            <v>渡辺 篤</v>
          </cell>
          <cell r="E1999" t="str">
            <v>支店長</v>
          </cell>
          <cell r="F1999" t="str">
            <v>060-0018</v>
          </cell>
          <cell r="G1999" t="str">
            <v>中央区北１８西１５－３－２０</v>
          </cell>
          <cell r="H1999" t="str">
            <v>717-0301</v>
          </cell>
          <cell r="I1999" t="str">
            <v>717-0302</v>
          </cell>
        </row>
        <row r="2000">
          <cell r="A2000" t="str">
            <v>21382W</v>
          </cell>
          <cell r="B2000" t="str">
            <v>ﾆｼｶﾞﾀｻﾌﾟﾗｲ</v>
          </cell>
          <cell r="C2000" t="str">
            <v>（有）ニシガタサプライ</v>
          </cell>
          <cell r="D2000" t="str">
            <v>西潟 聡</v>
          </cell>
          <cell r="E2000" t="str">
            <v>代表取締役</v>
          </cell>
          <cell r="F2000" t="str">
            <v>063-0003</v>
          </cell>
          <cell r="G2000" t="str">
            <v>西区山の手３－１－４－１７</v>
          </cell>
          <cell r="H2000" t="str">
            <v>623-6371</v>
          </cell>
          <cell r="I2000" t="str">
            <v>623-6372</v>
          </cell>
        </row>
        <row r="2001">
          <cell r="A2001" t="str">
            <v>21383T</v>
          </cell>
          <cell r="B2001" t="str">
            <v>ﾆﾁﾒﾝｵｰﾄｼｽﾃﾑ</v>
          </cell>
          <cell r="C2001" t="str">
            <v>日免オートシステム（株）</v>
          </cell>
          <cell r="D2001" t="str">
            <v>安部 雅夫</v>
          </cell>
          <cell r="E2001" t="str">
            <v>代表取締役</v>
          </cell>
          <cell r="F2001" t="str">
            <v>002-8041</v>
          </cell>
          <cell r="G2001" t="str">
            <v>北区東茨戸１－１－２８</v>
          </cell>
          <cell r="H2001" t="str">
            <v>772-1020</v>
          </cell>
          <cell r="I2001" t="str">
            <v>772-5510</v>
          </cell>
        </row>
        <row r="2002">
          <cell r="A2002" t="str">
            <v>21384R</v>
          </cell>
          <cell r="B2002" t="str">
            <v>ﾆｯｼﾝﾃﾞﾝｼｻｰﾋﾞｽ</v>
          </cell>
          <cell r="C2002" t="str">
            <v>日信電子サービス（株）札幌営業所</v>
          </cell>
          <cell r="D2002" t="str">
            <v>蒔苗 卓治</v>
          </cell>
          <cell r="E2002" t="str">
            <v>所長</v>
          </cell>
          <cell r="F2002" t="str">
            <v>060-0031</v>
          </cell>
          <cell r="G2002" t="str">
            <v>中央区北１東１－２－５明治安田生命札幌北一条東</v>
          </cell>
          <cell r="H2002" t="str">
            <v>241-7191</v>
          </cell>
          <cell r="I2002" t="str">
            <v>241-7195</v>
          </cell>
        </row>
        <row r="2003">
          <cell r="A2003" t="str">
            <v>21385Z</v>
          </cell>
          <cell r="B2003" t="str">
            <v>ﾆﾎﾝﾛｳｽｲﾁｮｳｻ</v>
          </cell>
          <cell r="C2003" t="str">
            <v>日本漏水調査（株）東北営業所</v>
          </cell>
          <cell r="D2003" t="str">
            <v>中野 敏男</v>
          </cell>
          <cell r="E2003" t="str">
            <v>所長</v>
          </cell>
          <cell r="F2003" t="str">
            <v>980-0803</v>
          </cell>
          <cell r="G2003" t="str">
            <v>区仙台市青葉区国分町１－６－１８</v>
          </cell>
          <cell r="H2003" t="str">
            <v>022-214-6822</v>
          </cell>
          <cell r="I2003" t="str">
            <v>022-263-0024</v>
          </cell>
        </row>
        <row r="2004">
          <cell r="A2004" t="str">
            <v>21386X</v>
          </cell>
          <cell r="B2004" t="str">
            <v>ﾆﾎﾝｸﾞﾚｰｽｼｮｳｼﾞ</v>
          </cell>
          <cell r="C2004" t="str">
            <v>日本グレース商事（株）</v>
          </cell>
          <cell r="D2004" t="str">
            <v>本田 良吉</v>
          </cell>
          <cell r="E2004" t="str">
            <v>代表取締役</v>
          </cell>
          <cell r="F2004" t="str">
            <v>007-0848</v>
          </cell>
          <cell r="G2004" t="str">
            <v>東区北４８東８－１－２２</v>
          </cell>
          <cell r="H2004" t="str">
            <v>731-1301</v>
          </cell>
          <cell r="I2004" t="str">
            <v>731-1350</v>
          </cell>
        </row>
        <row r="2005">
          <cell r="A2005" t="str">
            <v>21387V</v>
          </cell>
          <cell r="B2005" t="str">
            <v>ﾆﾎﾝﾁｲｷﾚｲﾀﾞﾝﾎﾞｳｷｮｳｶｲ</v>
          </cell>
          <cell r="C2005" t="str">
            <v>（社）日本地域冷暖房協会</v>
          </cell>
          <cell r="D2005" t="str">
            <v>尾島 俊雄</v>
          </cell>
          <cell r="E2005" t="str">
            <v>理事長</v>
          </cell>
          <cell r="F2005" t="str">
            <v>104-0031</v>
          </cell>
          <cell r="G2005" t="str">
            <v>東京都中央区京橋２－５－２１</v>
          </cell>
          <cell r="H2005" t="str">
            <v>03-5524-1196</v>
          </cell>
          <cell r="I2005" t="str">
            <v>03-5524-1202</v>
          </cell>
        </row>
        <row r="2006">
          <cell r="A2006" t="str">
            <v>21388S</v>
          </cell>
          <cell r="B2006" t="str">
            <v>ﾆｼﾉｸﾞﾐ</v>
          </cell>
          <cell r="C2006" t="str">
            <v>（株）西野組</v>
          </cell>
          <cell r="D2006" t="str">
            <v>西野 春志</v>
          </cell>
          <cell r="E2006" t="str">
            <v>代表取締役</v>
          </cell>
          <cell r="F2006" t="str">
            <v>006-0805</v>
          </cell>
          <cell r="G2006" t="str">
            <v>手稲区新発寒５－２－２－２２</v>
          </cell>
          <cell r="H2006" t="str">
            <v>662-0688</v>
          </cell>
          <cell r="I2006" t="str">
            <v>662-8275</v>
          </cell>
        </row>
        <row r="2007">
          <cell r="A2007" t="str">
            <v>21389P</v>
          </cell>
          <cell r="B2007" t="str">
            <v>ﾆｭｰﾎﾟﾒﾙ</v>
          </cell>
          <cell r="C2007" t="str">
            <v>（有）ニューポメル</v>
          </cell>
          <cell r="D2007" t="str">
            <v>新鞍 芳男</v>
          </cell>
          <cell r="E2007" t="str">
            <v>代表取締役</v>
          </cell>
          <cell r="F2007" t="str">
            <v>002-8063</v>
          </cell>
          <cell r="G2007" t="str">
            <v>北区拓北３－３－２－８</v>
          </cell>
          <cell r="H2007" t="str">
            <v>774-2199</v>
          </cell>
          <cell r="I2007" t="str">
            <v>774-2190</v>
          </cell>
        </row>
        <row r="2008">
          <cell r="A2008" t="str">
            <v>21391X</v>
          </cell>
          <cell r="B2008" t="str">
            <v>ﾆﾎﾝﾉｰﾍﾞﾙ</v>
          </cell>
          <cell r="C2008" t="str">
            <v>日本ノーベル（株）</v>
          </cell>
          <cell r="D2008" t="str">
            <v>毛塚 幹雄</v>
          </cell>
          <cell r="E2008" t="str">
            <v>代表取締役</v>
          </cell>
          <cell r="F2008" t="str">
            <v>114-0002</v>
          </cell>
          <cell r="G2008" t="str">
            <v>東京都北区王子２－３０－２</v>
          </cell>
          <cell r="H2008" t="str">
            <v>03-3927-8801</v>
          </cell>
          <cell r="I2008" t="str">
            <v>03-3927-8802</v>
          </cell>
        </row>
        <row r="2009">
          <cell r="A2009" t="str">
            <v>21392V</v>
          </cell>
          <cell r="B2009" t="str">
            <v>ﾆﾎﾝｹｲｻﾞｲｹﾝｷｭｳｼｮ</v>
          </cell>
          <cell r="C2009" t="str">
            <v>（財）日本経済研究所</v>
          </cell>
          <cell r="D2009" t="str">
            <v>松野 信也</v>
          </cell>
          <cell r="E2009" t="str">
            <v>理事長</v>
          </cell>
          <cell r="F2009" t="str">
            <v>101-0062</v>
          </cell>
          <cell r="G2009" t="str">
            <v>東京都千代田区神田駿河台３－３－４</v>
          </cell>
          <cell r="H2009" t="str">
            <v>03-5280-6021</v>
          </cell>
          <cell r="I2009" t="str">
            <v>03-5280-6107</v>
          </cell>
        </row>
        <row r="2010">
          <cell r="A2010" t="str">
            <v>21393S</v>
          </cell>
          <cell r="B2010" t="str">
            <v>ﾆﾁｴｲｴﾝｼﾞﾆｱﾘﾝｸﾞ</v>
          </cell>
          <cell r="C2010" t="str">
            <v>ニチエイエンジニアリング（株）</v>
          </cell>
          <cell r="D2010" t="str">
            <v>田所 昭夫</v>
          </cell>
          <cell r="E2010" t="str">
            <v>代表取締役</v>
          </cell>
          <cell r="F2010" t="str">
            <v>063-0051</v>
          </cell>
          <cell r="G2010" t="str">
            <v>西区宮の沢１－５－４－１</v>
          </cell>
          <cell r="H2010" t="str">
            <v>667-3670</v>
          </cell>
          <cell r="I2010" t="str">
            <v>667-3672</v>
          </cell>
        </row>
        <row r="2011">
          <cell r="A2011" t="str">
            <v>21395Y</v>
          </cell>
          <cell r="B2011" t="str">
            <v>ﾆﾎﾝｶｾﾂ</v>
          </cell>
          <cell r="C2011" t="str">
            <v>日本仮設（株）</v>
          </cell>
          <cell r="D2011" t="str">
            <v>菊原 茂</v>
          </cell>
          <cell r="E2011" t="str">
            <v>代表取締役社長</v>
          </cell>
          <cell r="F2011" t="str">
            <v>063-0836</v>
          </cell>
          <cell r="G2011" t="str">
            <v>西区発寒１６－１４－６－５０</v>
          </cell>
          <cell r="H2011" t="str">
            <v>662-2611</v>
          </cell>
          <cell r="I2011" t="str">
            <v>662-2501</v>
          </cell>
        </row>
        <row r="2012">
          <cell r="A2012" t="str">
            <v>21397T</v>
          </cell>
          <cell r="B2012" t="str">
            <v>ﾆﾁｲﾊﾟﾜｰﾊﾞﾝｸ</v>
          </cell>
          <cell r="C2012" t="str">
            <v>（株）ニチイパワーバンク</v>
          </cell>
          <cell r="D2012" t="str">
            <v>寺田 明彦</v>
          </cell>
          <cell r="E2012" t="str">
            <v>代表取締役</v>
          </cell>
          <cell r="F2012" t="str">
            <v>100-0005</v>
          </cell>
          <cell r="G2012" t="str">
            <v>東京都千代田区丸の内３－３－１新東京ビル</v>
          </cell>
          <cell r="H2012" t="str">
            <v>03-5224-6301</v>
          </cell>
          <cell r="I2012" t="str">
            <v>03-5224-6305</v>
          </cell>
        </row>
        <row r="2013">
          <cell r="A2013" t="str">
            <v>21502Z</v>
          </cell>
          <cell r="B2013" t="str">
            <v>ﾇﾏﾀﾀﾞﾘｱｴﾝ</v>
          </cell>
          <cell r="C2013" t="str">
            <v>（有）沼田ダリア園</v>
          </cell>
          <cell r="D2013" t="str">
            <v>沼田 幸吉</v>
          </cell>
          <cell r="E2013" t="str">
            <v>代表取締役</v>
          </cell>
          <cell r="F2013" t="str">
            <v>063-0865</v>
          </cell>
          <cell r="G2013" t="str">
            <v>西区八軒５東４－１－１５</v>
          </cell>
          <cell r="H2013" t="str">
            <v>716-6777</v>
          </cell>
          <cell r="I2013" t="str">
            <v>747-7219</v>
          </cell>
        </row>
        <row r="2014">
          <cell r="A2014" t="str">
            <v>22004V</v>
          </cell>
          <cell r="B2014" t="str">
            <v>ﾈｲﾋﾞｰｽﾞ･ｸﾘｴｲｼｮﾝ</v>
          </cell>
          <cell r="C2014" t="str">
            <v>（株）ネイビーズ・クリエイション</v>
          </cell>
          <cell r="D2014" t="str">
            <v>髙橋 満治</v>
          </cell>
          <cell r="E2014" t="str">
            <v>代表取締役</v>
          </cell>
          <cell r="F2014" t="str">
            <v>064-0801</v>
          </cell>
          <cell r="G2014" t="str">
            <v>中央区南１西２０－２－１ 建設管理ｾﾝﾀｰﾋﾞﾙ８</v>
          </cell>
          <cell r="H2014" t="str">
            <v>613-7676</v>
          </cell>
          <cell r="I2014" t="str">
            <v>613-7887</v>
          </cell>
        </row>
        <row r="2015">
          <cell r="A2015" t="str">
            <v>22501N</v>
          </cell>
          <cell r="B2015" t="str">
            <v>ﾉﾀﾞ</v>
          </cell>
          <cell r="C2015" t="str">
            <v>（株）ノダ</v>
          </cell>
          <cell r="D2015" t="str">
            <v>野田 節子</v>
          </cell>
          <cell r="E2015" t="str">
            <v>代表取締役</v>
          </cell>
          <cell r="F2015" t="str">
            <v>060-0062</v>
          </cell>
          <cell r="G2015" t="str">
            <v>中央区南２西７－８</v>
          </cell>
          <cell r="H2015" t="str">
            <v>231-6610</v>
          </cell>
          <cell r="I2015" t="str">
            <v>261-2833</v>
          </cell>
        </row>
        <row r="2016">
          <cell r="A2016" t="str">
            <v>22502Y</v>
          </cell>
          <cell r="B2016" t="str">
            <v>ﾉﾑﾗｿｳｺﾞｳｹﾝｷｭｳｼｮ</v>
          </cell>
          <cell r="C2016" t="str">
            <v>（株）野村総合研究所</v>
          </cell>
          <cell r="D2016" t="str">
            <v>藤沼 彰久</v>
          </cell>
          <cell r="E2016" t="str">
            <v>代表取締役社長</v>
          </cell>
          <cell r="F2016" t="str">
            <v>100-0005</v>
          </cell>
          <cell r="G2016" t="str">
            <v>東京都千代田区丸の内１－６－５</v>
          </cell>
          <cell r="H2016" t="str">
            <v>03-5533-2111</v>
          </cell>
          <cell r="I2016" t="str">
            <v>03-5533-3383</v>
          </cell>
        </row>
        <row r="2017">
          <cell r="A2017" t="str">
            <v>22505P</v>
          </cell>
          <cell r="B2017" t="str">
            <v>ﾉﾑﾗｼｮｳﾃﾝ</v>
          </cell>
          <cell r="C2017" t="str">
            <v>（株）野村商店</v>
          </cell>
          <cell r="D2017" t="str">
            <v>野村 光孝</v>
          </cell>
          <cell r="E2017" t="str">
            <v>代表取締役</v>
          </cell>
          <cell r="F2017" t="str">
            <v>060-0042</v>
          </cell>
          <cell r="G2017" t="str">
            <v>中央区大通西５－１１ 大五ビル</v>
          </cell>
          <cell r="H2017" t="str">
            <v>241-4961</v>
          </cell>
          <cell r="I2017" t="str">
            <v>241-4964</v>
          </cell>
        </row>
        <row r="2018">
          <cell r="A2018" t="str">
            <v>22506Z</v>
          </cell>
          <cell r="B2018" t="str">
            <v>ﾉﾀﾞ</v>
          </cell>
          <cell r="C2018" t="str">
            <v>（有）ノダ</v>
          </cell>
          <cell r="D2018" t="str">
            <v>野田 隆</v>
          </cell>
          <cell r="E2018" t="str">
            <v>代表取締役</v>
          </cell>
          <cell r="F2018" t="str">
            <v>062-0041</v>
          </cell>
          <cell r="G2018" t="str">
            <v>豊平区福住１－３－２－１</v>
          </cell>
          <cell r="H2018" t="str">
            <v>851-3814</v>
          </cell>
          <cell r="I2018" t="str">
            <v>865-6417</v>
          </cell>
        </row>
        <row r="2019">
          <cell r="A2019" t="str">
            <v>22511Z</v>
          </cell>
          <cell r="B2019" t="str">
            <v>ﾉｱｲﾝﾀｰﾅｼｮﾅﾙ</v>
          </cell>
          <cell r="C2019" t="str">
            <v>ノアインターナショナル（株）</v>
          </cell>
          <cell r="D2019" t="str">
            <v>上村 貞男</v>
          </cell>
          <cell r="E2019" t="str">
            <v>代表取締役</v>
          </cell>
          <cell r="F2019" t="str">
            <v>062-0003</v>
          </cell>
          <cell r="G2019" t="str">
            <v>豊平区美園３－６－１－７</v>
          </cell>
          <cell r="H2019" t="str">
            <v>815-8661</v>
          </cell>
          <cell r="I2019" t="str">
            <v>815-8660</v>
          </cell>
        </row>
        <row r="2020">
          <cell r="A2020" t="str">
            <v>22520N</v>
          </cell>
          <cell r="B2020" t="str">
            <v>ﾉｻﾞｷｲﾝｻﾂｼｷﾞｮｳ</v>
          </cell>
          <cell r="C2020" t="str">
            <v>野崎印刷紙業（株）札幌営業所</v>
          </cell>
          <cell r="D2020" t="str">
            <v>庄子 正晴</v>
          </cell>
          <cell r="E2020" t="str">
            <v>所長</v>
          </cell>
          <cell r="F2020" t="str">
            <v>060-0042</v>
          </cell>
          <cell r="G2020" t="str">
            <v>中央区大通西１５－３</v>
          </cell>
          <cell r="H2020" t="str">
            <v>631-1150</v>
          </cell>
          <cell r="I2020" t="str">
            <v>611-8988</v>
          </cell>
        </row>
        <row r="2021">
          <cell r="A2021" t="str">
            <v>22523T</v>
          </cell>
          <cell r="B2021" t="str">
            <v>ﾉｰｻﾞﾝｸﾛｽ</v>
          </cell>
          <cell r="C2021" t="str">
            <v>（株）ノーザンクロス</v>
          </cell>
          <cell r="D2021" t="str">
            <v>山重 明</v>
          </cell>
          <cell r="E2021" t="str">
            <v>代表取締役</v>
          </cell>
          <cell r="F2021" t="str">
            <v>060-0004</v>
          </cell>
          <cell r="G2021" t="str">
            <v>中央区北４西６－１ 毎日札幌会館</v>
          </cell>
          <cell r="H2021" t="str">
            <v>232-3661</v>
          </cell>
          <cell r="I2021" t="str">
            <v>232-4918</v>
          </cell>
        </row>
        <row r="2022">
          <cell r="A2022" t="str">
            <v>22526X</v>
          </cell>
          <cell r="B2022" t="str">
            <v>ﾉｱ･ﾋﾞﾙｻｰﾋﾞｽ</v>
          </cell>
          <cell r="C2022" t="str">
            <v>（株）ノア・ビルサービス</v>
          </cell>
          <cell r="D2022" t="str">
            <v>宮下 稔</v>
          </cell>
          <cell r="E2022" t="str">
            <v>代表取締役</v>
          </cell>
          <cell r="F2022" t="str">
            <v>080-0021</v>
          </cell>
          <cell r="G2022" t="str">
            <v>帯広市西１１南１８－１</v>
          </cell>
          <cell r="H2022" t="str">
            <v>0155-23-2121</v>
          </cell>
          <cell r="I2022" t="str">
            <v>0155-21-1000</v>
          </cell>
        </row>
        <row r="2023">
          <cell r="A2023" t="str">
            <v>22530Z</v>
          </cell>
          <cell r="B2023" t="str">
            <v>ﾉｰｽﾃｸﾉﾘｻｰﾁ</v>
          </cell>
          <cell r="C2023" t="str">
            <v>ノーステクノリサーチ（株）</v>
          </cell>
          <cell r="D2023" t="str">
            <v>氏家 義太郎</v>
          </cell>
          <cell r="E2023" t="str">
            <v>代表取締役社長</v>
          </cell>
          <cell r="F2023" t="str">
            <v>050-0087</v>
          </cell>
          <cell r="G2023" t="str">
            <v>室蘭市仲町１２</v>
          </cell>
          <cell r="H2023" t="str">
            <v>0143-47-2359</v>
          </cell>
          <cell r="I2023" t="str">
            <v>0143-47-2352</v>
          </cell>
        </row>
        <row r="2024">
          <cell r="A2024" t="str">
            <v>22531X</v>
          </cell>
          <cell r="B2024" t="str">
            <v>ﾉｰｽﾌﾟﾗﾝ</v>
          </cell>
          <cell r="C2024" t="str">
            <v>（株）ノースプラン</v>
          </cell>
          <cell r="D2024" t="str">
            <v>平田 勝二郎</v>
          </cell>
          <cell r="E2024" t="str">
            <v>代表取締役</v>
          </cell>
          <cell r="F2024" t="str">
            <v>064-0804</v>
          </cell>
          <cell r="G2024" t="str">
            <v>中央区南４西６－１１－２</v>
          </cell>
          <cell r="H2024" t="str">
            <v>261-1855</v>
          </cell>
          <cell r="I2024" t="str">
            <v>261-3901</v>
          </cell>
        </row>
        <row r="2025">
          <cell r="A2025" t="str">
            <v>22533S</v>
          </cell>
          <cell r="B2025" t="str">
            <v>ﾉﾑﾗｺｳｻﾝ</v>
          </cell>
          <cell r="C2025" t="str">
            <v>野村興産（株）札幌営業所</v>
          </cell>
          <cell r="D2025" t="str">
            <v>大島 照雄</v>
          </cell>
          <cell r="E2025" t="str">
            <v>常務取締役所長</v>
          </cell>
          <cell r="F2025" t="str">
            <v>060-0032</v>
          </cell>
          <cell r="G2025" t="str">
            <v>中央区北２東１－２ プラチナビル４階</v>
          </cell>
          <cell r="H2025" t="str">
            <v>210-5922</v>
          </cell>
          <cell r="I2025" t="str">
            <v>210-5933</v>
          </cell>
        </row>
        <row r="2026">
          <cell r="A2026" t="str">
            <v>22534P</v>
          </cell>
          <cell r="B2026" t="str">
            <v>ﾉｰｽｷﾞｹﾝ</v>
          </cell>
          <cell r="C2026" t="str">
            <v>（株）ノース技研</v>
          </cell>
          <cell r="D2026" t="str">
            <v>小川 克正</v>
          </cell>
          <cell r="E2026" t="str">
            <v>代表取締役</v>
          </cell>
          <cell r="F2026" t="str">
            <v>004-0845</v>
          </cell>
          <cell r="G2026" t="str">
            <v>清田区清田５－２－３４－１７</v>
          </cell>
          <cell r="H2026" t="str">
            <v>864-6251</v>
          </cell>
          <cell r="I2026" t="str">
            <v>862-0621</v>
          </cell>
        </row>
        <row r="2027">
          <cell r="A2027" t="str">
            <v>23001N</v>
          </cell>
          <cell r="B2027" t="str">
            <v>ﾊﾟｽｺ</v>
          </cell>
          <cell r="C2027" t="str">
            <v>（株）パスコ札幌支店</v>
          </cell>
          <cell r="D2027" t="str">
            <v>荒屋 主税</v>
          </cell>
          <cell r="E2027" t="str">
            <v>支店長</v>
          </cell>
          <cell r="F2027" t="str">
            <v>064-0807</v>
          </cell>
          <cell r="G2027" t="str">
            <v>中央区南７西１－１３－７３ 第３弘安ビル内</v>
          </cell>
          <cell r="H2027" t="str">
            <v>521-3361</v>
          </cell>
          <cell r="I2027" t="str">
            <v>531-3132</v>
          </cell>
        </row>
        <row r="2028">
          <cell r="A2028" t="str">
            <v>23003W</v>
          </cell>
          <cell r="B2028" t="str">
            <v>ﾊｶﾀﾔﾁｬﾎ</v>
          </cell>
          <cell r="C2028" t="str">
            <v>博多屋茶舗</v>
          </cell>
          <cell r="D2028" t="str">
            <v>税田 孝子</v>
          </cell>
          <cell r="E2028" t="str">
            <v>代表</v>
          </cell>
          <cell r="F2028" t="str">
            <v>003-0029</v>
          </cell>
          <cell r="G2028" t="str">
            <v>白石区平和通５北１２－１４</v>
          </cell>
          <cell r="H2028" t="str">
            <v>863-1123</v>
          </cell>
          <cell r="I2028" t="str">
            <v>863-1123</v>
          </cell>
        </row>
        <row r="2029">
          <cell r="A2029" t="str">
            <v>23004T</v>
          </cell>
          <cell r="B2029" t="str">
            <v>ﾊﾏﾀﾞﾔｸｷﾞｮｳ</v>
          </cell>
          <cell r="C2029" t="str">
            <v>浜田薬業（株）</v>
          </cell>
          <cell r="D2029" t="str">
            <v>浜田 英明</v>
          </cell>
          <cell r="E2029" t="str">
            <v>代表取締役</v>
          </cell>
          <cell r="F2029" t="str">
            <v>064-0926</v>
          </cell>
          <cell r="G2029" t="str">
            <v>中央区南２６西１４－１－１２</v>
          </cell>
          <cell r="H2029" t="str">
            <v>563-1881</v>
          </cell>
          <cell r="I2029" t="str">
            <v>563-1962</v>
          </cell>
        </row>
        <row r="2030">
          <cell r="A2030" t="str">
            <v>23006Z</v>
          </cell>
          <cell r="B2030" t="str">
            <v>ﾊﾟﾌﾞﾘｯｸｾﾝﾀｰ</v>
          </cell>
          <cell r="C2030" t="str">
            <v>（株）パブリックセンター</v>
          </cell>
          <cell r="D2030" t="str">
            <v>戸沼 礼二</v>
          </cell>
          <cell r="E2030" t="str">
            <v>代表取締役</v>
          </cell>
          <cell r="F2030" t="str">
            <v>060-8580</v>
          </cell>
          <cell r="G2030" t="str">
            <v>中央区北１東１－２明治安田生命札幌北１条東ビル</v>
          </cell>
          <cell r="H2030" t="str">
            <v>281-5545</v>
          </cell>
          <cell r="I2030" t="str">
            <v>222-6086</v>
          </cell>
        </row>
        <row r="2031">
          <cell r="A2031" t="str">
            <v>23007X</v>
          </cell>
          <cell r="B2031" t="str">
            <v>ﾏﾝﾊﾟｸ</v>
          </cell>
          <cell r="C2031" t="str">
            <v>（株）万博</v>
          </cell>
          <cell r="D2031" t="str">
            <v>松本 良太郎</v>
          </cell>
          <cell r="E2031" t="str">
            <v>代表取締役</v>
          </cell>
          <cell r="F2031" t="str">
            <v>064-0918</v>
          </cell>
          <cell r="G2031" t="str">
            <v>中央区南１８西１５－２－１４</v>
          </cell>
          <cell r="H2031" t="str">
            <v>533-8880</v>
          </cell>
          <cell r="I2031" t="str">
            <v>561-6298</v>
          </cell>
        </row>
        <row r="2032">
          <cell r="A2032" t="str">
            <v>23008V</v>
          </cell>
          <cell r="B2032" t="str">
            <v>ﾊﾂﾞｷｴﾝ</v>
          </cell>
          <cell r="C2032" t="str">
            <v>（株）葉月園</v>
          </cell>
          <cell r="D2032" t="str">
            <v>後藤 健治郎</v>
          </cell>
          <cell r="E2032" t="str">
            <v>代表取締役</v>
          </cell>
          <cell r="F2032" t="str">
            <v>065-0016</v>
          </cell>
          <cell r="G2032" t="str">
            <v>東区北１６東１－３－１０</v>
          </cell>
          <cell r="H2032" t="str">
            <v>711-2511</v>
          </cell>
          <cell r="I2032" t="str">
            <v>711-2515</v>
          </cell>
        </row>
        <row r="2033">
          <cell r="A2033" t="str">
            <v>23009S</v>
          </cell>
          <cell r="B2033" t="str">
            <v>ﾊﾔｼｼﾞｺｳ</v>
          </cell>
          <cell r="C2033" t="str">
            <v>（株）林自工</v>
          </cell>
          <cell r="D2033" t="str">
            <v>林 義則</v>
          </cell>
          <cell r="E2033" t="str">
            <v>代表取締役</v>
          </cell>
          <cell r="F2033" t="str">
            <v>004-0873</v>
          </cell>
          <cell r="G2033" t="str">
            <v>清田区平岡３－１－１－１０</v>
          </cell>
          <cell r="H2033" t="str">
            <v>881-2111</v>
          </cell>
          <cell r="I2033" t="str">
            <v>883-0680</v>
          </cell>
        </row>
        <row r="2034">
          <cell r="A2034" t="str">
            <v>23013V</v>
          </cell>
          <cell r="B2034" t="str">
            <v>ﾊﾟﾃｨﾈｼｮｳｶｲ</v>
          </cell>
          <cell r="C2034" t="str">
            <v>（株）パティネ商会</v>
          </cell>
          <cell r="D2034" t="str">
            <v>荻原 明則</v>
          </cell>
          <cell r="E2034" t="str">
            <v>代表取締役</v>
          </cell>
          <cell r="F2034" t="str">
            <v>170-0002</v>
          </cell>
          <cell r="G2034" t="str">
            <v>東京都豊島区巣鴨２－６－１</v>
          </cell>
          <cell r="H2034" t="str">
            <v>03-3915-9111</v>
          </cell>
          <cell r="I2034" t="str">
            <v>03-3949-1171</v>
          </cell>
        </row>
        <row r="2035">
          <cell r="A2035" t="str">
            <v>23016Y</v>
          </cell>
          <cell r="B2035" t="str">
            <v>ﾊﾔｻｶﾘｺｳ</v>
          </cell>
          <cell r="C2035" t="str">
            <v>早坂理工（株）</v>
          </cell>
          <cell r="D2035" t="str">
            <v>早坂 岳志</v>
          </cell>
          <cell r="E2035" t="str">
            <v>代表取締役社長</v>
          </cell>
          <cell r="F2035" t="str">
            <v>060-0906</v>
          </cell>
          <cell r="G2035" t="str">
            <v>東区北６東４－８－４５</v>
          </cell>
          <cell r="H2035" t="str">
            <v>721-5232</v>
          </cell>
          <cell r="I2035" t="str">
            <v>722-0899</v>
          </cell>
        </row>
        <row r="2036">
          <cell r="A2036" t="str">
            <v>23018T</v>
          </cell>
          <cell r="B2036" t="str">
            <v>ﾊﾟﾅﾌﾟﾗｻﾞｴｲﾄﾃﾞﾝｷ</v>
          </cell>
          <cell r="C2036" t="str">
            <v>パナプラザエイト電器（株）</v>
          </cell>
          <cell r="D2036" t="str">
            <v>佐々木 勉</v>
          </cell>
          <cell r="E2036" t="str">
            <v>代表取締役社長</v>
          </cell>
          <cell r="F2036" t="str">
            <v>004-0812</v>
          </cell>
          <cell r="G2036" t="str">
            <v>清田区美しが丘２－４－５－５</v>
          </cell>
          <cell r="H2036" t="str">
            <v>882-0110</v>
          </cell>
          <cell r="I2036" t="str">
            <v>882-0145</v>
          </cell>
        </row>
        <row r="2037">
          <cell r="A2037" t="str">
            <v>23020N</v>
          </cell>
          <cell r="B2037" t="str">
            <v>ﾊｸﾎｳﾄﾞｳ</v>
          </cell>
          <cell r="C2037" t="str">
            <v>（株）博報堂札幌支社</v>
          </cell>
          <cell r="D2037" t="str">
            <v>水島 顕彦</v>
          </cell>
          <cell r="E2037" t="str">
            <v>支社長</v>
          </cell>
          <cell r="F2037" t="str">
            <v>060-0002</v>
          </cell>
          <cell r="G2037" t="str">
            <v>中央区北２西１－１ マルイト札幌ビル１１Ｆ</v>
          </cell>
          <cell r="H2037" t="str">
            <v>251-0176</v>
          </cell>
          <cell r="I2037" t="str">
            <v>251-5735</v>
          </cell>
        </row>
        <row r="2038">
          <cell r="A2038" t="str">
            <v>23023T</v>
          </cell>
          <cell r="B2038" t="str">
            <v>ﾊﾏﾉｹﾝｻﾞｲﾃﾝ</v>
          </cell>
          <cell r="C2038" t="str">
            <v>（株）濱野建材店</v>
          </cell>
          <cell r="D2038" t="str">
            <v>濱野 忠生</v>
          </cell>
          <cell r="E2038" t="str">
            <v>代表取締役社長</v>
          </cell>
          <cell r="F2038" t="str">
            <v>060-0033</v>
          </cell>
          <cell r="G2038" t="str">
            <v>中央区北３東５－５</v>
          </cell>
          <cell r="H2038" t="str">
            <v>231-3121</v>
          </cell>
          <cell r="I2038" t="str">
            <v>222-2761</v>
          </cell>
        </row>
        <row r="2039">
          <cell r="A2039" t="str">
            <v>23024R</v>
          </cell>
          <cell r="B2039" t="str">
            <v>ﾊﾞﾝﾄﾞｳｾｷﾕ</v>
          </cell>
          <cell r="C2039" t="str">
            <v>坂東石油（株）</v>
          </cell>
          <cell r="D2039" t="str">
            <v>坂東 功</v>
          </cell>
          <cell r="E2039" t="str">
            <v>代表取締役</v>
          </cell>
          <cell r="F2039" t="str">
            <v>061-2302</v>
          </cell>
          <cell r="G2039" t="str">
            <v>南区定山渓温泉東４－３０６</v>
          </cell>
          <cell r="H2039" t="str">
            <v>598-2430</v>
          </cell>
          <cell r="I2039" t="str">
            <v>598-2827</v>
          </cell>
        </row>
        <row r="2040">
          <cell r="A2040" t="str">
            <v>23025Z</v>
          </cell>
          <cell r="B2040" t="str">
            <v>ﾊｽﾞｺｳｷﾞｮｳ</v>
          </cell>
          <cell r="C2040" t="str">
            <v>幡豆工業（株）札幌営業所</v>
          </cell>
          <cell r="D2040" t="str">
            <v>犬塚 英司</v>
          </cell>
          <cell r="E2040" t="str">
            <v>所長</v>
          </cell>
          <cell r="F2040" t="str">
            <v>003-0002</v>
          </cell>
          <cell r="G2040" t="str">
            <v>白石区東札幌２－６－５－１</v>
          </cell>
          <cell r="H2040" t="str">
            <v>864-6908</v>
          </cell>
          <cell r="I2040" t="str">
            <v>0123-24-7085</v>
          </cell>
        </row>
        <row r="2041">
          <cell r="A2041" t="str">
            <v>23027V</v>
          </cell>
          <cell r="B2041" t="str">
            <v>ﾊﾟｲｵﾆｱ</v>
          </cell>
          <cell r="C2041" t="str">
            <v>パイオニア（株）</v>
          </cell>
          <cell r="D2041" t="str">
            <v>伊藤 周男</v>
          </cell>
          <cell r="E2041" t="str">
            <v>代表取締役</v>
          </cell>
          <cell r="F2041" t="str">
            <v>153-0063</v>
          </cell>
          <cell r="G2041" t="str">
            <v>東京都目黒区目黒１－４－１</v>
          </cell>
          <cell r="H2041" t="str">
            <v>03-3494-1111</v>
          </cell>
          <cell r="I2041" t="str">
            <v>03-3495-4428</v>
          </cell>
        </row>
        <row r="2042">
          <cell r="A2042" t="str">
            <v>23035Y</v>
          </cell>
          <cell r="B2042" t="str">
            <v>ﾊｼﾑﾗｼｮｳﾃﾝ</v>
          </cell>
          <cell r="C2042" t="str">
            <v>（有）橋村商店</v>
          </cell>
          <cell r="D2042" t="str">
            <v>奥友 治</v>
          </cell>
          <cell r="E2042" t="str">
            <v>代表取締役</v>
          </cell>
          <cell r="F2042" t="str">
            <v>065-0028</v>
          </cell>
          <cell r="G2042" t="str">
            <v>東区北２８東２１－１０３－１４</v>
          </cell>
          <cell r="H2042" t="str">
            <v>781-6575</v>
          </cell>
          <cell r="I2042" t="str">
            <v>785-3197</v>
          </cell>
        </row>
        <row r="2043">
          <cell r="A2043" t="str">
            <v>23036W</v>
          </cell>
          <cell r="B2043" t="str">
            <v>ﾊﾔｼﾓｸｻﾞｲﾃﾝ</v>
          </cell>
          <cell r="C2043" t="str">
            <v>（株）林木材店</v>
          </cell>
          <cell r="D2043" t="str">
            <v>林 秀樹</v>
          </cell>
          <cell r="E2043" t="str">
            <v>代表取締役</v>
          </cell>
          <cell r="F2043" t="str">
            <v>064-0820</v>
          </cell>
          <cell r="G2043" t="str">
            <v>中央区大通西２１－４６</v>
          </cell>
          <cell r="H2043" t="str">
            <v>621-0551</v>
          </cell>
          <cell r="I2043" t="str">
            <v>621-8478</v>
          </cell>
        </row>
        <row r="2044">
          <cell r="A2044" t="str">
            <v>23038R</v>
          </cell>
          <cell r="B2044" t="str">
            <v>ﾊﾀｹﾔﾏﾃﾞﾝｷ</v>
          </cell>
          <cell r="C2044" t="str">
            <v>（有）畠山電機</v>
          </cell>
          <cell r="D2044" t="str">
            <v>畠山 俊信</v>
          </cell>
          <cell r="E2044" t="str">
            <v>代表取締役</v>
          </cell>
          <cell r="F2044" t="str">
            <v>062-0933</v>
          </cell>
          <cell r="G2044" t="str">
            <v>豊平区平岸３－８－９－８</v>
          </cell>
          <cell r="H2044" t="str">
            <v>831-2562</v>
          </cell>
          <cell r="I2044" t="str">
            <v>811-6544</v>
          </cell>
        </row>
        <row r="2045">
          <cell r="A2045" t="str">
            <v>23039N</v>
          </cell>
          <cell r="B2045" t="str">
            <v>ﾊｰﾄ</v>
          </cell>
          <cell r="C2045" t="str">
            <v>ハート（株）札幌支店</v>
          </cell>
          <cell r="D2045" t="str">
            <v>見米 春夫</v>
          </cell>
          <cell r="E2045" t="str">
            <v>支店長</v>
          </cell>
          <cell r="F2045" t="str">
            <v>063-0061</v>
          </cell>
          <cell r="G2045" t="str">
            <v>西区西町北１８－１－１２</v>
          </cell>
          <cell r="H2045" t="str">
            <v>662-5161</v>
          </cell>
          <cell r="I2045" t="str">
            <v>665-1061</v>
          </cell>
        </row>
        <row r="2046">
          <cell r="A2046" t="str">
            <v>23043R</v>
          </cell>
          <cell r="B2046" t="str">
            <v>ﾊﾙｷﾋﾞﾆｰﾙｺｳｷﾞｮｳ</v>
          </cell>
          <cell r="C2046" t="str">
            <v>春木ビニール工業（株）</v>
          </cell>
          <cell r="D2046" t="str">
            <v>春木 紀明</v>
          </cell>
          <cell r="E2046" t="str">
            <v>代表取締役</v>
          </cell>
          <cell r="F2046" t="str">
            <v>060-0031</v>
          </cell>
          <cell r="G2046" t="str">
            <v>中央区北１東３－５</v>
          </cell>
          <cell r="H2046" t="str">
            <v>231-2823</v>
          </cell>
          <cell r="I2046" t="str">
            <v>251-3920</v>
          </cell>
        </row>
        <row r="2047">
          <cell r="A2047" t="str">
            <v>23048P</v>
          </cell>
          <cell r="B2047" t="str">
            <v>ﾊﾎﾞﾛﾈﾝﾘｮｳｼｮｳｶｲ</v>
          </cell>
          <cell r="C2047" t="str">
            <v>（株）羽幌燃料商会</v>
          </cell>
          <cell r="D2047" t="str">
            <v>田垣 親一</v>
          </cell>
          <cell r="E2047" t="str">
            <v>代表取締役</v>
          </cell>
          <cell r="F2047" t="str">
            <v>064-0926</v>
          </cell>
          <cell r="G2047" t="str">
            <v>中央区南２６西８－１－２７</v>
          </cell>
          <cell r="H2047" t="str">
            <v>241-1858</v>
          </cell>
          <cell r="I2047" t="str">
            <v>251-2758</v>
          </cell>
        </row>
        <row r="2048">
          <cell r="A2048" t="str">
            <v>23050X</v>
          </cell>
          <cell r="B2048" t="str">
            <v>ﾊｸﾊﾞﾄﾞｳｲﾝｻﾂ</v>
          </cell>
          <cell r="C2048" t="str">
            <v>白馬堂印刷（株）</v>
          </cell>
          <cell r="D2048" t="str">
            <v>花井 馨</v>
          </cell>
          <cell r="E2048" t="str">
            <v>代表取締役</v>
          </cell>
          <cell r="F2048" t="str">
            <v>064-0823</v>
          </cell>
          <cell r="G2048" t="str">
            <v>中央区北３西２５－１－２１</v>
          </cell>
          <cell r="H2048" t="str">
            <v>621-1471</v>
          </cell>
          <cell r="I2048" t="str">
            <v>621-2641</v>
          </cell>
        </row>
        <row r="2049">
          <cell r="A2049" t="str">
            <v>23053P</v>
          </cell>
          <cell r="B2049" t="str">
            <v>ﾎｯｶｲﾄﾞｳﾊﾞﾝﾄﾞｰ</v>
          </cell>
          <cell r="C2049" t="str">
            <v>北海道バンドー（株）</v>
          </cell>
          <cell r="D2049" t="str">
            <v>蓑島 和夫</v>
          </cell>
          <cell r="E2049" t="str">
            <v>代表取締役社長</v>
          </cell>
          <cell r="F2049" t="str">
            <v>062-0020</v>
          </cell>
          <cell r="G2049" t="str">
            <v>豊平区月寒中央通２－２－２２</v>
          </cell>
          <cell r="H2049" t="str">
            <v>851-2146</v>
          </cell>
          <cell r="I2049" t="str">
            <v>852-6992</v>
          </cell>
        </row>
        <row r="2050">
          <cell r="A2050" t="str">
            <v>23058N</v>
          </cell>
          <cell r="B2050" t="str">
            <v>ﾊﾀﾓﾄｲﾝｻﾂ</v>
          </cell>
          <cell r="C2050" t="str">
            <v>幡本印刷（株）</v>
          </cell>
          <cell r="D2050" t="str">
            <v>加藤 景</v>
          </cell>
          <cell r="E2050" t="str">
            <v>代表取締役</v>
          </cell>
          <cell r="F2050" t="str">
            <v>063-0830</v>
          </cell>
          <cell r="G2050" t="str">
            <v>西区発寒１０－１４－１０６３－３</v>
          </cell>
          <cell r="H2050" t="str">
            <v>666-1111</v>
          </cell>
          <cell r="I2050" t="str">
            <v>666-1151</v>
          </cell>
        </row>
        <row r="2051">
          <cell r="A2051" t="str">
            <v>23061T</v>
          </cell>
          <cell r="B2051" t="str">
            <v>ﾊｼﾓﾄﾈﾝﾘｮｳ</v>
          </cell>
          <cell r="C2051" t="str">
            <v>（有）橋本燃料</v>
          </cell>
          <cell r="D2051" t="str">
            <v>橋本 秀彦</v>
          </cell>
          <cell r="E2051" t="str">
            <v>代表取締役</v>
          </cell>
          <cell r="F2051" t="str">
            <v>007-0834</v>
          </cell>
          <cell r="G2051" t="str">
            <v>東区北３４東２７－２－３</v>
          </cell>
          <cell r="H2051" t="str">
            <v>783-3802</v>
          </cell>
          <cell r="I2051" t="str">
            <v>783-3802</v>
          </cell>
        </row>
        <row r="2052">
          <cell r="A2052" t="str">
            <v>23062R</v>
          </cell>
          <cell r="B2052" t="str">
            <v>ﾊﾞｯｸｽ</v>
          </cell>
          <cell r="C2052" t="str">
            <v>（株）バックス</v>
          </cell>
          <cell r="D2052" t="str">
            <v>伊藤 正幸</v>
          </cell>
          <cell r="E2052" t="str">
            <v>代表取締役</v>
          </cell>
          <cell r="F2052" t="str">
            <v>001-0021</v>
          </cell>
          <cell r="G2052" t="str">
            <v>北区北２１西８－３－８</v>
          </cell>
          <cell r="H2052" t="str">
            <v>747-7281</v>
          </cell>
          <cell r="I2052" t="str">
            <v>747-7283</v>
          </cell>
        </row>
        <row r="2053">
          <cell r="A2053" t="str">
            <v>23064Y</v>
          </cell>
          <cell r="B2053" t="str">
            <v>ﾊﾗｸﾞﾁｻﾝｷﾞｮｳ</v>
          </cell>
          <cell r="C2053" t="str">
            <v>原口産業（株）札幌営業所</v>
          </cell>
          <cell r="D2053" t="str">
            <v>菅原 勇</v>
          </cell>
          <cell r="E2053" t="str">
            <v>所長</v>
          </cell>
          <cell r="F2053" t="str">
            <v>060-0012</v>
          </cell>
          <cell r="G2053" t="str">
            <v>中央区北１２西２０－１－２</v>
          </cell>
          <cell r="H2053" t="str">
            <v>611-8556</v>
          </cell>
          <cell r="I2053" t="str">
            <v>611-3910</v>
          </cell>
        </row>
        <row r="2054">
          <cell r="A2054" t="str">
            <v>23066S</v>
          </cell>
          <cell r="B2054" t="str">
            <v>ｵﾘｯｸｽ･ﾚﾝﾀｶｰﾎｯｶｲﾄﾞｳ</v>
          </cell>
          <cell r="C2054" t="str">
            <v>オリックス・レンタカー北海道（株）</v>
          </cell>
          <cell r="D2054" t="str">
            <v>横山 和夫</v>
          </cell>
          <cell r="E2054" t="str">
            <v>代表取締役</v>
          </cell>
          <cell r="F2054" t="str">
            <v>060-0809</v>
          </cell>
          <cell r="G2054" t="str">
            <v>北区北９西３－１０－１</v>
          </cell>
          <cell r="H2054" t="str">
            <v>737-0552</v>
          </cell>
          <cell r="I2054" t="str">
            <v>737-0554</v>
          </cell>
        </row>
        <row r="2055">
          <cell r="A2055" t="str">
            <v>23069X</v>
          </cell>
          <cell r="B2055" t="str">
            <v>ﾊｸﾖｳｲﾝｻﾂ</v>
          </cell>
          <cell r="C2055" t="str">
            <v>柏楊印刷（株）</v>
          </cell>
          <cell r="D2055" t="str">
            <v>添田 敏視</v>
          </cell>
          <cell r="E2055" t="str">
            <v>代表取締役</v>
          </cell>
          <cell r="F2055" t="str">
            <v>007-0802</v>
          </cell>
          <cell r="G2055" t="str">
            <v>東区東苗穂２－３－４－４８</v>
          </cell>
          <cell r="H2055" t="str">
            <v>789-2377</v>
          </cell>
          <cell r="I2055" t="str">
            <v>789-2376</v>
          </cell>
        </row>
        <row r="2056">
          <cell r="A2056" t="str">
            <v>23071S</v>
          </cell>
          <cell r="B2056" t="str">
            <v>ﾊﾔｼｼｮｳｼﾞ</v>
          </cell>
          <cell r="C2056" t="str">
            <v>林商事</v>
          </cell>
          <cell r="D2056" t="str">
            <v>林 和範</v>
          </cell>
          <cell r="E2056" t="str">
            <v>代表</v>
          </cell>
          <cell r="F2056" t="str">
            <v>060-0809</v>
          </cell>
          <cell r="G2056" t="str">
            <v>北区北９西２－２</v>
          </cell>
          <cell r="H2056" t="str">
            <v>716-4831</v>
          </cell>
          <cell r="I2056" t="str">
            <v>716-4590</v>
          </cell>
        </row>
        <row r="2057">
          <cell r="A2057" t="str">
            <v>23073Z</v>
          </cell>
          <cell r="B2057" t="str">
            <v>ﾎｸﾔｸ</v>
          </cell>
          <cell r="C2057" t="str">
            <v>（株）ほくやく札幌支店</v>
          </cell>
          <cell r="D2057" t="str">
            <v>高橋 和則</v>
          </cell>
          <cell r="E2057" t="str">
            <v>支店長</v>
          </cell>
          <cell r="F2057" t="str">
            <v>064-0808</v>
          </cell>
          <cell r="G2057" t="str">
            <v>中央区南８西１４－３－１５</v>
          </cell>
          <cell r="H2057" t="str">
            <v>530-3413</v>
          </cell>
          <cell r="I2057" t="str">
            <v>530-3373</v>
          </cell>
        </row>
        <row r="2058">
          <cell r="A2058" t="str">
            <v>23076R</v>
          </cell>
          <cell r="B2058" t="str">
            <v>ﾊｺﾀﾞﾃｻﾝｿ</v>
          </cell>
          <cell r="C2058" t="str">
            <v>函館酸素（株）札幌営業所</v>
          </cell>
          <cell r="D2058" t="str">
            <v>平間 晴郎</v>
          </cell>
          <cell r="E2058" t="str">
            <v>所長</v>
          </cell>
          <cell r="F2058" t="str">
            <v>065-0008</v>
          </cell>
          <cell r="G2058" t="str">
            <v>東区北８東１６－１－３３</v>
          </cell>
          <cell r="H2058" t="str">
            <v>753-2411</v>
          </cell>
          <cell r="I2058" t="str">
            <v>753-2413</v>
          </cell>
        </row>
        <row r="2059">
          <cell r="A2059" t="str">
            <v>23077N</v>
          </cell>
          <cell r="B2059" t="str">
            <v>ﾊﾟｼﾌｨｯｸｿｰﾜ</v>
          </cell>
          <cell r="C2059" t="str">
            <v>（株）パシフィックソーワ札幌営業所</v>
          </cell>
          <cell r="D2059" t="str">
            <v>川田 利彦</v>
          </cell>
          <cell r="E2059" t="str">
            <v>所長</v>
          </cell>
          <cell r="F2059" t="str">
            <v>060-0061</v>
          </cell>
          <cell r="G2059" t="str">
            <v>中央区南１西１４－１ リバーストンビル</v>
          </cell>
          <cell r="H2059" t="str">
            <v>221-2871</v>
          </cell>
          <cell r="I2059" t="str">
            <v>271-9052</v>
          </cell>
        </row>
        <row r="2060">
          <cell r="A2060" t="str">
            <v>23079W</v>
          </cell>
          <cell r="B2060" t="str">
            <v>ﾊﾟﾄｽ</v>
          </cell>
          <cell r="C2060" t="str">
            <v>（株）パトス</v>
          </cell>
          <cell r="D2060" t="str">
            <v>林 博敏</v>
          </cell>
          <cell r="E2060" t="str">
            <v>代表取締役</v>
          </cell>
          <cell r="F2060" t="str">
            <v>064-0822</v>
          </cell>
          <cell r="G2060" t="str">
            <v>中央区北２西２７－２－３０ アテネビル</v>
          </cell>
          <cell r="H2060" t="str">
            <v>622-8111</v>
          </cell>
          <cell r="I2060" t="str">
            <v>622-3324</v>
          </cell>
        </row>
        <row r="2061">
          <cell r="A2061" t="str">
            <v>23081R</v>
          </cell>
          <cell r="B2061" t="str">
            <v>ﾊｯﾀ</v>
          </cell>
          <cell r="C2061" t="str">
            <v>（株）八田</v>
          </cell>
          <cell r="D2061" t="str">
            <v>高玉 正志</v>
          </cell>
          <cell r="E2061" t="str">
            <v>代表取締役</v>
          </cell>
          <cell r="F2061" t="str">
            <v>060-0009</v>
          </cell>
          <cell r="G2061" t="str">
            <v>中央区北９西２０－３５－１５６</v>
          </cell>
          <cell r="H2061" t="str">
            <v>644-2240</v>
          </cell>
          <cell r="I2061" t="str">
            <v>644-2719</v>
          </cell>
        </row>
        <row r="2062">
          <cell r="A2062" t="str">
            <v>23082N</v>
          </cell>
          <cell r="B2062" t="str">
            <v>ﾊﾔｼｼｮｳｼﾞ</v>
          </cell>
          <cell r="C2062" t="str">
            <v>林商事（株）</v>
          </cell>
          <cell r="D2062" t="str">
            <v>林 昌亮</v>
          </cell>
          <cell r="E2062" t="str">
            <v>代表取締役</v>
          </cell>
          <cell r="F2062" t="str">
            <v>063-0012</v>
          </cell>
          <cell r="G2062" t="str">
            <v>西区福井５－２－９</v>
          </cell>
          <cell r="H2062" t="str">
            <v>611-3551</v>
          </cell>
          <cell r="I2062" t="str">
            <v>611-3594</v>
          </cell>
        </row>
        <row r="2063">
          <cell r="A2063" t="str">
            <v>23083Y</v>
          </cell>
          <cell r="B2063" t="str">
            <v>ﾊﾅｵｶﾃﾞﾝｷ</v>
          </cell>
          <cell r="C2063" t="str">
            <v>（株）花岡電器</v>
          </cell>
          <cell r="D2063" t="str">
            <v>花岡 伸郎</v>
          </cell>
          <cell r="E2063" t="str">
            <v>代表取締役社長</v>
          </cell>
          <cell r="F2063" t="str">
            <v>064-0821</v>
          </cell>
          <cell r="G2063" t="str">
            <v>中央区北１西２３－２－２</v>
          </cell>
          <cell r="H2063" t="str">
            <v>611-8147</v>
          </cell>
          <cell r="I2063" t="str">
            <v>631-2618</v>
          </cell>
        </row>
        <row r="2064">
          <cell r="A2064" t="str">
            <v>23086P</v>
          </cell>
          <cell r="B2064" t="str">
            <v>ﾊﾔｼｼﾞﾄﾞｳｼｬｻｯﾎﾟﾛ</v>
          </cell>
          <cell r="C2064" t="str">
            <v>（株）林自動車札幌</v>
          </cell>
          <cell r="D2064" t="str">
            <v>荒関 伸</v>
          </cell>
          <cell r="E2064" t="str">
            <v>代表取締役社長</v>
          </cell>
          <cell r="F2064" t="str">
            <v>004-0862</v>
          </cell>
          <cell r="G2064" t="str">
            <v>清田区北野２－３－１－３</v>
          </cell>
          <cell r="H2064" t="str">
            <v>881-6116</v>
          </cell>
          <cell r="I2064" t="str">
            <v>881-9309</v>
          </cell>
        </row>
        <row r="2065">
          <cell r="A2065" t="str">
            <v>23088X</v>
          </cell>
          <cell r="B2065" t="str">
            <v>ﾊｯｺｳ</v>
          </cell>
          <cell r="C2065" t="str">
            <v>（株）八興札幌支店</v>
          </cell>
          <cell r="D2065" t="str">
            <v>桜庭 有司</v>
          </cell>
          <cell r="E2065" t="str">
            <v>支店長</v>
          </cell>
          <cell r="F2065" t="str">
            <v>064-0922</v>
          </cell>
          <cell r="G2065" t="str">
            <v>中央区南２２西６－２－２５ｴﾑｽﾞ南２２条ﾋﾞﾙ第３</v>
          </cell>
          <cell r="H2065" t="str">
            <v>533-1211</v>
          </cell>
          <cell r="I2065" t="str">
            <v>533-2122</v>
          </cell>
        </row>
        <row r="2066">
          <cell r="A2066" t="str">
            <v>23096N</v>
          </cell>
          <cell r="B2066" t="str">
            <v>ﾊﾀﾅｶﾏﾃﾘｱﾙ</v>
          </cell>
          <cell r="C2066" t="str">
            <v>ハタナカマテリアル（株）</v>
          </cell>
          <cell r="D2066" t="str">
            <v>畑中 修平</v>
          </cell>
          <cell r="E2066" t="str">
            <v>代表取締役</v>
          </cell>
          <cell r="F2066" t="str">
            <v>077-0205</v>
          </cell>
          <cell r="G2066" t="str">
            <v>増毛郡増毛町弁天町５－８９－３</v>
          </cell>
          <cell r="H2066" t="str">
            <v>0164-53-1078</v>
          </cell>
          <cell r="I2066" t="str">
            <v>0164-53-3388</v>
          </cell>
        </row>
        <row r="2067">
          <cell r="A2067" t="str">
            <v>23099T</v>
          </cell>
          <cell r="B2067" t="str">
            <v>ﾊｲﾓ</v>
          </cell>
          <cell r="C2067" t="str">
            <v>ハイモ（株）</v>
          </cell>
          <cell r="D2067" t="str">
            <v>伊藤 建樹</v>
          </cell>
          <cell r="E2067" t="str">
            <v>代表取締役社長</v>
          </cell>
          <cell r="F2067" t="str">
            <v>141-0031</v>
          </cell>
          <cell r="G2067" t="str">
            <v>東京都品川区西五反田２－２０－１第２８</v>
          </cell>
          <cell r="H2067" t="str">
            <v>03-3779-5260</v>
          </cell>
          <cell r="I2067" t="str">
            <v>03-3779-8824</v>
          </cell>
        </row>
        <row r="2068">
          <cell r="A2068" t="str">
            <v>23101Y</v>
          </cell>
          <cell r="B2068" t="str">
            <v>ﾊﾟﾘﾉ･ｻｰｳﾞｪｲ</v>
          </cell>
          <cell r="C2068" t="str">
            <v>パリノ・サーヴェイ（株）</v>
          </cell>
          <cell r="D2068" t="str">
            <v>高橋 則忠</v>
          </cell>
          <cell r="E2068" t="str">
            <v>代表取締役</v>
          </cell>
          <cell r="F2068" t="str">
            <v>103-0023</v>
          </cell>
          <cell r="G2068" t="str">
            <v>東京都中央区日本橋本町１－１０－５</v>
          </cell>
          <cell r="H2068" t="str">
            <v>03-3241-4566</v>
          </cell>
          <cell r="I2068" t="str">
            <v>03-3241-4597</v>
          </cell>
        </row>
        <row r="2069">
          <cell r="A2069" t="str">
            <v>23106X</v>
          </cell>
          <cell r="B2069" t="str">
            <v>ﾊﾟｰｸﾌﾟﾗﾝ</v>
          </cell>
          <cell r="C2069" t="str">
            <v>（有）パークプラン</v>
          </cell>
          <cell r="D2069" t="str">
            <v>新保 泰樹</v>
          </cell>
          <cell r="E2069" t="str">
            <v>代表取締役</v>
          </cell>
          <cell r="F2069" t="str">
            <v>007-0802</v>
          </cell>
          <cell r="G2069" t="str">
            <v>東区東苗穂２－３－３－４３</v>
          </cell>
          <cell r="H2069" t="str">
            <v>789-6280</v>
          </cell>
          <cell r="I2069" t="str">
            <v>789-6281</v>
          </cell>
        </row>
        <row r="2070">
          <cell r="A2070" t="str">
            <v>23107V</v>
          </cell>
          <cell r="B2070" t="str">
            <v>ﾊﾟｲﾝｻｰﾋﾞｽ</v>
          </cell>
          <cell r="C2070" t="str">
            <v>（株）パインサービス</v>
          </cell>
          <cell r="D2070" t="str">
            <v>松原 利昭</v>
          </cell>
          <cell r="E2070" t="str">
            <v>代表取締役</v>
          </cell>
          <cell r="F2070" t="str">
            <v>062-0054</v>
          </cell>
          <cell r="G2070" t="str">
            <v>豊平区月寒東４－９－５－１１</v>
          </cell>
          <cell r="H2070" t="str">
            <v>853-8016</v>
          </cell>
          <cell r="I2070" t="str">
            <v>855-7468</v>
          </cell>
        </row>
        <row r="2071">
          <cell r="A2071" t="str">
            <v>23109P</v>
          </cell>
          <cell r="B2071" t="str">
            <v>ﾊﾟﾙ</v>
          </cell>
          <cell r="C2071" t="str">
            <v>（株）パル</v>
          </cell>
          <cell r="D2071" t="str">
            <v>斎田 義孝</v>
          </cell>
          <cell r="E2071" t="str">
            <v>代表取締役</v>
          </cell>
          <cell r="F2071" t="str">
            <v>060-0013</v>
          </cell>
          <cell r="G2071" t="str">
            <v>中央区北１３西１７－１－３６</v>
          </cell>
          <cell r="H2071" t="str">
            <v>746-2822</v>
          </cell>
          <cell r="I2071" t="str">
            <v>746-2822</v>
          </cell>
        </row>
        <row r="2072">
          <cell r="A2072" t="str">
            <v>23112V</v>
          </cell>
          <cell r="B2072" t="str">
            <v>ﾊﾅﾄﾖ</v>
          </cell>
          <cell r="C2072" t="str">
            <v>（株）花豊</v>
          </cell>
          <cell r="D2072" t="str">
            <v>瀬川 昭治</v>
          </cell>
          <cell r="E2072" t="str">
            <v>代表取締役</v>
          </cell>
          <cell r="F2072" t="str">
            <v>001-0015</v>
          </cell>
          <cell r="G2072" t="str">
            <v>北区北１５西４－２１</v>
          </cell>
          <cell r="H2072" t="str">
            <v>726-5536</v>
          </cell>
          <cell r="I2072" t="str">
            <v>726-3479</v>
          </cell>
        </row>
        <row r="2073">
          <cell r="A2073" t="str">
            <v>23114P</v>
          </cell>
          <cell r="B2073" t="str">
            <v>ﾊｰﾄｳｪﾙ</v>
          </cell>
          <cell r="C2073" t="str">
            <v>（株）ハートウェル札幌店</v>
          </cell>
          <cell r="D2073" t="str">
            <v>吉井 健二</v>
          </cell>
          <cell r="E2073" t="str">
            <v>店長</v>
          </cell>
          <cell r="F2073" t="str">
            <v>006-0832</v>
          </cell>
          <cell r="G2073" t="str">
            <v>手稲区曙２－４－３－６２</v>
          </cell>
          <cell r="H2073" t="str">
            <v>699-8681</v>
          </cell>
          <cell r="I2073" t="str">
            <v>699-8682</v>
          </cell>
        </row>
        <row r="2074">
          <cell r="A2074" t="str">
            <v>23115Y</v>
          </cell>
          <cell r="B2074" t="str">
            <v>ﾊﾟｰｿﾅﾙｺﾐｭﾆｹｰｼｮﾝｾﾝﾀｰ</v>
          </cell>
          <cell r="C2074" t="str">
            <v>（有）ﾊﾟｰｿﾅﾙｺﾐｭﾆｹｰｼｮﾝｾﾝﾀｰ</v>
          </cell>
          <cell r="D2074" t="str">
            <v>棟方 悦子</v>
          </cell>
          <cell r="E2074" t="str">
            <v>代表取締役社長</v>
          </cell>
          <cell r="F2074" t="str">
            <v>060-0051</v>
          </cell>
          <cell r="G2074" t="str">
            <v>中央区南１東３－９－２</v>
          </cell>
          <cell r="H2074" t="str">
            <v>221-2639</v>
          </cell>
          <cell r="I2074" t="str">
            <v>221-2939</v>
          </cell>
        </row>
        <row r="2075">
          <cell r="A2075" t="str">
            <v>23116W</v>
          </cell>
          <cell r="B2075" t="str">
            <v>ﾊﾟﾜｰﾊｳｽｴｰｼﾞｪﾝｼｰ</v>
          </cell>
          <cell r="C2075" t="str">
            <v>（株）パワーハウスエージェンシー</v>
          </cell>
          <cell r="D2075" t="str">
            <v>大塚 信一</v>
          </cell>
          <cell r="E2075" t="str">
            <v>代表取締役</v>
          </cell>
          <cell r="F2075" t="str">
            <v>064-0811</v>
          </cell>
          <cell r="G2075" t="str">
            <v>中央区南１１西１７－２－３４ﾊﾟﾜｰﾊｳｽﾋﾞﾙ３F</v>
          </cell>
          <cell r="H2075" t="str">
            <v>563-1400</v>
          </cell>
          <cell r="I2075" t="str">
            <v>563-9693</v>
          </cell>
        </row>
        <row r="2076">
          <cell r="A2076" t="str">
            <v>23117T</v>
          </cell>
          <cell r="B2076" t="str">
            <v>ﾊﾞﾛｯｸ</v>
          </cell>
          <cell r="C2076" t="str">
            <v>（株）バロック</v>
          </cell>
          <cell r="D2076" t="str">
            <v>草島 秀雄</v>
          </cell>
          <cell r="E2076" t="str">
            <v>代表取締役</v>
          </cell>
          <cell r="F2076" t="str">
            <v>001-0924</v>
          </cell>
          <cell r="G2076" t="str">
            <v>北区新川４－１３－７－２６</v>
          </cell>
          <cell r="H2076" t="str">
            <v>761-5237</v>
          </cell>
          <cell r="I2076" t="str">
            <v>761-5279</v>
          </cell>
        </row>
        <row r="2077">
          <cell r="A2077" t="str">
            <v>23118R</v>
          </cell>
          <cell r="B2077" t="str">
            <v>ﾊﾟｿﾅ</v>
          </cell>
          <cell r="C2077" t="str">
            <v>（株）パソナ札幌支店</v>
          </cell>
          <cell r="D2077" t="str">
            <v>松澤 雅巳</v>
          </cell>
          <cell r="E2077" t="str">
            <v>支店長</v>
          </cell>
          <cell r="F2077" t="str">
            <v>060-0005</v>
          </cell>
          <cell r="G2077" t="str">
            <v>中央区北５西２－５ ＪＲﾀﾜｰｵﾌｨｽﾌﾟﾗｻﾞさっぽろ</v>
          </cell>
          <cell r="H2077" t="str">
            <v>241-2171</v>
          </cell>
          <cell r="I2077" t="str">
            <v>251-1459</v>
          </cell>
        </row>
        <row r="2078">
          <cell r="A2078" t="str">
            <v>23120Y</v>
          </cell>
          <cell r="B2078" t="str">
            <v>ﾊﾁﾏﾙｶﾄｳ</v>
          </cell>
          <cell r="C2078" t="str">
            <v>八丸加藤（株）</v>
          </cell>
          <cell r="D2078" t="str">
            <v>加藤 孝行</v>
          </cell>
          <cell r="E2078" t="str">
            <v>代表取締役</v>
          </cell>
          <cell r="F2078" t="str">
            <v>047-0031</v>
          </cell>
          <cell r="G2078" t="str">
            <v>小樽市色内２－７－５</v>
          </cell>
          <cell r="H2078" t="str">
            <v>0134-25-2244</v>
          </cell>
          <cell r="I2078" t="str">
            <v>0134-32-7269</v>
          </cell>
        </row>
        <row r="2079">
          <cell r="A2079" t="str">
            <v>23122T</v>
          </cell>
          <cell r="B2079" t="str">
            <v>ﾊﾞﾘｱﾝ ｴﾑｲｰﾒﾃﾞｨｶﾙｼｽﾃﾑｽﾞ</v>
          </cell>
          <cell r="C2079" t="str">
            <v>（株）Ｖａｒｉａｎ ＭＥﾒﾃﾞｨｶﾙｼｽﾃﾑｽﾞ</v>
          </cell>
          <cell r="D2079" t="str">
            <v>山本 泰平</v>
          </cell>
          <cell r="E2079" t="str">
            <v>代表取締役</v>
          </cell>
          <cell r="F2079" t="str">
            <v>103-0006</v>
          </cell>
          <cell r="G2079" t="str">
            <v>東京都中央区日本橋富沢町１０－１６</v>
          </cell>
          <cell r="H2079" t="str">
            <v>03-3639-9700</v>
          </cell>
          <cell r="I2079" t="str">
            <v>03-3639-9623</v>
          </cell>
        </row>
        <row r="2080">
          <cell r="A2080" t="str">
            <v>23123R</v>
          </cell>
          <cell r="B2080" t="str">
            <v>ﾊﾙ･ｺｰﾎﾟﾚｰｼｮﾝ</v>
          </cell>
          <cell r="C2080" t="str">
            <v>（株）ハル・コーポレーション</v>
          </cell>
          <cell r="D2080" t="str">
            <v>山崎 敬子</v>
          </cell>
          <cell r="E2080" t="str">
            <v>代表取締役</v>
          </cell>
          <cell r="F2080" t="str">
            <v>064-0811</v>
          </cell>
          <cell r="G2080" t="str">
            <v>中央区南１１西９－３－１１－５０１</v>
          </cell>
          <cell r="H2080" t="str">
            <v>562-9128</v>
          </cell>
          <cell r="I2080" t="str">
            <v>521-9507</v>
          </cell>
        </row>
        <row r="2081">
          <cell r="A2081" t="str">
            <v>23125X</v>
          </cell>
          <cell r="B2081" t="str">
            <v>ﾊﾞｲｵｻｲﾊﾞｰ</v>
          </cell>
          <cell r="C2081" t="str">
            <v>（株）バイオサイバー札幌営業所</v>
          </cell>
          <cell r="D2081" t="str">
            <v>水野 勝平</v>
          </cell>
          <cell r="E2081" t="str">
            <v>所長</v>
          </cell>
          <cell r="F2081" t="str">
            <v>060-0807</v>
          </cell>
          <cell r="G2081" t="str">
            <v>北区北７西２－１５ 常光ビル</v>
          </cell>
          <cell r="H2081" t="str">
            <v>736-1318</v>
          </cell>
          <cell r="I2081" t="str">
            <v>716-9951</v>
          </cell>
        </row>
        <row r="2082">
          <cell r="A2082" t="str">
            <v>23126V</v>
          </cell>
          <cell r="B2082" t="str">
            <v>ﾊﾟﾅｿﾆｯｸｴｽｴｽﾏｰｹﾃｨﾝｸﾞ</v>
          </cell>
          <cell r="C2082" t="str">
            <v>パナソニックＳＳマーケティング（株）北海道社</v>
          </cell>
          <cell r="D2082" t="str">
            <v>宍戸 真一</v>
          </cell>
          <cell r="E2082" t="str">
            <v>社長</v>
          </cell>
          <cell r="F2082" t="str">
            <v>003-0029</v>
          </cell>
          <cell r="G2082" t="str">
            <v>白石区平和通１４－北１－２３</v>
          </cell>
          <cell r="H2082" t="str">
            <v>863-2111</v>
          </cell>
          <cell r="I2082" t="str">
            <v>864-6394</v>
          </cell>
        </row>
        <row r="2083">
          <cell r="A2083" t="str">
            <v>23128P</v>
          </cell>
          <cell r="B2083" t="str">
            <v>ﾊﾟｿﾅｷｬﾘｱｱｾｯﾄ</v>
          </cell>
          <cell r="C2083" t="str">
            <v>（株）パソナキャリアアセット</v>
          </cell>
          <cell r="D2083" t="str">
            <v>渡辺 尚</v>
          </cell>
          <cell r="E2083" t="str">
            <v>代表取締役</v>
          </cell>
          <cell r="F2083" t="str">
            <v>100-8228</v>
          </cell>
          <cell r="G2083" t="str">
            <v>東京都千代田区一ツ橋１－１－１</v>
          </cell>
          <cell r="H2083" t="str">
            <v>03-6225-5100</v>
          </cell>
          <cell r="I2083" t="str">
            <v>03-6225-5101</v>
          </cell>
        </row>
        <row r="2084">
          <cell r="A2084" t="str">
            <v>23129Z</v>
          </cell>
          <cell r="B2084" t="str">
            <v>ﾊﾟﾌﾞﾘｯｸﾘﾚｰｼｮﾝｽﾞ</v>
          </cell>
          <cell r="C2084" t="str">
            <v>（株）パブリックリレーションズ</v>
          </cell>
          <cell r="D2084" t="str">
            <v>泉 和彦</v>
          </cell>
          <cell r="E2084" t="str">
            <v>代表取締役</v>
          </cell>
          <cell r="F2084" t="str">
            <v>064-0805</v>
          </cell>
          <cell r="G2084" t="str">
            <v>中央区南５西１８－３－１７カネスビル１階</v>
          </cell>
          <cell r="H2084" t="str">
            <v>520-1800</v>
          </cell>
          <cell r="I2084" t="str">
            <v>520-1802</v>
          </cell>
        </row>
        <row r="2085">
          <cell r="A2085" t="str">
            <v>23130X</v>
          </cell>
          <cell r="B2085" t="str">
            <v>ﾊﾟｲﾌﾟﾗｲﾝ</v>
          </cell>
          <cell r="C2085" t="str">
            <v>（株）パイプライン</v>
          </cell>
          <cell r="D2085" t="str">
            <v>辻 真千子</v>
          </cell>
          <cell r="E2085" t="str">
            <v>代表取締役</v>
          </cell>
          <cell r="F2085" t="str">
            <v>004-0862</v>
          </cell>
          <cell r="G2085" t="str">
            <v>清田区北野２－２－２３－２１</v>
          </cell>
          <cell r="H2085" t="str">
            <v>885-8551</v>
          </cell>
          <cell r="I2085" t="str">
            <v>885-8551</v>
          </cell>
        </row>
        <row r="2086">
          <cell r="A2086" t="str">
            <v>23131V</v>
          </cell>
          <cell r="B2086" t="str">
            <v>ﾊﾟﾅｿﾆｯｸｼｰｼｰｿﾘｭｰｼｮﾝｽﾞ</v>
          </cell>
          <cell r="C2086" t="str">
            <v>パナソニックＣＣソリューションズ（株）東日本支社 北海道支店</v>
          </cell>
          <cell r="D2086" t="str">
            <v>吉村 利浩</v>
          </cell>
          <cell r="E2086" t="str">
            <v>支店長</v>
          </cell>
          <cell r="F2086" t="str">
            <v>060-0031</v>
          </cell>
          <cell r="G2086" t="str">
            <v>中央区北１東８－１－４</v>
          </cell>
          <cell r="H2086" t="str">
            <v>221-8751</v>
          </cell>
          <cell r="I2086" t="str">
            <v>241-4822</v>
          </cell>
        </row>
        <row r="2087">
          <cell r="A2087" t="str">
            <v>23505N</v>
          </cell>
          <cell r="B2087" t="str">
            <v>ﾋﾉﾏﾙｻﾝｷﾞｮｳｼｬ</v>
          </cell>
          <cell r="C2087" t="str">
            <v>（株）日の丸産業社</v>
          </cell>
          <cell r="D2087" t="str">
            <v>飯田 進作</v>
          </cell>
          <cell r="E2087" t="str">
            <v>代表取締役</v>
          </cell>
          <cell r="F2087" t="str">
            <v>003-0030</v>
          </cell>
          <cell r="G2087" t="str">
            <v>白石区流通センター１－２－２２</v>
          </cell>
          <cell r="H2087" t="str">
            <v>862-7471</v>
          </cell>
          <cell r="I2087" t="str">
            <v>863-4480</v>
          </cell>
        </row>
        <row r="2088">
          <cell r="A2088" t="str">
            <v>23507W</v>
          </cell>
          <cell r="B2088" t="str">
            <v>ﾋﾀﾁｾｲｻｸｼｮ</v>
          </cell>
          <cell r="C2088" t="str">
            <v>（株）日立製作所北海道支社</v>
          </cell>
          <cell r="D2088" t="str">
            <v>加藤 渥</v>
          </cell>
          <cell r="E2088" t="str">
            <v>支社長</v>
          </cell>
          <cell r="F2088" t="str">
            <v>060-0002</v>
          </cell>
          <cell r="G2088" t="str">
            <v>中央区北２西４－１ 三井ビル</v>
          </cell>
          <cell r="H2088" t="str">
            <v>221-0346</v>
          </cell>
          <cell r="I2088" t="str">
            <v>221-6939</v>
          </cell>
        </row>
        <row r="2089">
          <cell r="A2089" t="str">
            <v>23508T</v>
          </cell>
          <cell r="B2089" t="str">
            <v>ﾋﾞｺｳﾄﾞｳｻｯﾎﾟﾛ</v>
          </cell>
          <cell r="C2089" t="str">
            <v>（株）美光堂札幌</v>
          </cell>
          <cell r="D2089" t="str">
            <v>服部 匡伸</v>
          </cell>
          <cell r="E2089" t="str">
            <v>代表取締役</v>
          </cell>
          <cell r="F2089" t="str">
            <v>064-0808</v>
          </cell>
          <cell r="G2089" t="str">
            <v>中央区南８西１０－１２７７</v>
          </cell>
          <cell r="H2089" t="str">
            <v>511-8667</v>
          </cell>
          <cell r="I2089" t="str">
            <v>511-8667</v>
          </cell>
        </row>
        <row r="2090">
          <cell r="A2090" t="str">
            <v>23509R</v>
          </cell>
          <cell r="B2090" t="str">
            <v>ﾋｶﾞｼﾆﾎﾝｼﾞｺｳ</v>
          </cell>
          <cell r="C2090" t="str">
            <v>東日本自工（株）</v>
          </cell>
          <cell r="D2090" t="str">
            <v>川井 隆美</v>
          </cell>
          <cell r="E2090" t="str">
            <v>代表取締役</v>
          </cell>
          <cell r="F2090" t="str">
            <v>063-0836</v>
          </cell>
          <cell r="G2090" t="str">
            <v>西区発寒１６－１２－１－２３</v>
          </cell>
          <cell r="H2090" t="str">
            <v>661-2506</v>
          </cell>
          <cell r="I2090" t="str">
            <v>661-0860</v>
          </cell>
        </row>
        <row r="2091">
          <cell r="A2091" t="str">
            <v>23511Y</v>
          </cell>
          <cell r="B2091" t="str">
            <v>ﾋﾀﾁﾒﾃﾞｨｺ</v>
          </cell>
          <cell r="C2091" t="str">
            <v>（株）日立メディコ北海道支店</v>
          </cell>
          <cell r="D2091" t="str">
            <v>亀井 利彦</v>
          </cell>
          <cell r="E2091" t="str">
            <v>支店長</v>
          </cell>
          <cell r="F2091" t="str">
            <v>060-0034</v>
          </cell>
          <cell r="G2091" t="str">
            <v>中央区北４東１－２－３</v>
          </cell>
          <cell r="H2091" t="str">
            <v>261-5651</v>
          </cell>
          <cell r="I2091" t="str">
            <v>222-0085</v>
          </cell>
        </row>
        <row r="2092">
          <cell r="A2092" t="str">
            <v>23513T</v>
          </cell>
          <cell r="B2092" t="str">
            <v>ﾋﾞｼﾞﾈｽｼﾞﾑｷ</v>
          </cell>
          <cell r="C2092" t="str">
            <v>ビジネスジムキ（株）</v>
          </cell>
          <cell r="D2092" t="str">
            <v>生田 英俊</v>
          </cell>
          <cell r="E2092" t="str">
            <v>代表取締役</v>
          </cell>
          <cell r="F2092" t="str">
            <v>003-0027</v>
          </cell>
          <cell r="G2092" t="str">
            <v>白石区本通４北１－１北洋白石ビル４階</v>
          </cell>
          <cell r="H2092" t="str">
            <v>864-2288</v>
          </cell>
          <cell r="I2092" t="str">
            <v>864-2694</v>
          </cell>
        </row>
        <row r="2093">
          <cell r="A2093" t="str">
            <v>23514R</v>
          </cell>
          <cell r="B2093" t="str">
            <v>ﾋﾞｸﾀｰｱｰｸｽ</v>
          </cell>
          <cell r="C2093" t="str">
            <v>ビクターアークス（株）北海道営業所</v>
          </cell>
          <cell r="D2093" t="str">
            <v>熊谷 啓仁</v>
          </cell>
          <cell r="E2093" t="str">
            <v>所長</v>
          </cell>
          <cell r="F2093" t="str">
            <v>060-0003</v>
          </cell>
          <cell r="G2093" t="str">
            <v>中央区北３西３－１－６ 札幌小暮ビル</v>
          </cell>
          <cell r="H2093" t="str">
            <v>222-2811</v>
          </cell>
          <cell r="I2093" t="str">
            <v>221-1765</v>
          </cell>
        </row>
        <row r="2094">
          <cell r="A2094" t="str">
            <v>23516X</v>
          </cell>
          <cell r="B2094" t="str">
            <v>ﾋｸﾞﾁ</v>
          </cell>
          <cell r="C2094" t="str">
            <v>（株）樋口</v>
          </cell>
          <cell r="D2094" t="str">
            <v>樋口 晃</v>
          </cell>
          <cell r="E2094" t="str">
            <v>代表取締役</v>
          </cell>
          <cell r="F2094" t="str">
            <v>003-0803</v>
          </cell>
          <cell r="G2094" t="str">
            <v>白石区菊水３－４－２－７</v>
          </cell>
          <cell r="H2094" t="str">
            <v>811-2150</v>
          </cell>
          <cell r="I2094" t="str">
            <v>822-8088</v>
          </cell>
        </row>
        <row r="2095">
          <cell r="A2095" t="str">
            <v>23519P</v>
          </cell>
          <cell r="B2095" t="str">
            <v>ﾋﾀﾁｺｸｻｲﾃﾞﾝｷ</v>
          </cell>
          <cell r="C2095" t="str">
            <v>（株）日立国際電気北海道支社</v>
          </cell>
          <cell r="D2095" t="str">
            <v>長屋 芳明</v>
          </cell>
          <cell r="E2095" t="str">
            <v>支社長</v>
          </cell>
          <cell r="F2095" t="str">
            <v>060-0002</v>
          </cell>
          <cell r="G2095" t="str">
            <v>中央区北２西１マルイト札幌ビル</v>
          </cell>
          <cell r="H2095" t="str">
            <v>233-6111</v>
          </cell>
          <cell r="I2095" t="str">
            <v>222-0857</v>
          </cell>
        </row>
        <row r="2096">
          <cell r="A2096" t="str">
            <v>23521X</v>
          </cell>
          <cell r="B2096" t="str">
            <v>ﾋｳﾗ</v>
          </cell>
          <cell r="C2096" t="str">
            <v>（株）日浦</v>
          </cell>
          <cell r="D2096" t="str">
            <v>日浦 明典</v>
          </cell>
          <cell r="E2096" t="str">
            <v>代表取締役</v>
          </cell>
          <cell r="F2096" t="str">
            <v>003-0026</v>
          </cell>
          <cell r="G2096" t="str">
            <v>白石区本通７南７－２５</v>
          </cell>
          <cell r="H2096" t="str">
            <v>864-0177</v>
          </cell>
          <cell r="I2096" t="str">
            <v>864-0189</v>
          </cell>
        </row>
        <row r="2097">
          <cell r="A2097" t="str">
            <v>23522V</v>
          </cell>
          <cell r="B2097" t="str">
            <v>ﾋﾟｰｱｰﾙｾﾝﾀｰ</v>
          </cell>
          <cell r="C2097" t="str">
            <v>（株）ピーアールセンター</v>
          </cell>
          <cell r="D2097" t="str">
            <v>田丸 正則</v>
          </cell>
          <cell r="E2097" t="str">
            <v>代表取締役</v>
          </cell>
          <cell r="F2097" t="str">
            <v>060-0001</v>
          </cell>
          <cell r="G2097" t="str">
            <v>中央区北１西８－２－８</v>
          </cell>
          <cell r="H2097" t="str">
            <v>222-5555</v>
          </cell>
          <cell r="I2097" t="str">
            <v>261-6428</v>
          </cell>
        </row>
        <row r="2098">
          <cell r="A2098" t="str">
            <v>23523S</v>
          </cell>
          <cell r="B2098" t="str">
            <v>ﾋﾀﾁｷｬﾋﾟﾀﾙ</v>
          </cell>
          <cell r="C2098" t="str">
            <v>日立キャピタル（株）北海道営業本部</v>
          </cell>
          <cell r="D2098" t="str">
            <v>居川 和正</v>
          </cell>
          <cell r="E2098" t="str">
            <v>本部長</v>
          </cell>
          <cell r="F2098" t="str">
            <v>060-0042</v>
          </cell>
          <cell r="G2098" t="str">
            <v>中央区大通西３－１１ 北洋ビル１０</v>
          </cell>
          <cell r="H2098" t="str">
            <v>251-9195</v>
          </cell>
          <cell r="I2098" t="str">
            <v>210-4570</v>
          </cell>
        </row>
        <row r="2099">
          <cell r="A2099" t="str">
            <v>23524P</v>
          </cell>
          <cell r="B2099" t="str">
            <v>ﾋﾞｰ･ｴﾑ･ｴﾙ</v>
          </cell>
          <cell r="C2099" t="str">
            <v>（株）ビー・エム・エル札幌営業所</v>
          </cell>
          <cell r="D2099" t="str">
            <v>今川 久</v>
          </cell>
          <cell r="E2099" t="str">
            <v>所長</v>
          </cell>
          <cell r="F2099" t="str">
            <v>004-0015</v>
          </cell>
          <cell r="G2099" t="str">
            <v>厚別区下野幌テクノパーク２－６－１２</v>
          </cell>
          <cell r="H2099" t="str">
            <v>807-6575</v>
          </cell>
          <cell r="I2099" t="str">
            <v>807-6583</v>
          </cell>
        </row>
        <row r="2100">
          <cell r="A2100" t="str">
            <v>23528R</v>
          </cell>
          <cell r="B2100" t="str">
            <v>ﾋﾛｼﾏﾀｶﾔﾌﾞｯｼｮｳ</v>
          </cell>
          <cell r="C2100" t="str">
            <v>広島タカヤ物商（株）</v>
          </cell>
          <cell r="D2100" t="str">
            <v>新飯田 渉</v>
          </cell>
          <cell r="E2100" t="str">
            <v>代表取締役</v>
          </cell>
          <cell r="F2100" t="str">
            <v>007-0845</v>
          </cell>
          <cell r="G2100" t="str">
            <v>東区北４５東１７－４－２２</v>
          </cell>
          <cell r="H2100" t="str">
            <v>783-1188</v>
          </cell>
          <cell r="I2100" t="str">
            <v>783-8787</v>
          </cell>
        </row>
        <row r="2101">
          <cell r="A2101" t="str">
            <v>23529N</v>
          </cell>
          <cell r="B2101" t="str">
            <v>ﾋﾞﾃﾞｵﾘｻｰﾁ</v>
          </cell>
          <cell r="C2101" t="str">
            <v>（株）ビデオリサーチ北海道支社</v>
          </cell>
          <cell r="D2101" t="str">
            <v>清水 由則</v>
          </cell>
          <cell r="E2101" t="str">
            <v>支社長</v>
          </cell>
          <cell r="F2101" t="str">
            <v>060-0051</v>
          </cell>
          <cell r="G2101" t="str">
            <v>中央区南１東１－３ パークイースト札幌４Ｆ</v>
          </cell>
          <cell r="H2101" t="str">
            <v>241-1909</v>
          </cell>
          <cell r="I2101" t="str">
            <v>271-6266</v>
          </cell>
        </row>
        <row r="2102">
          <cell r="A2102" t="str">
            <v>23531W</v>
          </cell>
          <cell r="B2102" t="str">
            <v>ﾋｶﾘｺﾞｳｷﾝｾｲｻｸｼｮ</v>
          </cell>
          <cell r="C2102" t="str">
            <v>（株）光合金製作所札幌営業所</v>
          </cell>
          <cell r="D2102" t="str">
            <v>正田 孝夫</v>
          </cell>
          <cell r="E2102" t="str">
            <v>所長</v>
          </cell>
          <cell r="F2102" t="str">
            <v>006-0833</v>
          </cell>
          <cell r="G2102" t="str">
            <v>手稲区曙３－３－６－８</v>
          </cell>
          <cell r="H2102" t="str">
            <v>683-3433</v>
          </cell>
          <cell r="I2102" t="str">
            <v>684-0420</v>
          </cell>
        </row>
        <row r="2103">
          <cell r="A2103" t="str">
            <v>23534N</v>
          </cell>
          <cell r="B2103" t="str">
            <v>ｴｽﾋﾟｰｺｳｹﾝ</v>
          </cell>
          <cell r="C2103" t="str">
            <v>（株）エスピー工研</v>
          </cell>
          <cell r="D2103" t="str">
            <v>三箇 將夫</v>
          </cell>
          <cell r="E2103" t="str">
            <v>代表取締役</v>
          </cell>
          <cell r="F2103" t="str">
            <v>063-0837</v>
          </cell>
          <cell r="G2103" t="str">
            <v>西区発寒１７－１４－１－３８</v>
          </cell>
          <cell r="H2103" t="str">
            <v>662-4131</v>
          </cell>
          <cell r="I2103" t="str">
            <v>665-4447</v>
          </cell>
        </row>
        <row r="2104">
          <cell r="A2104" t="str">
            <v>23537S</v>
          </cell>
          <cell r="B2104" t="str">
            <v>ﾋｮｳｼﾞﾄｳ</v>
          </cell>
          <cell r="C2104" t="str">
            <v>表示灯（株）札幌支社</v>
          </cell>
          <cell r="D2104" t="str">
            <v>板垣 憲武</v>
          </cell>
          <cell r="E2104" t="str">
            <v>専務取締役支社長</v>
          </cell>
          <cell r="F2104" t="str">
            <v>060-0042</v>
          </cell>
          <cell r="G2104" t="str">
            <v>中央区大通西４－１新大通ビル１０Ｆ</v>
          </cell>
          <cell r="H2104" t="str">
            <v>222-2611</v>
          </cell>
          <cell r="I2104" t="str">
            <v>271-4770</v>
          </cell>
        </row>
        <row r="2105">
          <cell r="A2105" t="str">
            <v>23541V</v>
          </cell>
          <cell r="B2105" t="str">
            <v>ﾋｶﾞｼｻｯﾎﾟﾛﾆｯﾂｳﾕｿｳ</v>
          </cell>
          <cell r="C2105" t="str">
            <v>東札幌日通輸送（株）</v>
          </cell>
          <cell r="D2105" t="str">
            <v>阿部 哲郎</v>
          </cell>
          <cell r="E2105" t="str">
            <v>代表取締役</v>
          </cell>
          <cell r="F2105" t="str">
            <v>003-0808</v>
          </cell>
          <cell r="G2105" t="str">
            <v>白石区菊水８－４－５</v>
          </cell>
          <cell r="H2105" t="str">
            <v>811-5713</v>
          </cell>
          <cell r="I2105" t="str">
            <v>832-0707</v>
          </cell>
        </row>
        <row r="2106">
          <cell r="A2106" t="str">
            <v>23542S</v>
          </cell>
          <cell r="B2106" t="str">
            <v>ﾋﾗﾉ</v>
          </cell>
          <cell r="C2106" t="str">
            <v>（株）ひらの</v>
          </cell>
          <cell r="D2106" t="str">
            <v>平野 弘昭</v>
          </cell>
          <cell r="E2106" t="str">
            <v>代表取締役</v>
          </cell>
          <cell r="F2106" t="str">
            <v>065-0017</v>
          </cell>
          <cell r="G2106" t="str">
            <v>東区北１７東５－１－３</v>
          </cell>
          <cell r="H2106" t="str">
            <v>711-9449</v>
          </cell>
          <cell r="I2106" t="str">
            <v>751-5834</v>
          </cell>
        </row>
        <row r="2107">
          <cell r="A2107" t="str">
            <v>23543P</v>
          </cell>
          <cell r="B2107" t="str">
            <v>ﾋﾀﾁｴﾝｼﾞﾆｱﾘﾝｸﾞｻｰﾋﾞｽ</v>
          </cell>
          <cell r="C2107" t="str">
            <v>（株）日立エンジニアリングサービス北海道支店</v>
          </cell>
          <cell r="D2107" t="str">
            <v>斉藤 範義</v>
          </cell>
          <cell r="E2107" t="str">
            <v>支店長</v>
          </cell>
          <cell r="F2107" t="str">
            <v>060-0002</v>
          </cell>
          <cell r="G2107" t="str">
            <v>中央区北２西４－１ 札幌三井ビル本館９Ｆ</v>
          </cell>
          <cell r="H2107" t="str">
            <v>251-0513</v>
          </cell>
          <cell r="I2107" t="str">
            <v>241-6315</v>
          </cell>
        </row>
        <row r="2108">
          <cell r="A2108" t="str">
            <v>23544Z</v>
          </cell>
          <cell r="B2108" t="str">
            <v>ﾋﾛｾｼｮｳｶｲ</v>
          </cell>
          <cell r="C2108" t="str">
            <v>（株）廣瀬商会札幌営業所</v>
          </cell>
          <cell r="D2108" t="str">
            <v>杉山 雄三</v>
          </cell>
          <cell r="E2108" t="str">
            <v>所長</v>
          </cell>
          <cell r="F2108" t="str">
            <v>060-0002</v>
          </cell>
          <cell r="G2108" t="str">
            <v>中央区北２西２－８ 弘済ビル５</v>
          </cell>
          <cell r="H2108" t="str">
            <v>221-7663</v>
          </cell>
          <cell r="I2108" t="str">
            <v>222-2028</v>
          </cell>
        </row>
        <row r="2109">
          <cell r="A2109" t="str">
            <v>23545W</v>
          </cell>
          <cell r="B2109" t="str">
            <v>ﾋﾀﾁｹﾝｷ</v>
          </cell>
          <cell r="C2109" t="str">
            <v>日立建機（株）東日本事業部</v>
          </cell>
          <cell r="D2109" t="str">
            <v>山田 光二</v>
          </cell>
          <cell r="E2109" t="str">
            <v>事業部長</v>
          </cell>
          <cell r="F2109" t="str">
            <v>340-0004</v>
          </cell>
          <cell r="G2109" t="str">
            <v>区埼玉県草加市弁天５－３３－２５</v>
          </cell>
          <cell r="H2109" t="str">
            <v>048-935-2111</v>
          </cell>
          <cell r="I2109" t="str">
            <v>048-931-5360</v>
          </cell>
        </row>
        <row r="2110">
          <cell r="A2110" t="str">
            <v>23547R</v>
          </cell>
          <cell r="B2110" t="str">
            <v>ﾋﾞｯｸﾞｺﾝﾋﾟｭｰﾀｻｰﾋﾞｽ</v>
          </cell>
          <cell r="C2110" t="str">
            <v>（株）ビッグコンピュータサービス</v>
          </cell>
          <cell r="D2110" t="str">
            <v>川口 裕</v>
          </cell>
          <cell r="E2110" t="str">
            <v>代表取締役</v>
          </cell>
          <cell r="F2110" t="str">
            <v>060-0062</v>
          </cell>
          <cell r="G2110" t="str">
            <v>中央区南２西１－１宮本ビル４Ｆ</v>
          </cell>
          <cell r="H2110" t="str">
            <v>222-0941</v>
          </cell>
          <cell r="I2110" t="str">
            <v>222-0942</v>
          </cell>
        </row>
        <row r="2111">
          <cell r="A2111" t="str">
            <v>23549Y</v>
          </cell>
          <cell r="B2111" t="str">
            <v>ﾋﾀﾁｺｸｻｲﾃﾞﾝｷｻｰﾋﾞｽ</v>
          </cell>
          <cell r="C2111" t="str">
            <v>（株）日立国際電気サービス北海道支店</v>
          </cell>
          <cell r="D2111" t="str">
            <v>長岡 正一</v>
          </cell>
          <cell r="E2111" t="str">
            <v>支店長</v>
          </cell>
          <cell r="F2111" t="str">
            <v>060-0041</v>
          </cell>
          <cell r="G2111" t="str">
            <v>中央区大通東２－３ 札幌松村ビル２号館</v>
          </cell>
          <cell r="H2111" t="str">
            <v>271-7121</v>
          </cell>
          <cell r="I2111" t="str">
            <v>222-7373</v>
          </cell>
        </row>
        <row r="2112">
          <cell r="A2112" t="str">
            <v>23552R</v>
          </cell>
          <cell r="B2112" t="str">
            <v>ﾋﾀﾁｲﾝﾀﾞｽﾄﾘｲｽﾞ</v>
          </cell>
          <cell r="C2112" t="str">
            <v>（株）日立インダストリイズ北海道支店</v>
          </cell>
          <cell r="D2112" t="str">
            <v>寺田 開</v>
          </cell>
          <cell r="E2112" t="str">
            <v>支店長</v>
          </cell>
          <cell r="F2112" t="str">
            <v>060-0001</v>
          </cell>
          <cell r="G2112" t="str">
            <v>中央区北１西３－３－３３</v>
          </cell>
          <cell r="H2112" t="str">
            <v>222-6228</v>
          </cell>
          <cell r="I2112" t="str">
            <v>222-7466</v>
          </cell>
        </row>
        <row r="2113">
          <cell r="A2113" t="str">
            <v>23553N</v>
          </cell>
          <cell r="B2113" t="str">
            <v>ﾐﾂﾋﾞｼﾃﾞﾝｷﾌﾟﾗﾝﾄｴﾝｼﾞﾆｱﾘﾝｸﾞ</v>
          </cell>
          <cell r="C2113" t="str">
            <v>三菱電機プラントエンジニアリング（株）東日本本部北海道支社</v>
          </cell>
          <cell r="D2113" t="str">
            <v>大庭 隆喜</v>
          </cell>
          <cell r="E2113" t="str">
            <v>支社長</v>
          </cell>
          <cell r="F2113" t="str">
            <v>060-0032</v>
          </cell>
          <cell r="G2113" t="str">
            <v>中央区北２東１２－９８－４２</v>
          </cell>
          <cell r="H2113" t="str">
            <v>271-1351</v>
          </cell>
          <cell r="I2113" t="str">
            <v>251-5250</v>
          </cell>
        </row>
        <row r="2114">
          <cell r="A2114" t="str">
            <v>23555V</v>
          </cell>
          <cell r="B2114" t="str">
            <v>ﾋﾀﾁｸｳﾁｮｳｼｽﾃﾑ</v>
          </cell>
          <cell r="C2114" t="str">
            <v>（株）日立空調システム北海道支店</v>
          </cell>
          <cell r="D2114" t="str">
            <v>稲垣 邦博</v>
          </cell>
          <cell r="E2114" t="str">
            <v>支店長</v>
          </cell>
          <cell r="F2114" t="str">
            <v>060-0809</v>
          </cell>
          <cell r="G2114" t="str">
            <v>北区北９西３－１０－１ 小田ビル８</v>
          </cell>
          <cell r="H2114" t="str">
            <v>717-5301</v>
          </cell>
          <cell r="I2114" t="str">
            <v>717-6700</v>
          </cell>
        </row>
        <row r="2115">
          <cell r="A2115" t="str">
            <v>23559X</v>
          </cell>
          <cell r="B2115" t="str">
            <v>ﾋﾞｸﾀｰｻｰﾋﾞｽｴﾝｼﾞﾆｱﾘﾝｸﾞ</v>
          </cell>
          <cell r="C2115" t="str">
            <v>ビクターサービスエンジニアリング（株）北海道支社</v>
          </cell>
          <cell r="D2115" t="str">
            <v>飯田 利道</v>
          </cell>
          <cell r="E2115" t="str">
            <v>支社長</v>
          </cell>
          <cell r="F2115" t="str">
            <v>004-0005</v>
          </cell>
          <cell r="G2115" t="str">
            <v>厚別区厚別東５－１－２－２９</v>
          </cell>
          <cell r="H2115" t="str">
            <v>898-1180</v>
          </cell>
          <cell r="I2115" t="str">
            <v>898-4281</v>
          </cell>
        </row>
        <row r="2116">
          <cell r="A2116" t="str">
            <v>23561S</v>
          </cell>
          <cell r="B2116" t="str">
            <v>ﾋﾂﾞﾒｷｺｳ</v>
          </cell>
          <cell r="C2116" t="str">
            <v>日詰機工（株）</v>
          </cell>
          <cell r="D2116" t="str">
            <v>日詰 恭修</v>
          </cell>
          <cell r="E2116" t="str">
            <v>代表取締役</v>
          </cell>
          <cell r="F2116" t="str">
            <v>065-0017</v>
          </cell>
          <cell r="G2116" t="str">
            <v>東区北１７東１－２－１２</v>
          </cell>
          <cell r="H2116" t="str">
            <v>721-2371</v>
          </cell>
          <cell r="I2116" t="str">
            <v>721-2374</v>
          </cell>
        </row>
        <row r="2117">
          <cell r="A2117" t="str">
            <v>23562P</v>
          </cell>
          <cell r="B2117" t="str">
            <v>ﾋｶﾞｼﾆﾎﾝｼﾞﾄﾞｳｼｬﾀｲﾔ</v>
          </cell>
          <cell r="C2117" t="str">
            <v>東日本自動車タイヤ（株）</v>
          </cell>
          <cell r="D2117" t="str">
            <v>石丸 貞雄</v>
          </cell>
          <cell r="E2117" t="str">
            <v>代表取締役</v>
          </cell>
          <cell r="F2117" t="str">
            <v>004-0831</v>
          </cell>
          <cell r="G2117" t="str">
            <v>清田区真栄１－１－１－２３</v>
          </cell>
          <cell r="H2117" t="str">
            <v>882-1670</v>
          </cell>
          <cell r="I2117" t="str">
            <v>882-5701</v>
          </cell>
        </row>
        <row r="2118">
          <cell r="A2118" t="str">
            <v>23563Z</v>
          </cell>
          <cell r="B2118" t="str">
            <v>ﾋﾗﾏｼｮｳｼﾞ</v>
          </cell>
          <cell r="C2118" t="str">
            <v>平馬商事（有）</v>
          </cell>
          <cell r="D2118" t="str">
            <v>平馬 茂</v>
          </cell>
          <cell r="E2118" t="str">
            <v>代表取締役社長</v>
          </cell>
          <cell r="F2118" t="str">
            <v>005-0842</v>
          </cell>
          <cell r="G2118" t="str">
            <v>南区石山２－４－４－７</v>
          </cell>
          <cell r="H2118" t="str">
            <v>591-8202</v>
          </cell>
          <cell r="I2118" t="str">
            <v>591-7831</v>
          </cell>
        </row>
        <row r="2119">
          <cell r="A2119" t="str">
            <v>23567N</v>
          </cell>
          <cell r="B2119" t="str">
            <v>ﾋﾀﾁｿﾌﾄｳｪｱｴﾝｼﾞﾆｱﾘﾝｸﾞ</v>
          </cell>
          <cell r="C2119" t="str">
            <v>日立ソフトウェアエンジニアリング（株）北海道支店</v>
          </cell>
          <cell r="D2119" t="str">
            <v>高橋 敏博</v>
          </cell>
          <cell r="E2119" t="str">
            <v>支店長</v>
          </cell>
          <cell r="F2119" t="str">
            <v>060-0808</v>
          </cell>
          <cell r="G2119" t="str">
            <v>北区北８西３－２８札幌エルプラザ１３階</v>
          </cell>
          <cell r="H2119" t="str">
            <v>746-4460</v>
          </cell>
          <cell r="I2119" t="str">
            <v>746-0149</v>
          </cell>
        </row>
        <row r="2120">
          <cell r="A2120" t="str">
            <v>23569W</v>
          </cell>
          <cell r="B2120" t="str">
            <v>ﾋｷﾀｲﾝｻﾂ</v>
          </cell>
          <cell r="C2120" t="str">
            <v>（有）疋田印刷</v>
          </cell>
          <cell r="D2120" t="str">
            <v>疋田 弘</v>
          </cell>
          <cell r="E2120" t="str">
            <v>代表取締役</v>
          </cell>
          <cell r="F2120" t="str">
            <v>063-0822</v>
          </cell>
          <cell r="G2120" t="str">
            <v>西区発寒２－３－３－３</v>
          </cell>
          <cell r="H2120" t="str">
            <v>661-4107</v>
          </cell>
          <cell r="I2120" t="str">
            <v>663-6302</v>
          </cell>
        </row>
        <row r="2121">
          <cell r="A2121" t="str">
            <v>23574W</v>
          </cell>
          <cell r="B2121" t="str">
            <v>ﾋｼﾆﾆｼﾔﾏﾌﾄﾝﾃﾝ</v>
          </cell>
          <cell r="C2121" t="str">
            <v>（有）菱二西山蒲団店</v>
          </cell>
          <cell r="D2121" t="str">
            <v>西山 俊行</v>
          </cell>
          <cell r="E2121" t="str">
            <v>代表取締役</v>
          </cell>
          <cell r="F2121" t="str">
            <v>065-0016</v>
          </cell>
          <cell r="G2121" t="str">
            <v>東区北１６東１－１－１２</v>
          </cell>
          <cell r="H2121" t="str">
            <v>711-6629</v>
          </cell>
          <cell r="I2121" t="str">
            <v>711-6699</v>
          </cell>
        </row>
        <row r="2122">
          <cell r="A2122" t="str">
            <v>23575S</v>
          </cell>
          <cell r="B2122" t="str">
            <v>ﾋﾗﾉﾈﾝﾘｮｳｼｮｳｼﾞ</v>
          </cell>
          <cell r="C2122" t="str">
            <v>平野燃料商事（株）</v>
          </cell>
          <cell r="D2122" t="str">
            <v>平野 すみ子</v>
          </cell>
          <cell r="E2122" t="str">
            <v>代表取締役</v>
          </cell>
          <cell r="F2122" t="str">
            <v>064-0821</v>
          </cell>
          <cell r="G2122" t="str">
            <v>中央区北１西２７－４－１</v>
          </cell>
          <cell r="H2122" t="str">
            <v>611-2391</v>
          </cell>
          <cell r="I2122" t="str">
            <v>611-2392</v>
          </cell>
        </row>
        <row r="2123">
          <cell r="A2123" t="str">
            <v>23578X</v>
          </cell>
          <cell r="B2123" t="str">
            <v>ﾋｶﾞｼﾆﾎﾝﾋﾞｼﾞﾈｽﾌｫｰﾑ</v>
          </cell>
          <cell r="C2123" t="str">
            <v>東日本ビジネスフォーム（株）</v>
          </cell>
          <cell r="D2123" t="str">
            <v>浅川 一美</v>
          </cell>
          <cell r="E2123" t="str">
            <v>代表取締役</v>
          </cell>
          <cell r="F2123" t="str">
            <v>062-0903</v>
          </cell>
          <cell r="G2123" t="str">
            <v>豊平区豊平３－１２－１－１２</v>
          </cell>
          <cell r="H2123" t="str">
            <v>841-7521</v>
          </cell>
          <cell r="I2123" t="str">
            <v>841-6947</v>
          </cell>
        </row>
        <row r="2124">
          <cell r="A2124" t="str">
            <v>23582Z</v>
          </cell>
          <cell r="B2124" t="str">
            <v>ﾋｳﾗｶﾅﾓﾉ</v>
          </cell>
          <cell r="C2124" t="str">
            <v>（株）日浦金物</v>
          </cell>
          <cell r="D2124" t="str">
            <v>日浦 務</v>
          </cell>
          <cell r="E2124" t="str">
            <v>代表取締役</v>
          </cell>
          <cell r="F2124" t="str">
            <v>068-0024</v>
          </cell>
          <cell r="G2124" t="str">
            <v>岩見沢市４西８－２</v>
          </cell>
          <cell r="H2124" t="str">
            <v>0126-22-1709</v>
          </cell>
          <cell r="I2124" t="str">
            <v>0126-22-3790</v>
          </cell>
        </row>
        <row r="2125">
          <cell r="A2125" t="str">
            <v>23586N</v>
          </cell>
          <cell r="B2125" t="str">
            <v>ﾋﾀﾁｹｲｿｸｷｻｰﾋﾞｽ</v>
          </cell>
          <cell r="C2125" t="str">
            <v>日立計測器サービス（株）北海道支店</v>
          </cell>
          <cell r="D2125" t="str">
            <v>竹口 敬生</v>
          </cell>
          <cell r="E2125" t="str">
            <v>支店長</v>
          </cell>
          <cell r="F2125" t="str">
            <v>060-0033</v>
          </cell>
          <cell r="G2125" t="str">
            <v>中央区北３東５－３３５</v>
          </cell>
          <cell r="H2125" t="str">
            <v>221-3236</v>
          </cell>
          <cell r="I2125" t="str">
            <v>251-0437</v>
          </cell>
        </row>
        <row r="2126">
          <cell r="A2126" t="str">
            <v>23588W</v>
          </cell>
          <cell r="B2126" t="str">
            <v>ﾋﾛｾ</v>
          </cell>
          <cell r="C2126" t="str">
            <v>ヒロセ（株）北海道支店</v>
          </cell>
          <cell r="D2126" t="str">
            <v>架谷 桂</v>
          </cell>
          <cell r="E2126" t="str">
            <v>支店長</v>
          </cell>
          <cell r="F2126" t="str">
            <v>060-0034</v>
          </cell>
          <cell r="G2126" t="str">
            <v>中央区北４東１－２－３ 札幌フコク生命ビル</v>
          </cell>
          <cell r="H2126" t="str">
            <v>232-0501</v>
          </cell>
          <cell r="I2126" t="str">
            <v>232-5161</v>
          </cell>
        </row>
        <row r="2127">
          <cell r="A2127" t="str">
            <v>23589T</v>
          </cell>
          <cell r="B2127" t="str">
            <v>ﾋﾛﾐｻﾝｷﾞｮｳ</v>
          </cell>
          <cell r="C2127" t="str">
            <v>（株）ヒロミ産業</v>
          </cell>
          <cell r="D2127" t="str">
            <v>大和 誠</v>
          </cell>
          <cell r="E2127" t="str">
            <v>代表取締役</v>
          </cell>
          <cell r="F2127" t="str">
            <v>063-0834</v>
          </cell>
          <cell r="G2127" t="str">
            <v>西区発寒１４－２－２－２１</v>
          </cell>
          <cell r="H2127" t="str">
            <v>666-3323</v>
          </cell>
          <cell r="I2127" t="str">
            <v>666-3930</v>
          </cell>
        </row>
        <row r="2128">
          <cell r="A2128" t="str">
            <v>23590R</v>
          </cell>
          <cell r="B2128" t="str">
            <v>ﾋｶﾞｼﾆﾎﾝｹﾐｶﾙ</v>
          </cell>
          <cell r="C2128" t="str">
            <v>（株）東日本ケミカル</v>
          </cell>
          <cell r="D2128" t="str">
            <v>髙岡 久仁雄</v>
          </cell>
          <cell r="E2128" t="str">
            <v>代表取締役</v>
          </cell>
          <cell r="F2128" t="str">
            <v>001-0901</v>
          </cell>
          <cell r="G2128" t="str">
            <v>北区新琴似１－８－１２－１４</v>
          </cell>
          <cell r="H2128" t="str">
            <v>764-2445</v>
          </cell>
          <cell r="I2128" t="str">
            <v>764-2474</v>
          </cell>
        </row>
        <row r="2129">
          <cell r="A2129" t="str">
            <v>23591N</v>
          </cell>
          <cell r="B2129" t="str">
            <v>ﾋｶﾘｺｳﾎﾞｳ</v>
          </cell>
          <cell r="C2129" t="str">
            <v>（株）ひかり工房</v>
          </cell>
          <cell r="D2129" t="str">
            <v>河野 準</v>
          </cell>
          <cell r="E2129" t="str">
            <v>代表取締役</v>
          </cell>
          <cell r="F2129" t="str">
            <v>001-0924</v>
          </cell>
          <cell r="G2129" t="str">
            <v>北区新川４－５－５－１０</v>
          </cell>
          <cell r="H2129" t="str">
            <v>765-1864</v>
          </cell>
          <cell r="I2129" t="str">
            <v>765-1865</v>
          </cell>
        </row>
        <row r="2130">
          <cell r="A2130" t="str">
            <v>23595P</v>
          </cell>
          <cell r="B2130" t="str">
            <v>ﾋﾟｰｴﾌﾕｰﾎｯｶｲﾄﾞｳ</v>
          </cell>
          <cell r="C2130" t="str">
            <v>ＰＦＵ北海道（株）</v>
          </cell>
          <cell r="D2130" t="str">
            <v>灰田 博俊</v>
          </cell>
          <cell r="E2130" t="str">
            <v>代表取締役</v>
          </cell>
          <cell r="F2130" t="str">
            <v>065-0011</v>
          </cell>
          <cell r="G2130" t="str">
            <v>東区北１１東６－２９－２６</v>
          </cell>
          <cell r="H2130" t="str">
            <v>711-6911</v>
          </cell>
          <cell r="I2130" t="str">
            <v>704-0446</v>
          </cell>
        </row>
        <row r="2131">
          <cell r="A2131" t="str">
            <v>23596Z</v>
          </cell>
          <cell r="B2131" t="str">
            <v>ﾋﾞｰ･ｲｰ･ｴｽ･ﾃｨ･ﾖｺﾔﾏ</v>
          </cell>
          <cell r="C2131" t="str">
            <v>（株）ビー・イー・エス・ティ・ヨコヤマ</v>
          </cell>
          <cell r="D2131" t="str">
            <v>藤原 冨藏</v>
          </cell>
          <cell r="E2131" t="str">
            <v>代表取締役</v>
          </cell>
          <cell r="F2131" t="str">
            <v>040-0061</v>
          </cell>
          <cell r="G2131" t="str">
            <v>函館市海岸町６－１３</v>
          </cell>
          <cell r="H2131" t="str">
            <v>0138-23-5141</v>
          </cell>
          <cell r="I2131" t="str">
            <v>0138-23-5160</v>
          </cell>
        </row>
        <row r="2132">
          <cell r="A2132" t="str">
            <v>23597X</v>
          </cell>
          <cell r="B2132" t="str">
            <v>ﾋﾞﾙﾒﾝ</v>
          </cell>
          <cell r="C2132" t="str">
            <v>（株）ビルメン札幌営業所</v>
          </cell>
          <cell r="D2132" t="str">
            <v>稲月 志朗</v>
          </cell>
          <cell r="E2132" t="str">
            <v>札幌営業所長</v>
          </cell>
          <cell r="F2132" t="str">
            <v>001-0023</v>
          </cell>
          <cell r="G2132" t="str">
            <v>北区北２３西４－２－１ﾀｰﾐﾅﾙﾊｲﾂ24 910</v>
          </cell>
          <cell r="H2132" t="str">
            <v>716-2681</v>
          </cell>
          <cell r="I2132" t="str">
            <v>716-2681</v>
          </cell>
        </row>
        <row r="2133">
          <cell r="A2133" t="str">
            <v>23606W</v>
          </cell>
          <cell r="B2133" t="str">
            <v>ﾋﾞｵﾌﾚｯｸｽ</v>
          </cell>
          <cell r="C2133" t="str">
            <v>（株）ビオフレックス</v>
          </cell>
          <cell r="D2133" t="str">
            <v>木村 廣志</v>
          </cell>
          <cell r="E2133" t="str">
            <v>代表取締役</v>
          </cell>
          <cell r="F2133" t="str">
            <v>043-0032</v>
          </cell>
          <cell r="G2133" t="str">
            <v>桧山郡江差町字新栄町２１３</v>
          </cell>
          <cell r="H2133" t="str">
            <v>01395-2-2122</v>
          </cell>
          <cell r="I2133" t="str">
            <v>01395-2-5010</v>
          </cell>
        </row>
        <row r="2134">
          <cell r="A2134" t="str">
            <v>23608R</v>
          </cell>
          <cell r="B2134" t="str">
            <v>ﾋｭｰﾈｽ</v>
          </cell>
          <cell r="C2134" t="str">
            <v>（株）ヒューネス</v>
          </cell>
          <cell r="D2134" t="str">
            <v>赤渕 明寛</v>
          </cell>
          <cell r="E2134" t="str">
            <v>代表取締役</v>
          </cell>
          <cell r="F2134" t="str">
            <v>001-0013</v>
          </cell>
          <cell r="G2134" t="str">
            <v>北区北１３西４－１－１ 塚本ビル２階</v>
          </cell>
          <cell r="H2134" t="str">
            <v>746-6665</v>
          </cell>
          <cell r="I2134" t="str">
            <v>746-3334</v>
          </cell>
        </row>
        <row r="2135">
          <cell r="A2135" t="str">
            <v>23611W</v>
          </cell>
          <cell r="B2135" t="str">
            <v>ﾋﾞｯｸﾞｴｯｸﾞｻｯﾎﾟﾛ</v>
          </cell>
          <cell r="C2135" t="str">
            <v>（株）ビッグエッグ札幌</v>
          </cell>
          <cell r="D2135" t="str">
            <v>石川 信行</v>
          </cell>
          <cell r="E2135" t="str">
            <v>代表取締役</v>
          </cell>
          <cell r="F2135" t="str">
            <v>060-0012</v>
          </cell>
          <cell r="G2135" t="str">
            <v>中央区北１２西２３－４１０</v>
          </cell>
          <cell r="H2135" t="str">
            <v>631-6909</v>
          </cell>
          <cell r="I2135" t="str">
            <v>631-8668</v>
          </cell>
        </row>
        <row r="2136">
          <cell r="A2136" t="str">
            <v>23613R</v>
          </cell>
          <cell r="B2136" t="str">
            <v>ﾋﾞｯｸｶﾒﾗ</v>
          </cell>
          <cell r="C2136" t="str">
            <v>（株）ビックカメラ</v>
          </cell>
          <cell r="D2136" t="str">
            <v>新井 隆二</v>
          </cell>
          <cell r="E2136" t="str">
            <v>代表取締役</v>
          </cell>
          <cell r="F2136" t="str">
            <v>171-0021</v>
          </cell>
          <cell r="G2136" t="str">
            <v>東京都豊島区西池袋１－２９－３</v>
          </cell>
          <cell r="H2136" t="str">
            <v>03-3987-8890</v>
          </cell>
          <cell r="I2136" t="str">
            <v>03-3987-8830</v>
          </cell>
        </row>
        <row r="2137">
          <cell r="A2137" t="str">
            <v>23617S</v>
          </cell>
          <cell r="B2137" t="str">
            <v>ﾋｯﾄｿｳｺﾞｳｹﾝｷｭｳｼｮ</v>
          </cell>
          <cell r="C2137" t="str">
            <v>（株）ヒット総合研究所</v>
          </cell>
          <cell r="D2137" t="str">
            <v>徳本 英雄</v>
          </cell>
          <cell r="E2137" t="str">
            <v>代表取締役</v>
          </cell>
          <cell r="F2137" t="str">
            <v>060-0004</v>
          </cell>
          <cell r="G2137" t="str">
            <v>中央区北４西６－１－１ 毎日札幌会館</v>
          </cell>
          <cell r="H2137" t="str">
            <v>222-3667</v>
          </cell>
          <cell r="I2137" t="str">
            <v>222-4105</v>
          </cell>
        </row>
        <row r="2138">
          <cell r="A2138" t="str">
            <v>23620X</v>
          </cell>
          <cell r="B2138" t="str">
            <v>ﾋﾏﾜﾘｲﾝｻﾂ</v>
          </cell>
          <cell r="C2138" t="str">
            <v>ひまわり印刷（株）</v>
          </cell>
          <cell r="D2138" t="str">
            <v>門別 紀一</v>
          </cell>
          <cell r="E2138" t="str">
            <v>代表取締役</v>
          </cell>
          <cell r="F2138" t="str">
            <v>053-0815</v>
          </cell>
          <cell r="G2138" t="str">
            <v>苫小牧市永福町２－１－２</v>
          </cell>
          <cell r="H2138" t="str">
            <v>0144-74-4500</v>
          </cell>
          <cell r="I2138" t="str">
            <v>0144-74-1151</v>
          </cell>
        </row>
        <row r="2139">
          <cell r="A2139" t="str">
            <v>23621V</v>
          </cell>
          <cell r="B2139" t="str">
            <v>ﾋﾀﾁｼﾞｮｳﾎｳｼｽﾃﾑｽﾞ</v>
          </cell>
          <cell r="C2139" t="str">
            <v>（株）日立情報システムズ公共情報サービス事業部</v>
          </cell>
          <cell r="D2139" t="str">
            <v>松沢 收</v>
          </cell>
          <cell r="E2139" t="str">
            <v>事業部長</v>
          </cell>
          <cell r="F2139" t="str">
            <v>213-0002</v>
          </cell>
          <cell r="G2139" t="str">
            <v>区川崎市高津区二子４－９－１</v>
          </cell>
          <cell r="H2139" t="str">
            <v>044-812-7319</v>
          </cell>
          <cell r="I2139" t="str">
            <v>044-812-8680</v>
          </cell>
        </row>
        <row r="2140">
          <cell r="A2140" t="str">
            <v>23623P</v>
          </cell>
          <cell r="B2140" t="str">
            <v>ﾋｭｰﾏﾝﾄﾗｽﾄ</v>
          </cell>
          <cell r="C2140" t="str">
            <v>（株）ヒューマントラスト札幌支社</v>
          </cell>
          <cell r="D2140" t="str">
            <v>宮内 敏行</v>
          </cell>
          <cell r="E2140" t="str">
            <v>支社長</v>
          </cell>
          <cell r="F2140" t="str">
            <v>060-0005</v>
          </cell>
          <cell r="G2140" t="str">
            <v>中央区北５西２－５JRﾀﾜｰｵﾌｨｽﾌﾟﾗｻﾞさっぽろ317階</v>
          </cell>
          <cell r="H2140" t="str">
            <v>209-2611</v>
          </cell>
          <cell r="I2140" t="str">
            <v>209-2615</v>
          </cell>
        </row>
        <row r="2141">
          <cell r="A2141" t="str">
            <v>23625W</v>
          </cell>
          <cell r="B2141" t="str">
            <v>ﾋﾞﾙｶﾝ</v>
          </cell>
          <cell r="C2141" t="str">
            <v>（株）ビルカン</v>
          </cell>
          <cell r="D2141" t="str">
            <v>清水 陽子</v>
          </cell>
          <cell r="E2141" t="str">
            <v>代表取締役</v>
          </cell>
          <cell r="F2141" t="str">
            <v>064-0805</v>
          </cell>
          <cell r="G2141" t="str">
            <v>中央区南５西１２－１２９８－２１</v>
          </cell>
          <cell r="H2141" t="str">
            <v>511-3015</v>
          </cell>
          <cell r="I2141" t="str">
            <v>513-5681</v>
          </cell>
        </row>
        <row r="2142">
          <cell r="A2142" t="str">
            <v>23626T</v>
          </cell>
          <cell r="B2142" t="str">
            <v>ﾋｭｰﾏﾝﾘｿｼｱ</v>
          </cell>
          <cell r="C2142" t="str">
            <v>ヒューマンリソシア（株）</v>
          </cell>
          <cell r="D2142" t="str">
            <v>桑原 加鶴子</v>
          </cell>
          <cell r="E2142" t="str">
            <v>代表取締役</v>
          </cell>
          <cell r="F2142" t="str">
            <v>163-0503</v>
          </cell>
          <cell r="G2142" t="str">
            <v>東京都新宿区西新宿１－２６－２</v>
          </cell>
          <cell r="H2142" t="str">
            <v>03-5348-8371</v>
          </cell>
          <cell r="I2142" t="str">
            <v>03-5330-2294</v>
          </cell>
        </row>
        <row r="2143">
          <cell r="A2143" t="str">
            <v>23627R</v>
          </cell>
          <cell r="B2143" t="str">
            <v>ﾋﾀﾁｷｬﾋﾟﾀﾙｵｰﾄﾘｰｽ</v>
          </cell>
          <cell r="C2143" t="str">
            <v>日立キャピタルオートリース（株）北海道支店</v>
          </cell>
          <cell r="D2143" t="str">
            <v>宮原 久典</v>
          </cell>
          <cell r="E2143" t="str">
            <v>支店長</v>
          </cell>
          <cell r="F2143" t="str">
            <v>060-8624</v>
          </cell>
          <cell r="G2143" t="str">
            <v>中央区北１東１－６</v>
          </cell>
          <cell r="H2143" t="str">
            <v>251-6139</v>
          </cell>
          <cell r="I2143" t="str">
            <v>207-4621</v>
          </cell>
        </row>
        <row r="2144">
          <cell r="A2144" t="str">
            <v>23628N</v>
          </cell>
          <cell r="B2144" t="str">
            <v>ﾋﾀﾁﾋｶﾞｼﾆﾎﾝｿﾘｭｰｼｮﾝｽﾞ</v>
          </cell>
          <cell r="C2144" t="str">
            <v>（株）日立東日本ソリューションズ</v>
          </cell>
          <cell r="D2144" t="str">
            <v>大多和 英行</v>
          </cell>
          <cell r="E2144" t="str">
            <v>代表取締役社長</v>
          </cell>
          <cell r="F2144" t="str">
            <v>980-0014</v>
          </cell>
          <cell r="G2144" t="str">
            <v>仙台市青葉区本町２－１６－１０</v>
          </cell>
          <cell r="H2144" t="str">
            <v>022-266-2181</v>
          </cell>
          <cell r="I2144" t="str">
            <v>022-227-1411</v>
          </cell>
        </row>
        <row r="2145">
          <cell r="A2145" t="str">
            <v>23629Y</v>
          </cell>
          <cell r="B2145" t="str">
            <v>ﾋﾊﾞﾘｳﾝｿｳ</v>
          </cell>
          <cell r="C2145" t="str">
            <v>ひばり運送</v>
          </cell>
          <cell r="D2145" t="str">
            <v>酒井 良二</v>
          </cell>
          <cell r="E2145" t="str">
            <v>代表</v>
          </cell>
          <cell r="F2145" t="str">
            <v>065-0033</v>
          </cell>
          <cell r="G2145" t="str">
            <v>東区北３３東１６－１－３－３０１</v>
          </cell>
          <cell r="H2145" t="str">
            <v>786-1405</v>
          </cell>
          <cell r="I2145" t="str">
            <v>786-1405</v>
          </cell>
        </row>
        <row r="2146">
          <cell r="A2146" t="str">
            <v>23631T</v>
          </cell>
          <cell r="B2146" t="str">
            <v>ﾋｭｰﾏﾝ･ｷｬﾋﾟﾀﾙ･ﾏﾈｼﾞﾒﾝﾄ</v>
          </cell>
          <cell r="C2146" t="str">
            <v>（株）ﾋｭｰﾏﾝ・ｷｬﾋﾟﾀﾙ・ﾏﾈｼﾞﾒﾝﾄ</v>
          </cell>
          <cell r="D2146" t="str">
            <v>土井 尚人</v>
          </cell>
          <cell r="E2146" t="str">
            <v>代表取締役社長</v>
          </cell>
          <cell r="F2146" t="str">
            <v>060-0042</v>
          </cell>
          <cell r="G2146" t="str">
            <v>中央区大通西５－８ 昭和ビル８</v>
          </cell>
          <cell r="H2146" t="str">
            <v>231-1117</v>
          </cell>
          <cell r="I2146" t="str">
            <v>231-8884</v>
          </cell>
        </row>
        <row r="2147">
          <cell r="A2147" t="str">
            <v>23632R</v>
          </cell>
          <cell r="B2147" t="str">
            <v>ﾋﾞｰｴｽﾃｸﾆｶ</v>
          </cell>
          <cell r="C2147" t="str">
            <v>（株）ビーエステクニカ</v>
          </cell>
          <cell r="D2147" t="str">
            <v>大石 英昭</v>
          </cell>
          <cell r="E2147" t="str">
            <v>代表取締役</v>
          </cell>
          <cell r="F2147" t="str">
            <v>003-0002</v>
          </cell>
          <cell r="G2147" t="str">
            <v>白石区東札幌２－５－８－２１</v>
          </cell>
          <cell r="H2147" t="str">
            <v>820-6901</v>
          </cell>
          <cell r="I2147" t="str">
            <v>820-6902</v>
          </cell>
        </row>
        <row r="2148">
          <cell r="A2148" t="str">
            <v>23635V</v>
          </cell>
          <cell r="B2148" t="str">
            <v>ﾋｶﾞｼﾆﾎﾝﾒﾃﾞｨｶﾙ</v>
          </cell>
          <cell r="C2148" t="str">
            <v>東日本メディカル（株）</v>
          </cell>
          <cell r="D2148" t="str">
            <v>西山田 範正</v>
          </cell>
          <cell r="E2148" t="str">
            <v>代表取締役</v>
          </cell>
          <cell r="F2148" t="str">
            <v>061-3211</v>
          </cell>
          <cell r="G2148" t="str">
            <v>石狩市花川北１－４－９３</v>
          </cell>
          <cell r="H2148" t="str">
            <v>0133-74-8388</v>
          </cell>
          <cell r="I2148" t="str">
            <v>0133-72-7271</v>
          </cell>
        </row>
        <row r="2149">
          <cell r="A2149" t="str">
            <v>23637P</v>
          </cell>
          <cell r="B2149" t="str">
            <v>ﾋﾋﾞｷﾜｰｸｻｰﾋﾞｽ</v>
          </cell>
          <cell r="C2149" t="str">
            <v>（有）響ワークサービス</v>
          </cell>
          <cell r="D2149" t="str">
            <v>松平 晃</v>
          </cell>
          <cell r="E2149" t="str">
            <v>代表取締役</v>
          </cell>
          <cell r="F2149" t="str">
            <v>004-0805</v>
          </cell>
          <cell r="G2149" t="str">
            <v>清田区里塚緑ヶ丘１０－３－１５</v>
          </cell>
          <cell r="H2149" t="str">
            <v>876-3101</v>
          </cell>
          <cell r="I2149" t="str">
            <v>876-3102</v>
          </cell>
        </row>
        <row r="2150">
          <cell r="A2150" t="str">
            <v>23638Z</v>
          </cell>
          <cell r="B2150" t="str">
            <v>ﾋｻｶﾄﾞｾｲｻｸｼｮ</v>
          </cell>
          <cell r="C2150" t="str">
            <v>（株）久門製作所札幌営業所</v>
          </cell>
          <cell r="D2150" t="str">
            <v>土岐 誠男</v>
          </cell>
          <cell r="E2150" t="str">
            <v>所長</v>
          </cell>
          <cell r="F2150" t="str">
            <v>003-0813</v>
          </cell>
          <cell r="G2150" t="str">
            <v>白石区菊水上町３－３－５２－１１５</v>
          </cell>
          <cell r="H2150" t="str">
            <v>821-9135</v>
          </cell>
          <cell r="I2150" t="str">
            <v>821-9137</v>
          </cell>
        </row>
        <row r="2151">
          <cell r="A2151" t="str">
            <v>23639X</v>
          </cell>
          <cell r="B2151" t="str">
            <v>ﾋﾞｯｸﾞﾛｰﾄﾞﾎｯｶｲﾄﾞｳ</v>
          </cell>
          <cell r="C2151" t="str">
            <v>（有）ビッグロード北海道</v>
          </cell>
          <cell r="D2151" t="str">
            <v>速水 音彦</v>
          </cell>
          <cell r="E2151" t="str">
            <v>代表取締役</v>
          </cell>
          <cell r="F2151" t="str">
            <v>062-0902</v>
          </cell>
          <cell r="G2151" t="str">
            <v>豊平区豊平２－３－１－８</v>
          </cell>
          <cell r="H2151" t="str">
            <v>821-0942</v>
          </cell>
          <cell r="I2151" t="str">
            <v>821-0947</v>
          </cell>
        </row>
        <row r="2152">
          <cell r="A2152" t="str">
            <v>23640V</v>
          </cell>
          <cell r="B2152" t="str">
            <v>ﾋﾞｼﾞﾈｽ･ｻﾎﾟｰﾄｾﾝﾀｰ</v>
          </cell>
          <cell r="C2152" t="str">
            <v>（株）ビジネス・サポートセンター</v>
          </cell>
          <cell r="D2152" t="str">
            <v>本宮 富夫</v>
          </cell>
          <cell r="E2152" t="str">
            <v>代表取締役社長</v>
          </cell>
          <cell r="F2152" t="str">
            <v>101-0032</v>
          </cell>
          <cell r="G2152" t="str">
            <v>東京都千代田区岩本町１－７－１瀬木ﾋﾞﾙ2階</v>
          </cell>
          <cell r="H2152" t="str">
            <v>03-5822-1731</v>
          </cell>
          <cell r="I2152" t="str">
            <v>03-5822-1732</v>
          </cell>
        </row>
        <row r="2153">
          <cell r="A2153" t="str">
            <v>23641S</v>
          </cell>
          <cell r="B2153" t="str">
            <v>ﾋﾟｰｼｰﾈｯﾄ</v>
          </cell>
          <cell r="C2153" t="str">
            <v>特定非営利活動法人ＰＣＮＥＴ</v>
          </cell>
          <cell r="D2153" t="str">
            <v>高橋 貴明</v>
          </cell>
          <cell r="E2153" t="str">
            <v>理事長</v>
          </cell>
          <cell r="F2153" t="str">
            <v>064-0805</v>
          </cell>
          <cell r="G2153" t="str">
            <v>中央区南５西１１－１２８７－５</v>
          </cell>
          <cell r="H2153" t="str">
            <v>209-3881</v>
          </cell>
          <cell r="I2153" t="str">
            <v>209-3882</v>
          </cell>
        </row>
        <row r="2154">
          <cell r="A2154" t="str">
            <v>23643Z</v>
          </cell>
          <cell r="B2154" t="str">
            <v>ﾋｭｰﾏﾝ</v>
          </cell>
          <cell r="C2154" t="str">
            <v>ヒューマン（株）</v>
          </cell>
          <cell r="D2154" t="str">
            <v>高田 耕治</v>
          </cell>
          <cell r="E2154" t="str">
            <v>代表取締役</v>
          </cell>
          <cell r="F2154" t="str">
            <v>542-0081</v>
          </cell>
          <cell r="G2154" t="str">
            <v>大阪市中央区南船場４－８－８</v>
          </cell>
          <cell r="H2154" t="str">
            <v>06-6282-1357</v>
          </cell>
          <cell r="I2154" t="str">
            <v>06-6282-1359</v>
          </cell>
        </row>
        <row r="2155">
          <cell r="A2155" t="str">
            <v>24004S</v>
          </cell>
          <cell r="B2155" t="str">
            <v>ﾌｼﾞﾂｳｱｸｾｽ</v>
          </cell>
          <cell r="C2155" t="str">
            <v>富士通アクセス（株）北海道支店</v>
          </cell>
          <cell r="D2155" t="str">
            <v>鳥崎 光一</v>
          </cell>
          <cell r="E2155" t="str">
            <v>支店長</v>
          </cell>
          <cell r="F2155" t="str">
            <v>060-0001</v>
          </cell>
          <cell r="G2155" t="str">
            <v>中央区北１西２－１ 札幌時計台ビル</v>
          </cell>
          <cell r="H2155" t="str">
            <v>251-3001</v>
          </cell>
          <cell r="I2155" t="str">
            <v>251-5272</v>
          </cell>
        </row>
        <row r="2156">
          <cell r="A2156" t="str">
            <v>24005N</v>
          </cell>
          <cell r="B2156" t="str">
            <v>ﾌｸｼﾏﾌﾟﾘﾝﾄ</v>
          </cell>
          <cell r="C2156" t="str">
            <v>福島プリント（株）</v>
          </cell>
          <cell r="D2156" t="str">
            <v>福島 博志</v>
          </cell>
          <cell r="E2156" t="str">
            <v>代表取締役</v>
          </cell>
          <cell r="F2156" t="str">
            <v>064-0809</v>
          </cell>
          <cell r="G2156" t="str">
            <v>中央区南９西１６－１－２３</v>
          </cell>
          <cell r="H2156" t="str">
            <v>561-3737</v>
          </cell>
          <cell r="I2156" t="str">
            <v>561-3523</v>
          </cell>
        </row>
        <row r="2157">
          <cell r="A2157" t="str">
            <v>24006Y</v>
          </cell>
          <cell r="B2157" t="str">
            <v>ﾌｿｳﾃﾞﾝﾂｳ</v>
          </cell>
          <cell r="C2157" t="str">
            <v>扶桑電通（株）北海道支店</v>
          </cell>
          <cell r="D2157" t="str">
            <v>谷口 克己</v>
          </cell>
          <cell r="E2157" t="str">
            <v>支店長</v>
          </cell>
          <cell r="F2157" t="str">
            <v>060-0061</v>
          </cell>
          <cell r="G2157" t="str">
            <v>中央区南１西９－１－２ 札幌トラストビル</v>
          </cell>
          <cell r="H2157" t="str">
            <v>281-6311</v>
          </cell>
          <cell r="I2157" t="str">
            <v>281-4262</v>
          </cell>
        </row>
        <row r="2158">
          <cell r="A2158" t="str">
            <v>24007W</v>
          </cell>
          <cell r="B2158" t="str">
            <v>ﾌｼﾞﾃﾞﾝｷﾘﾃｲﾙｼｽﾃﾑｽﾞ</v>
          </cell>
          <cell r="C2158" t="str">
            <v>富士電機リテイルシステムズ（株）自動化機事業本部北海道支社</v>
          </cell>
          <cell r="D2158" t="str">
            <v>天野 紀雄</v>
          </cell>
          <cell r="E2158" t="str">
            <v>支社長</v>
          </cell>
          <cell r="F2158" t="str">
            <v>003-0029</v>
          </cell>
          <cell r="G2158" t="str">
            <v>白石区平和通２北５－１６</v>
          </cell>
          <cell r="H2158" t="str">
            <v>861-1411</v>
          </cell>
          <cell r="I2158" t="str">
            <v>861-3411</v>
          </cell>
        </row>
        <row r="2159">
          <cell r="A2159" t="str">
            <v>24009R</v>
          </cell>
          <cell r="B2159" t="str">
            <v>ﾌｼﾞﾌﾟﾘﾝﾄ</v>
          </cell>
          <cell r="C2159" t="str">
            <v>富士プリント（株）</v>
          </cell>
          <cell r="D2159" t="str">
            <v>柳田 道</v>
          </cell>
          <cell r="E2159" t="str">
            <v>代表取締役</v>
          </cell>
          <cell r="F2159" t="str">
            <v>064-0916</v>
          </cell>
          <cell r="G2159" t="str">
            <v>中央区南１６西９－２－１０</v>
          </cell>
          <cell r="H2159" t="str">
            <v>531-4711</v>
          </cell>
          <cell r="I2159" t="str">
            <v>530-2549</v>
          </cell>
        </row>
        <row r="2160">
          <cell r="A2160" t="str">
            <v>24010N</v>
          </cell>
          <cell r="B2160" t="str">
            <v>ﾌｼﾞﾕｷﾞｮｳ</v>
          </cell>
          <cell r="C2160" t="str">
            <v>富士油業（株）札幌支店</v>
          </cell>
          <cell r="D2160" t="str">
            <v>三浦 雅司</v>
          </cell>
          <cell r="E2160" t="str">
            <v>支店長</v>
          </cell>
          <cell r="F2160" t="str">
            <v>063-0803</v>
          </cell>
          <cell r="G2160" t="str">
            <v>西区二十四軒３－４－６－７</v>
          </cell>
          <cell r="H2160" t="str">
            <v>631-1199</v>
          </cell>
          <cell r="I2160" t="str">
            <v>622-6246</v>
          </cell>
        </row>
        <row r="2161">
          <cell r="A2161" t="str">
            <v>24012W</v>
          </cell>
          <cell r="B2161" t="str">
            <v>ﾌﾙｶﾜｷｶｲｷﾝｿﾞｸ</v>
          </cell>
          <cell r="C2161" t="str">
            <v>古河機械金属（株）札幌支店</v>
          </cell>
          <cell r="D2161" t="str">
            <v>羽生 美佐雄</v>
          </cell>
          <cell r="E2161" t="str">
            <v>支店長</v>
          </cell>
          <cell r="F2161" t="str">
            <v>060-0809</v>
          </cell>
          <cell r="G2161" t="str">
            <v>北区北９西３－１９－１ノルテプラザ</v>
          </cell>
          <cell r="H2161" t="str">
            <v>736-1177</v>
          </cell>
          <cell r="I2161" t="str">
            <v>736-1178</v>
          </cell>
        </row>
        <row r="2162">
          <cell r="A2162" t="str">
            <v>24013T</v>
          </cell>
          <cell r="B2162" t="str">
            <v>ﾌｼﾞﾏｯｸ</v>
          </cell>
          <cell r="C2162" t="str">
            <v>（株）フジマック札幌支店</v>
          </cell>
          <cell r="D2162" t="str">
            <v>木村 一也</v>
          </cell>
          <cell r="E2162" t="str">
            <v>支店長</v>
          </cell>
          <cell r="F2162" t="str">
            <v>063-0828</v>
          </cell>
          <cell r="G2162" t="str">
            <v>西区発寒８－７－１０－１２</v>
          </cell>
          <cell r="H2162" t="str">
            <v>667-3351</v>
          </cell>
          <cell r="I2162" t="str">
            <v>667-3363</v>
          </cell>
        </row>
        <row r="2163">
          <cell r="A2163" t="str">
            <v>24014R</v>
          </cell>
          <cell r="B2163" t="str">
            <v>ﾌｼﾞﾂｳﾎｯｶｲﾄﾞｳｼｽﾃﾑｽﾞ</v>
          </cell>
          <cell r="C2163" t="str">
            <v>（株）富士通北海道システムズ</v>
          </cell>
          <cell r="D2163" t="str">
            <v>油井 克実</v>
          </cell>
          <cell r="E2163" t="str">
            <v>代表取締役社長</v>
          </cell>
          <cell r="F2163" t="str">
            <v>004-8550</v>
          </cell>
          <cell r="G2163" t="str">
            <v>厚別区下野幌テクノパーク１－１－５</v>
          </cell>
          <cell r="H2163" t="str">
            <v>809-2111</v>
          </cell>
          <cell r="I2163" t="str">
            <v>807-6608</v>
          </cell>
        </row>
        <row r="2164">
          <cell r="A2164" t="str">
            <v>24015Z</v>
          </cell>
          <cell r="B2164" t="str">
            <v>ﾌｼﾞﾏﾙｼｮｳｼﾞ</v>
          </cell>
          <cell r="C2164" t="str">
            <v>藤丸商事（株）</v>
          </cell>
          <cell r="D2164" t="str">
            <v>小野 喜彦</v>
          </cell>
          <cell r="E2164" t="str">
            <v>代表取締役</v>
          </cell>
          <cell r="F2164" t="str">
            <v>065-0009</v>
          </cell>
          <cell r="G2164" t="str">
            <v>東区北９東８－４－１</v>
          </cell>
          <cell r="H2164" t="str">
            <v>722-2411</v>
          </cell>
          <cell r="I2164" t="str">
            <v>722-2407</v>
          </cell>
        </row>
        <row r="2165">
          <cell r="A2165" t="str">
            <v>24019P</v>
          </cell>
          <cell r="B2165" t="str">
            <v>ﾌｼﾞﾐﾂｺｳｻﾞｲ</v>
          </cell>
          <cell r="C2165" t="str">
            <v>藤光鋼材（株）</v>
          </cell>
          <cell r="D2165" t="str">
            <v>藤光 洋一</v>
          </cell>
          <cell r="E2165" t="str">
            <v>代表取締役</v>
          </cell>
          <cell r="F2165" t="str">
            <v>003-0012</v>
          </cell>
          <cell r="G2165" t="str">
            <v>白石区中央２－３－７－６２</v>
          </cell>
          <cell r="H2165" t="str">
            <v>812-2121</v>
          </cell>
          <cell r="I2165" t="str">
            <v>812-2140</v>
          </cell>
        </row>
        <row r="2166">
          <cell r="A2166" t="str">
            <v>24021X</v>
          </cell>
          <cell r="B2166" t="str">
            <v>ﾌﾙｶﾜﾃﾞﾝﾁ</v>
          </cell>
          <cell r="C2166" t="str">
            <v>古河電池（株）北海道支店</v>
          </cell>
          <cell r="D2166" t="str">
            <v>岩本 良一</v>
          </cell>
          <cell r="E2166" t="str">
            <v>支店長</v>
          </cell>
          <cell r="F2166" t="str">
            <v>003-0808</v>
          </cell>
          <cell r="G2166" t="str">
            <v>白石区菊水８－４－２－２７</v>
          </cell>
          <cell r="H2166" t="str">
            <v>842-2931</v>
          </cell>
          <cell r="I2166" t="str">
            <v>842-2935</v>
          </cell>
        </row>
        <row r="2167">
          <cell r="A2167" t="str">
            <v>24025Y</v>
          </cell>
          <cell r="B2167" t="str">
            <v>ﾌｼﾞﾔﾘｶｷｶｲ</v>
          </cell>
          <cell r="C2167" t="str">
            <v>ふじや理化器械（株）</v>
          </cell>
          <cell r="D2167" t="str">
            <v>矢野 勝也</v>
          </cell>
          <cell r="E2167" t="str">
            <v>代表取締役</v>
          </cell>
          <cell r="F2167" t="str">
            <v>002-0861</v>
          </cell>
          <cell r="G2167" t="str">
            <v>北区屯田１１－１－１－５</v>
          </cell>
          <cell r="H2167" t="str">
            <v>772-5231</v>
          </cell>
          <cell r="I2167" t="str">
            <v>772-9380</v>
          </cell>
        </row>
        <row r="2168">
          <cell r="A2168" t="str">
            <v>24027T</v>
          </cell>
          <cell r="B2168" t="str">
            <v>ﾌｼﾞｲｳﾝﾄﾞｳｸﾞﾃﾝ</v>
          </cell>
          <cell r="C2168" t="str">
            <v>（株）藤井運動具店</v>
          </cell>
          <cell r="D2168" t="str">
            <v>藤井 美智子</v>
          </cell>
          <cell r="E2168" t="str">
            <v>代表取締役</v>
          </cell>
          <cell r="F2168" t="str">
            <v>060-0061</v>
          </cell>
          <cell r="G2168" t="str">
            <v>中央区南１西４</v>
          </cell>
          <cell r="H2168" t="str">
            <v>231-4110</v>
          </cell>
          <cell r="I2168" t="str">
            <v>232-0788</v>
          </cell>
        </row>
        <row r="2169">
          <cell r="A2169" t="str">
            <v>24029N</v>
          </cell>
          <cell r="B2169" t="str">
            <v>ﾌｼﾞｾﾞﾛｯｸｽ</v>
          </cell>
          <cell r="C2169" t="str">
            <v>富士ゼロックス（株）北海道営業所</v>
          </cell>
          <cell r="D2169" t="str">
            <v>野村 進</v>
          </cell>
          <cell r="E2169" t="str">
            <v>所長</v>
          </cell>
          <cell r="F2169" t="str">
            <v>060-0042</v>
          </cell>
          <cell r="G2169" t="str">
            <v>中央区大通西７－３－１</v>
          </cell>
          <cell r="H2169" t="str">
            <v>241-7345</v>
          </cell>
          <cell r="I2169" t="str">
            <v>221-4927</v>
          </cell>
        </row>
        <row r="2170">
          <cell r="A2170" t="str">
            <v>24030Y</v>
          </cell>
          <cell r="B2170" t="str">
            <v>ﾌｼﾞｴﾀﾞﾘｭｳｴｲﾄﾞｳ</v>
          </cell>
          <cell r="C2170" t="str">
            <v>（株）藤枝隆栄堂</v>
          </cell>
          <cell r="D2170" t="str">
            <v>藤枝 國男</v>
          </cell>
          <cell r="E2170" t="str">
            <v>代表取締役</v>
          </cell>
          <cell r="F2170" t="str">
            <v>063-0834</v>
          </cell>
          <cell r="G2170" t="str">
            <v>西区発寒１４－１２－２－１２</v>
          </cell>
          <cell r="H2170" t="str">
            <v>665-2251</v>
          </cell>
          <cell r="I2170" t="str">
            <v>665-2252</v>
          </cell>
        </row>
        <row r="2171">
          <cell r="A2171" t="str">
            <v>24031W</v>
          </cell>
          <cell r="B2171" t="str">
            <v>ﾌﾟﾛﾗﾎﾞｸﾘｴｲﾄｻｯﾎﾟﾛ</v>
          </cell>
          <cell r="C2171" t="str">
            <v>（株）プロラボクリエイト札幌</v>
          </cell>
          <cell r="D2171" t="str">
            <v>岸本 勲</v>
          </cell>
          <cell r="E2171" t="str">
            <v>代表取締役</v>
          </cell>
          <cell r="F2171" t="str">
            <v>060-0061</v>
          </cell>
          <cell r="G2171" t="str">
            <v>中央区南１西９－１－２</v>
          </cell>
          <cell r="H2171" t="str">
            <v>272-9811</v>
          </cell>
          <cell r="I2171" t="str">
            <v>272-4478</v>
          </cell>
        </row>
        <row r="2172">
          <cell r="A2172" t="str">
            <v>24033R</v>
          </cell>
          <cell r="B2172" t="str">
            <v>ﾌｼﾞﾂｳ</v>
          </cell>
          <cell r="C2172" t="str">
            <v>富士通（株）北海道営業本部</v>
          </cell>
          <cell r="D2172" t="str">
            <v>松原 信</v>
          </cell>
          <cell r="E2172" t="str">
            <v>北海道営業本部長</v>
          </cell>
          <cell r="F2172" t="str">
            <v>060-0001</v>
          </cell>
          <cell r="G2172" t="str">
            <v>中央区北１西２－１ 札幌時計台ビル</v>
          </cell>
          <cell r="H2172" t="str">
            <v>210-5180</v>
          </cell>
          <cell r="I2172" t="str">
            <v>251-6420</v>
          </cell>
        </row>
        <row r="2173">
          <cell r="A2173" t="str">
            <v>24035X</v>
          </cell>
          <cell r="B2173" t="str">
            <v>ﾌｼﾐｲﾝﾃﾘﾔ</v>
          </cell>
          <cell r="C2173" t="str">
            <v>（有）伏見インテリヤ</v>
          </cell>
          <cell r="D2173" t="str">
            <v>飯田 秀俊</v>
          </cell>
          <cell r="E2173" t="str">
            <v>取締役</v>
          </cell>
          <cell r="F2173" t="str">
            <v>064-0916</v>
          </cell>
          <cell r="G2173" t="str">
            <v>中央区南１６西１８－１－１８</v>
          </cell>
          <cell r="H2173" t="str">
            <v>551-4269</v>
          </cell>
          <cell r="I2173" t="str">
            <v>551-3849</v>
          </cell>
        </row>
        <row r="2174">
          <cell r="A2174" t="str">
            <v>24036V</v>
          </cell>
          <cell r="B2174" t="str">
            <v>ﾌｼﾞｾｷﾕ</v>
          </cell>
          <cell r="C2174" t="str">
            <v>不二石油（株）</v>
          </cell>
          <cell r="D2174" t="str">
            <v>上林 登</v>
          </cell>
          <cell r="E2174" t="str">
            <v>代表取締役</v>
          </cell>
          <cell r="F2174" t="str">
            <v>001-0024</v>
          </cell>
          <cell r="G2174" t="str">
            <v>北区北２４西６－２－２</v>
          </cell>
          <cell r="H2174" t="str">
            <v>736-1351</v>
          </cell>
          <cell r="I2174" t="str">
            <v>736-1357</v>
          </cell>
        </row>
        <row r="2175">
          <cell r="A2175" t="str">
            <v>24037S</v>
          </cell>
          <cell r="B2175" t="str">
            <v>ﾌﾞﾘﾁﾞｽﾄﾝﾀｲﾔﾎｯｶｲﾄﾞｳﾊﾝﾊﾞｲ</v>
          </cell>
          <cell r="C2175" t="str">
            <v>ブリヂストンタイヤ北海道販売（株）</v>
          </cell>
          <cell r="D2175" t="str">
            <v>吉川 忍</v>
          </cell>
          <cell r="E2175" t="str">
            <v>取締役社長</v>
          </cell>
          <cell r="F2175" t="str">
            <v>003-8503</v>
          </cell>
          <cell r="G2175" t="str">
            <v>白石区菊水３－５－１－２</v>
          </cell>
          <cell r="H2175" t="str">
            <v>814-5555</v>
          </cell>
          <cell r="I2175" t="str">
            <v>814-5123</v>
          </cell>
        </row>
        <row r="2176">
          <cell r="A2176" t="str">
            <v>24039Z</v>
          </cell>
          <cell r="B2176" t="str">
            <v>ﾌﾟﾗｲﾑｼｽﾃﾑ</v>
          </cell>
          <cell r="C2176" t="str">
            <v>（有）プライムシステム</v>
          </cell>
          <cell r="D2176" t="str">
            <v>八重樫 孝治</v>
          </cell>
          <cell r="E2176" t="str">
            <v>代表取締役</v>
          </cell>
          <cell r="F2176" t="str">
            <v>004-0878</v>
          </cell>
          <cell r="G2176" t="str">
            <v>清田区平岡８－１－８－２０</v>
          </cell>
          <cell r="H2176" t="str">
            <v>881-3767</v>
          </cell>
          <cell r="I2176" t="str">
            <v>881-3770</v>
          </cell>
        </row>
        <row r="2177">
          <cell r="A2177" t="str">
            <v>24040X</v>
          </cell>
          <cell r="B2177" t="str">
            <v>ﾌｼﾞﾔﾃｯｺｳ</v>
          </cell>
          <cell r="C2177" t="str">
            <v>富士屋鉄工（株）</v>
          </cell>
          <cell r="D2177" t="str">
            <v>松宮 國彦</v>
          </cell>
          <cell r="E2177" t="str">
            <v>代表取締役</v>
          </cell>
          <cell r="F2177" t="str">
            <v>063-0832</v>
          </cell>
          <cell r="G2177" t="str">
            <v>西区発寒１２－１２－２－２０</v>
          </cell>
          <cell r="H2177" t="str">
            <v>661-2345</v>
          </cell>
          <cell r="I2177" t="str">
            <v>0133-73-9563</v>
          </cell>
        </row>
        <row r="2178">
          <cell r="A2178" t="str">
            <v>24042S</v>
          </cell>
          <cell r="B2178" t="str">
            <v>ﾌｼﾞﾜｺｳｷﾞｮｳ</v>
          </cell>
          <cell r="C2178" t="str">
            <v>藤和工業（株）</v>
          </cell>
          <cell r="D2178" t="str">
            <v>藤本 義則</v>
          </cell>
          <cell r="E2178" t="str">
            <v>代表取締役</v>
          </cell>
          <cell r="F2178" t="str">
            <v>003-0849</v>
          </cell>
          <cell r="G2178" t="str">
            <v>白石区北郷２４０５－１８</v>
          </cell>
          <cell r="H2178" t="str">
            <v>871-9450</v>
          </cell>
          <cell r="I2178" t="str">
            <v>874-3028</v>
          </cell>
        </row>
        <row r="2179">
          <cell r="A2179" t="str">
            <v>24045W</v>
          </cell>
          <cell r="B2179" t="str">
            <v>ﾌｼﾞﾐﾔﾁｬﾎ</v>
          </cell>
          <cell r="C2179" t="str">
            <v>（株）富士見屋茶舗</v>
          </cell>
          <cell r="D2179" t="str">
            <v>後藤 眞平</v>
          </cell>
          <cell r="E2179" t="str">
            <v>代表取締役</v>
          </cell>
          <cell r="F2179" t="str">
            <v>060-0908</v>
          </cell>
          <cell r="G2179" t="str">
            <v>東区北８東１－１－５</v>
          </cell>
          <cell r="H2179" t="str">
            <v>741-1111</v>
          </cell>
          <cell r="I2179" t="str">
            <v>741-1115</v>
          </cell>
        </row>
        <row r="2180">
          <cell r="A2180" t="str">
            <v>24046T</v>
          </cell>
          <cell r="B2180" t="str">
            <v>ﾌﾚｱｲ</v>
          </cell>
          <cell r="C2180" t="str">
            <v>（有）ふれあい</v>
          </cell>
          <cell r="D2180" t="str">
            <v>斉藤 琢</v>
          </cell>
          <cell r="E2180" t="str">
            <v>代表取締役</v>
          </cell>
          <cell r="F2180" t="str">
            <v>062-0041</v>
          </cell>
          <cell r="G2180" t="str">
            <v>豊平区福住１－２－１５－１７</v>
          </cell>
          <cell r="H2180" t="str">
            <v>854-4774</v>
          </cell>
          <cell r="I2180" t="str">
            <v>854-1609</v>
          </cell>
        </row>
        <row r="2181">
          <cell r="A2181" t="str">
            <v>24048N</v>
          </cell>
          <cell r="B2181" t="str">
            <v>ﾌｼﾞｻﾜﾔｸﾋﾝｺｳｷﾞｮｳ</v>
          </cell>
          <cell r="C2181" t="str">
            <v>藤沢薬品工業（株）在宅医療事業部</v>
          </cell>
          <cell r="D2181" t="str">
            <v>清水 真一</v>
          </cell>
          <cell r="E2181" t="str">
            <v>在宅医療事業部長</v>
          </cell>
          <cell r="F2181" t="str">
            <v>541-0054</v>
          </cell>
          <cell r="G2181" t="str">
            <v>区大阪市中央区南本町２－６－１２</v>
          </cell>
          <cell r="H2181" t="str">
            <v>06-6241-6371</v>
          </cell>
          <cell r="I2181" t="str">
            <v>06-6241-6374</v>
          </cell>
        </row>
        <row r="2182">
          <cell r="A2182" t="str">
            <v>24049Y</v>
          </cell>
          <cell r="B2182" t="str">
            <v>ﾌｼﾞｶｰﾎﾞﾝｲﾝｻﾂ</v>
          </cell>
          <cell r="C2182" t="str">
            <v>富士カーボン印刷（株）</v>
          </cell>
          <cell r="D2182" t="str">
            <v>笹谷 五</v>
          </cell>
          <cell r="E2182" t="str">
            <v>代表取締役</v>
          </cell>
          <cell r="F2182" t="str">
            <v>001-0029</v>
          </cell>
          <cell r="G2182" t="str">
            <v>北区北２９西６－５－１０</v>
          </cell>
          <cell r="H2182" t="str">
            <v>756-2445</v>
          </cell>
          <cell r="I2182" t="str">
            <v>756-2632</v>
          </cell>
        </row>
        <row r="2183">
          <cell r="A2183" t="str">
            <v>24052R</v>
          </cell>
          <cell r="B2183" t="str">
            <v>ﾌｸｼｾｲﾎﾝ</v>
          </cell>
          <cell r="C2183" t="str">
            <v>福士製本（株）</v>
          </cell>
          <cell r="D2183" t="str">
            <v>福士 秀夫</v>
          </cell>
          <cell r="E2183" t="str">
            <v>代表取締役</v>
          </cell>
          <cell r="F2183" t="str">
            <v>003-0029</v>
          </cell>
          <cell r="G2183" t="str">
            <v>白石区平和通８北５－２８</v>
          </cell>
          <cell r="H2183" t="str">
            <v>861-0234</v>
          </cell>
          <cell r="I2183" t="str">
            <v>864-7078</v>
          </cell>
        </row>
        <row r="2184">
          <cell r="A2184" t="str">
            <v>24053N</v>
          </cell>
          <cell r="B2184" t="str">
            <v>ﾌﾞﾘｯｼﾞ</v>
          </cell>
          <cell r="C2184" t="str">
            <v>（株）ブリッジ</v>
          </cell>
          <cell r="D2184" t="str">
            <v>今野 安信</v>
          </cell>
          <cell r="E2184" t="str">
            <v>代表取締役社長</v>
          </cell>
          <cell r="F2184" t="str">
            <v>060-0034</v>
          </cell>
          <cell r="G2184" t="str">
            <v>中央区北４東１－２－３ 札幌フコク生命ビル</v>
          </cell>
          <cell r="H2184" t="str">
            <v>219-8250</v>
          </cell>
          <cell r="I2184" t="str">
            <v>219-8251</v>
          </cell>
        </row>
        <row r="2185">
          <cell r="A2185" t="str">
            <v>24056S</v>
          </cell>
          <cell r="B2185" t="str">
            <v>ﾌﾖｳｿｳｺﾞｳﾘｰｽ</v>
          </cell>
          <cell r="C2185" t="str">
            <v>芙蓉総合リース（株）札幌支店</v>
          </cell>
          <cell r="D2185" t="str">
            <v>関口 賢二</v>
          </cell>
          <cell r="E2185" t="str">
            <v>支店長</v>
          </cell>
          <cell r="F2185" t="str">
            <v>060-0003</v>
          </cell>
          <cell r="G2185" t="str">
            <v>中央区北３西３－１－４４ 札幌富士ビル７Ｆ</v>
          </cell>
          <cell r="H2185" t="str">
            <v>231-2071</v>
          </cell>
          <cell r="I2185" t="str">
            <v>221-0327</v>
          </cell>
        </row>
        <row r="2186">
          <cell r="A2186" t="str">
            <v>24058Z</v>
          </cell>
          <cell r="B2186" t="str">
            <v>ﾌｼﾏﾝｼｮｳｼﾞ</v>
          </cell>
          <cell r="C2186" t="str">
            <v>フシマン商事（株）</v>
          </cell>
          <cell r="D2186" t="str">
            <v>坂部 義郎</v>
          </cell>
          <cell r="E2186" t="str">
            <v>代表取締役</v>
          </cell>
          <cell r="F2186" t="str">
            <v>060-0808</v>
          </cell>
          <cell r="G2186" t="str">
            <v>北区北８西５－１</v>
          </cell>
          <cell r="H2186" t="str">
            <v>716-7101</v>
          </cell>
          <cell r="I2186" t="str">
            <v>727-8818</v>
          </cell>
        </row>
        <row r="2187">
          <cell r="A2187" t="str">
            <v>24060V</v>
          </cell>
          <cell r="B2187" t="str">
            <v>ﾒﾃﾞｨｯｸ</v>
          </cell>
          <cell r="C2187" t="str">
            <v>メディック（株）</v>
          </cell>
          <cell r="D2187" t="str">
            <v>高橋 寛文</v>
          </cell>
          <cell r="E2187" t="str">
            <v>代表取締役</v>
          </cell>
          <cell r="F2187" t="str">
            <v>003-0833</v>
          </cell>
          <cell r="G2187" t="str">
            <v>白石区北郷３－４－７－１８</v>
          </cell>
          <cell r="H2187" t="str">
            <v>879-5288</v>
          </cell>
          <cell r="I2187" t="str">
            <v>879-5388</v>
          </cell>
        </row>
        <row r="2188">
          <cell r="A2188" t="str">
            <v>24061S</v>
          </cell>
          <cell r="B2188" t="str">
            <v>ﾌｭｰｼﾞｮﾝ</v>
          </cell>
          <cell r="C2188" t="str">
            <v>フュージョン（株）</v>
          </cell>
          <cell r="D2188" t="str">
            <v>花井 秀勝</v>
          </cell>
          <cell r="E2188" t="str">
            <v>代表取締役</v>
          </cell>
          <cell r="F2188" t="str">
            <v>064-0915</v>
          </cell>
          <cell r="G2188" t="str">
            <v>中央区南１５西９－２－３０</v>
          </cell>
          <cell r="H2188" t="str">
            <v>551-8055</v>
          </cell>
          <cell r="I2188" t="str">
            <v>551-8177</v>
          </cell>
        </row>
        <row r="2189">
          <cell r="A2189" t="str">
            <v>24064X</v>
          </cell>
          <cell r="B2189" t="str">
            <v>ﾌﾙｻﾜｼｮｳｶｲ</v>
          </cell>
          <cell r="C2189" t="str">
            <v>（株）古沢商会</v>
          </cell>
          <cell r="D2189" t="str">
            <v>古澤 英也</v>
          </cell>
          <cell r="E2189" t="str">
            <v>代表取締役</v>
          </cell>
          <cell r="F2189" t="str">
            <v>061-1268</v>
          </cell>
          <cell r="G2189" t="str">
            <v>北広島市輪厚中央５－２－７</v>
          </cell>
          <cell r="H2189" t="str">
            <v>377-4416</v>
          </cell>
          <cell r="I2189" t="str">
            <v>377-5370</v>
          </cell>
        </row>
        <row r="2190">
          <cell r="A2190" t="str">
            <v>24065T</v>
          </cell>
          <cell r="B2190" t="str">
            <v>ﾌｼﾞｿｳｺﾞｳｱﾝｾﾞﾝ</v>
          </cell>
          <cell r="C2190" t="str">
            <v>フジ総合安全（株）</v>
          </cell>
          <cell r="D2190" t="str">
            <v>渡辺 秀樹</v>
          </cell>
          <cell r="E2190" t="str">
            <v>代表取締役</v>
          </cell>
          <cell r="F2190" t="str">
            <v>001-0922</v>
          </cell>
          <cell r="G2190" t="str">
            <v>北区新川２－２－５－１５</v>
          </cell>
          <cell r="H2190" t="str">
            <v>762-4361</v>
          </cell>
          <cell r="I2190" t="str">
            <v>762-4371</v>
          </cell>
        </row>
        <row r="2191">
          <cell r="A2191" t="str">
            <v>24066R</v>
          </cell>
          <cell r="B2191" t="str">
            <v>ﾌｼﾞﾒｯｸ</v>
          </cell>
          <cell r="C2191" t="str">
            <v>（株）フジメック札幌支店</v>
          </cell>
          <cell r="D2191" t="str">
            <v>伊藤 孝義</v>
          </cell>
          <cell r="E2191" t="str">
            <v>取締役支店長</v>
          </cell>
          <cell r="F2191" t="str">
            <v>060-0062</v>
          </cell>
          <cell r="G2191" t="str">
            <v>中央区南２西１２－３２４</v>
          </cell>
          <cell r="H2191" t="str">
            <v>241-1041</v>
          </cell>
          <cell r="I2191" t="str">
            <v>271-0947</v>
          </cell>
        </row>
        <row r="2192">
          <cell r="A2192" t="str">
            <v>24068Y</v>
          </cell>
          <cell r="B2192" t="str">
            <v>ﾌｼﾞﾂｶﾌﾞﾝﾎﾞｳｸﾞﾃﾝ</v>
          </cell>
          <cell r="C2192" t="str">
            <v>（有）藤塚文房具店</v>
          </cell>
          <cell r="D2192" t="str">
            <v>藤塚 勝</v>
          </cell>
          <cell r="E2192" t="str">
            <v>代表取締役</v>
          </cell>
          <cell r="F2192" t="str">
            <v>005-0012</v>
          </cell>
          <cell r="G2192" t="str">
            <v>南区真駒内上町３－２－３</v>
          </cell>
          <cell r="H2192" t="str">
            <v>581-3313</v>
          </cell>
          <cell r="I2192" t="str">
            <v>583-1330</v>
          </cell>
        </row>
        <row r="2193">
          <cell r="A2193" t="str">
            <v>24071R</v>
          </cell>
          <cell r="B2193" t="str">
            <v>ﾌｼﾞﾜﾗｼﾞﾄﾞｳｼｬｺｳｷﾞｮｳ</v>
          </cell>
          <cell r="C2193" t="str">
            <v>藤原自動車工業（株）</v>
          </cell>
          <cell r="D2193" t="str">
            <v>藤原 悟</v>
          </cell>
          <cell r="E2193" t="str">
            <v>代表取締役</v>
          </cell>
          <cell r="F2193" t="str">
            <v>003-0005</v>
          </cell>
          <cell r="G2193" t="str">
            <v>白石区東札幌５－２－５－１７</v>
          </cell>
          <cell r="H2193" t="str">
            <v>841-0068</v>
          </cell>
          <cell r="I2193" t="str">
            <v>821-7877</v>
          </cell>
        </row>
        <row r="2194">
          <cell r="A2194" t="str">
            <v>24072N</v>
          </cell>
          <cell r="B2194" t="str">
            <v>ﾌｼﾞｺﾝﾃﾑ</v>
          </cell>
          <cell r="C2194" t="str">
            <v>（株）富士コンテム</v>
          </cell>
          <cell r="D2194" t="str">
            <v>南部 守</v>
          </cell>
          <cell r="E2194" t="str">
            <v>代表取締役</v>
          </cell>
          <cell r="F2194" t="str">
            <v>003-0012</v>
          </cell>
          <cell r="G2194" t="str">
            <v>白石区中央２－３－１－１５</v>
          </cell>
          <cell r="H2194" t="str">
            <v>822-8786</v>
          </cell>
          <cell r="I2194" t="str">
            <v>822-8785</v>
          </cell>
        </row>
        <row r="2195">
          <cell r="A2195" t="str">
            <v>24074W</v>
          </cell>
          <cell r="B2195" t="str">
            <v>ﾌｼﾞﾃｺﾑ</v>
          </cell>
          <cell r="C2195" t="str">
            <v>フジテコム（株）札幌営業所</v>
          </cell>
          <cell r="D2195" t="str">
            <v>馬場 晃達</v>
          </cell>
          <cell r="E2195" t="str">
            <v>所長</v>
          </cell>
          <cell r="F2195" t="str">
            <v>003-0029</v>
          </cell>
          <cell r="G2195" t="str">
            <v>白石区平和通１０北７－３７</v>
          </cell>
          <cell r="H2195" t="str">
            <v>864-9511</v>
          </cell>
          <cell r="I2195" t="str">
            <v>864-9507</v>
          </cell>
        </row>
        <row r="2196">
          <cell r="A2196" t="str">
            <v>24078X</v>
          </cell>
          <cell r="B2196" t="str">
            <v>ﾌｼｺｼｮﾃﾝ</v>
          </cell>
          <cell r="C2196" t="str">
            <v>（有）ふしこ書店</v>
          </cell>
          <cell r="D2196" t="str">
            <v>菱沼 五郎</v>
          </cell>
          <cell r="E2196" t="str">
            <v>代表取締役</v>
          </cell>
          <cell r="F2196" t="str">
            <v>007-0863</v>
          </cell>
          <cell r="G2196" t="str">
            <v>東区伏古３－４－１－４</v>
          </cell>
          <cell r="H2196" t="str">
            <v>782-3477</v>
          </cell>
          <cell r="I2196" t="str">
            <v>782-3479</v>
          </cell>
        </row>
        <row r="2197">
          <cell r="A2197" t="str">
            <v>24079V</v>
          </cell>
          <cell r="B2197" t="str">
            <v>ﾌﾞﾝｼﾝﾄﾞｳ</v>
          </cell>
          <cell r="C2197" t="str">
            <v>（株）文進堂</v>
          </cell>
          <cell r="D2197" t="str">
            <v>吉野 基次</v>
          </cell>
          <cell r="E2197" t="str">
            <v>代表取締役</v>
          </cell>
          <cell r="F2197" t="str">
            <v>003-0012</v>
          </cell>
          <cell r="G2197" t="str">
            <v>白石区中央２－５－１５－１</v>
          </cell>
          <cell r="H2197" t="str">
            <v>866-9831</v>
          </cell>
          <cell r="I2197" t="str">
            <v>866-8529</v>
          </cell>
        </row>
        <row r="2198">
          <cell r="A2198" t="str">
            <v>24081P</v>
          </cell>
          <cell r="B2198" t="str">
            <v>ﾌｼﾞﾜﾗﾁﾝﾚﾂｹｰｽﾃﾝ</v>
          </cell>
          <cell r="C2198" t="str">
            <v>（有）藤原陳列ケース店</v>
          </cell>
          <cell r="D2198" t="str">
            <v>藤原 昌弘</v>
          </cell>
          <cell r="E2198" t="str">
            <v>代表取締役</v>
          </cell>
          <cell r="F2198" t="str">
            <v>001-0035</v>
          </cell>
          <cell r="G2198" t="str">
            <v>北区北３５西９－６－６</v>
          </cell>
          <cell r="H2198" t="str">
            <v>757-6949</v>
          </cell>
          <cell r="I2198" t="str">
            <v>758-6771</v>
          </cell>
        </row>
        <row r="2199">
          <cell r="A2199" t="str">
            <v>24086N</v>
          </cell>
          <cell r="B2199" t="str">
            <v>ﾌｸﾀﾞｼﾞﾂｷﾞｮｳ</v>
          </cell>
          <cell r="C2199" t="str">
            <v>福田実業（株）</v>
          </cell>
          <cell r="D2199" t="str">
            <v>福田 恵一</v>
          </cell>
          <cell r="E2199" t="str">
            <v>代表取締役</v>
          </cell>
          <cell r="F2199" t="str">
            <v>006-0807</v>
          </cell>
          <cell r="G2199" t="str">
            <v>手稲区新発寒７－２－５－２６</v>
          </cell>
          <cell r="H2199" t="str">
            <v>667-2702</v>
          </cell>
          <cell r="I2199" t="str">
            <v>667-2705</v>
          </cell>
        </row>
        <row r="2200">
          <cell r="A2200" t="str">
            <v>24087Y</v>
          </cell>
          <cell r="B2200" t="str">
            <v>ﾌﾞﾘﾁﾞｽﾄﾝｱｲﾋﾟｰｴｰ</v>
          </cell>
          <cell r="C2200" t="str">
            <v>（株）ブリヂストンアイピーエー</v>
          </cell>
          <cell r="D2200" t="str">
            <v>白石 勲</v>
          </cell>
          <cell r="E2200" t="str">
            <v>代表取締役</v>
          </cell>
          <cell r="F2200" t="str">
            <v>003-0803</v>
          </cell>
          <cell r="G2200" t="str">
            <v>白石区菊水３－５－１－１</v>
          </cell>
          <cell r="H2200" t="str">
            <v>841-1471</v>
          </cell>
          <cell r="I2200" t="str">
            <v>813-4102</v>
          </cell>
        </row>
        <row r="2201">
          <cell r="A2201" t="str">
            <v>24088W</v>
          </cell>
          <cell r="B2201" t="str">
            <v>ﾌｱｰｽﾄｿﾆｯｸ</v>
          </cell>
          <cell r="C2201" t="str">
            <v>フアーストソニック（株）</v>
          </cell>
          <cell r="D2201" t="str">
            <v>池田 國夫</v>
          </cell>
          <cell r="E2201" t="str">
            <v>代表取締役社長</v>
          </cell>
          <cell r="F2201" t="str">
            <v>063-0803</v>
          </cell>
          <cell r="G2201" t="str">
            <v>西区二十四軒３－７－２－３９</v>
          </cell>
          <cell r="H2201" t="str">
            <v>612-2111</v>
          </cell>
          <cell r="I2201" t="str">
            <v>612-1222</v>
          </cell>
        </row>
        <row r="2202">
          <cell r="A2202" t="str">
            <v>24090R</v>
          </cell>
          <cell r="B2202" t="str">
            <v>ﾌｸﾔﾏｼﾞｮｳｿﾞｳ</v>
          </cell>
          <cell r="C2202" t="str">
            <v>福山醸造（株）</v>
          </cell>
          <cell r="D2202" t="str">
            <v>福山 耕司</v>
          </cell>
          <cell r="E2202" t="str">
            <v>代表取締役社長</v>
          </cell>
          <cell r="F2202" t="str">
            <v>065-0043</v>
          </cell>
          <cell r="G2202" t="str">
            <v>東区苗穂町２－４－１</v>
          </cell>
          <cell r="H2202" t="str">
            <v>711-8181</v>
          </cell>
          <cell r="I2202" t="str">
            <v>711-0280</v>
          </cell>
        </row>
        <row r="2203">
          <cell r="A2203" t="str">
            <v>24091N</v>
          </cell>
          <cell r="B2203" t="str">
            <v>ﾌｼﾞｼｮｸﾋﾝ</v>
          </cell>
          <cell r="C2203" t="str">
            <v>（株）富士食品</v>
          </cell>
          <cell r="D2203" t="str">
            <v>矢田 謙藏</v>
          </cell>
          <cell r="E2203" t="str">
            <v>代表取締役</v>
          </cell>
          <cell r="F2203" t="str">
            <v>001-0020</v>
          </cell>
          <cell r="G2203" t="str">
            <v>北区北２０西５－１８</v>
          </cell>
          <cell r="H2203" t="str">
            <v>746-3932</v>
          </cell>
          <cell r="I2203" t="str">
            <v>746-0754</v>
          </cell>
        </row>
        <row r="2204">
          <cell r="A2204" t="str">
            <v>24096Z</v>
          </cell>
          <cell r="B2204" t="str">
            <v>ﾌｸｼﾏｾｲｻｸｼｮ</v>
          </cell>
          <cell r="C2204" t="str">
            <v>（株）福島製作所北海道営業所</v>
          </cell>
          <cell r="D2204" t="str">
            <v>渡辺 敏夫</v>
          </cell>
          <cell r="E2204" t="str">
            <v>所長</v>
          </cell>
          <cell r="F2204" t="str">
            <v>007-0851</v>
          </cell>
          <cell r="G2204" t="str">
            <v>東区北５１東７－３－３２</v>
          </cell>
          <cell r="H2204" t="str">
            <v>722-8311</v>
          </cell>
          <cell r="I2204" t="str">
            <v>722-8312</v>
          </cell>
        </row>
        <row r="2205">
          <cell r="A2205" t="str">
            <v>24098V</v>
          </cell>
          <cell r="B2205" t="str">
            <v>ﾌｶﾐﾔ</v>
          </cell>
          <cell r="C2205" t="str">
            <v>（株）フカミヤ</v>
          </cell>
          <cell r="D2205" t="str">
            <v>沼崎 晋司</v>
          </cell>
          <cell r="E2205" t="str">
            <v>代表取締役</v>
          </cell>
          <cell r="F2205" t="str">
            <v>060-0042</v>
          </cell>
          <cell r="G2205" t="str">
            <v>中央区大通西８－２</v>
          </cell>
          <cell r="H2205" t="str">
            <v>231-7147</v>
          </cell>
          <cell r="I2205" t="str">
            <v>271-4787</v>
          </cell>
        </row>
        <row r="2206">
          <cell r="A2206" t="str">
            <v>24101X</v>
          </cell>
          <cell r="B2206" t="str">
            <v>ﾌｼﾞｻﾝｷﾞｮｳ</v>
          </cell>
          <cell r="C2206" t="str">
            <v>（株）富士産業</v>
          </cell>
          <cell r="D2206" t="str">
            <v>藤本 時康</v>
          </cell>
          <cell r="E2206" t="str">
            <v>代表取締役</v>
          </cell>
          <cell r="F2206" t="str">
            <v>061-2282</v>
          </cell>
          <cell r="G2206" t="str">
            <v>南区藤野２－７－１－１０</v>
          </cell>
          <cell r="H2206" t="str">
            <v>591-6192</v>
          </cell>
          <cell r="I2206" t="str">
            <v>591-5570</v>
          </cell>
        </row>
        <row r="2207">
          <cell r="A2207" t="str">
            <v>24104P</v>
          </cell>
          <cell r="B2207" t="str">
            <v>ﾌｼﾞﾊﾞﾔｼｼｮｸﾘｮｳｺｳｷﾞｮｳ</v>
          </cell>
          <cell r="C2207" t="str">
            <v>藤林食糧興業（株）</v>
          </cell>
          <cell r="D2207" t="str">
            <v>藤林 宏輔</v>
          </cell>
          <cell r="E2207" t="str">
            <v>取締役社長</v>
          </cell>
          <cell r="F2207" t="str">
            <v>003-0808</v>
          </cell>
          <cell r="G2207" t="str">
            <v>白石区菊水８－１－４－３</v>
          </cell>
          <cell r="H2207" t="str">
            <v>811-7186</v>
          </cell>
          <cell r="I2207" t="str">
            <v>814-1500</v>
          </cell>
        </row>
        <row r="2208">
          <cell r="A2208" t="str">
            <v>24106W</v>
          </cell>
          <cell r="B2208" t="str">
            <v>ﾌﾙﾔﾏｼｮｳﾃﾝ</v>
          </cell>
          <cell r="C2208" t="str">
            <v>（株）古山商店</v>
          </cell>
          <cell r="D2208" t="str">
            <v>古山 常吉</v>
          </cell>
          <cell r="E2208" t="str">
            <v>代表取締役</v>
          </cell>
          <cell r="F2208" t="str">
            <v>060-0041</v>
          </cell>
          <cell r="G2208" t="str">
            <v>中央区大通東９－１</v>
          </cell>
          <cell r="H2208" t="str">
            <v>231-5500</v>
          </cell>
          <cell r="I2208" t="str">
            <v>231-4018</v>
          </cell>
        </row>
        <row r="2209">
          <cell r="A2209" t="str">
            <v>24109N</v>
          </cell>
          <cell r="B2209" t="str">
            <v>ﾌｸﾀﾞﾌﾞﾋﾝ</v>
          </cell>
          <cell r="C2209" t="str">
            <v>福田部品（株）</v>
          </cell>
          <cell r="D2209" t="str">
            <v>福田 愼一</v>
          </cell>
          <cell r="E2209" t="str">
            <v>代表取締役</v>
          </cell>
          <cell r="F2209" t="str">
            <v>060-0051</v>
          </cell>
          <cell r="G2209" t="str">
            <v>中央区南１東７－１７－１</v>
          </cell>
          <cell r="H2209" t="str">
            <v>218-3181</v>
          </cell>
          <cell r="I2209" t="str">
            <v>222-0208</v>
          </cell>
        </row>
        <row r="2210">
          <cell r="A2210" t="str">
            <v>24112T</v>
          </cell>
          <cell r="B2210" t="str">
            <v>ﾌｼﾞﾎﾞｳｻｲｼｽﾃﾑ</v>
          </cell>
          <cell r="C2210" t="str">
            <v>（株）富士防災システム</v>
          </cell>
          <cell r="D2210" t="str">
            <v>小野木 俊司</v>
          </cell>
          <cell r="E2210" t="str">
            <v>代表取締役</v>
          </cell>
          <cell r="F2210" t="str">
            <v>007-0865</v>
          </cell>
          <cell r="G2210" t="str">
            <v>東区伏古５－２－２－２２</v>
          </cell>
          <cell r="H2210" t="str">
            <v>781-3255</v>
          </cell>
          <cell r="I2210" t="str">
            <v>783-9213</v>
          </cell>
        </row>
        <row r="2211">
          <cell r="A2211" t="str">
            <v>24113R</v>
          </cell>
          <cell r="B2211" t="str">
            <v>ﾌｼﾞﾔ</v>
          </cell>
          <cell r="C2211" t="str">
            <v>（株）フジヤ札幌支店</v>
          </cell>
          <cell r="D2211" t="str">
            <v>藤川 正喜</v>
          </cell>
          <cell r="E2211" t="str">
            <v>支店長</v>
          </cell>
          <cell r="F2211" t="str">
            <v>060-0042</v>
          </cell>
          <cell r="G2211" t="str">
            <v>中央区大通西１３－４－１６１</v>
          </cell>
          <cell r="H2211" t="str">
            <v>223-6511</v>
          </cell>
          <cell r="I2211" t="str">
            <v>223-6513</v>
          </cell>
        </row>
        <row r="2212">
          <cell r="A2212" t="str">
            <v>24116V</v>
          </cell>
          <cell r="B2212" t="str">
            <v>ﾌﾞﾝｼｮｳﾄﾞｳﾎｯｶｲﾄﾞｳﾊﾝﾊﾞｲ</v>
          </cell>
          <cell r="C2212" t="str">
            <v>文祥堂北海道販売（株）</v>
          </cell>
          <cell r="D2212" t="str">
            <v>冨田 不二夫</v>
          </cell>
          <cell r="E2212" t="str">
            <v>代表取締役</v>
          </cell>
          <cell r="F2212" t="str">
            <v>064-0920</v>
          </cell>
          <cell r="G2212" t="str">
            <v>中央区南２０西１４－１－２５</v>
          </cell>
          <cell r="H2212" t="str">
            <v>563-2551</v>
          </cell>
          <cell r="I2212" t="str">
            <v>563-2401</v>
          </cell>
        </row>
        <row r="2213">
          <cell r="A2213" t="str">
            <v>24119Z</v>
          </cell>
          <cell r="B2213" t="str">
            <v>ﾌｫﾄﾋﾛ</v>
          </cell>
          <cell r="C2213" t="str">
            <v>（有）フォトヒロ</v>
          </cell>
          <cell r="D2213" t="str">
            <v>広川 勝彦</v>
          </cell>
          <cell r="E2213" t="str">
            <v>代表取締役</v>
          </cell>
          <cell r="F2213" t="str">
            <v>003-0828</v>
          </cell>
          <cell r="G2213" t="str">
            <v>白石区菊水元町８－１</v>
          </cell>
          <cell r="H2213" t="str">
            <v>872-1871</v>
          </cell>
          <cell r="I2213" t="str">
            <v>872-1872</v>
          </cell>
        </row>
        <row r="2214">
          <cell r="A2214" t="str">
            <v>24120X</v>
          </cell>
          <cell r="B2214" t="str">
            <v>ﾌｼﾞｵｺｳｻﾝ</v>
          </cell>
          <cell r="C2214" t="str">
            <v>藤夫興産</v>
          </cell>
          <cell r="D2214" t="str">
            <v>安藤 忠夫</v>
          </cell>
          <cell r="E2214" t="str">
            <v>代表</v>
          </cell>
          <cell r="F2214" t="str">
            <v>006-0806</v>
          </cell>
          <cell r="G2214" t="str">
            <v>手稲区新発寒６－３－６－３</v>
          </cell>
          <cell r="H2214" t="str">
            <v>694-5948</v>
          </cell>
          <cell r="I2214" t="str">
            <v>694-5947</v>
          </cell>
        </row>
        <row r="2215">
          <cell r="A2215" t="str">
            <v>24121V</v>
          </cell>
          <cell r="B2215" t="str">
            <v>ﾌｼﾞｹﾝｾﾂｺｳｷﾞｮｳ</v>
          </cell>
          <cell r="C2215" t="str">
            <v>富士建設工業（株）札幌支店</v>
          </cell>
          <cell r="D2215" t="str">
            <v>福島 英治</v>
          </cell>
          <cell r="E2215" t="str">
            <v>支店長</v>
          </cell>
          <cell r="F2215" t="str">
            <v>003-0002</v>
          </cell>
          <cell r="G2215" t="str">
            <v>白石区東札幌２－４－９－１６</v>
          </cell>
          <cell r="H2215" t="str">
            <v>812-9711</v>
          </cell>
          <cell r="I2215" t="str">
            <v>812-9131</v>
          </cell>
        </row>
        <row r="2216">
          <cell r="A2216" t="str">
            <v>24127R</v>
          </cell>
          <cell r="B2216" t="str">
            <v>ﾌｷﾉﾄｳｼｮﾎﾞｳ</v>
          </cell>
          <cell r="C2216" t="str">
            <v>（有）ふきのとう書房</v>
          </cell>
          <cell r="D2216" t="str">
            <v>伊藤 信行</v>
          </cell>
          <cell r="E2216" t="str">
            <v>代表取締役</v>
          </cell>
          <cell r="F2216" t="str">
            <v>003-0833</v>
          </cell>
          <cell r="G2216" t="str">
            <v>白石区北郷３－１１－８－２５</v>
          </cell>
          <cell r="H2216" t="str">
            <v>871-3311</v>
          </cell>
          <cell r="I2216" t="str">
            <v>871-7150</v>
          </cell>
        </row>
        <row r="2217">
          <cell r="A2217" t="str">
            <v>24128N</v>
          </cell>
          <cell r="B2217" t="str">
            <v>ﾌｸｲｼｮｳｶｲ</v>
          </cell>
          <cell r="C2217" t="str">
            <v>福井商会（株）</v>
          </cell>
          <cell r="D2217" t="str">
            <v>福井 明</v>
          </cell>
          <cell r="E2217" t="str">
            <v>代表取締役</v>
          </cell>
          <cell r="F2217" t="str">
            <v>003-0029</v>
          </cell>
          <cell r="G2217" t="str">
            <v>白石区平和通８北６－１１</v>
          </cell>
          <cell r="H2217" t="str">
            <v>861-6830</v>
          </cell>
          <cell r="I2217" t="str">
            <v>863-1528</v>
          </cell>
        </row>
        <row r="2218">
          <cell r="A2218" t="str">
            <v>24142P</v>
          </cell>
          <cell r="B2218" t="str">
            <v>ﾌｼﾞﾔｴｲﾄﾞ</v>
          </cell>
          <cell r="C2218" t="str">
            <v>（株）フジヤエイド</v>
          </cell>
          <cell r="D2218" t="str">
            <v>五十嵐 勝明</v>
          </cell>
          <cell r="E2218" t="str">
            <v>代表取締役</v>
          </cell>
          <cell r="F2218" t="str">
            <v>065-0009</v>
          </cell>
          <cell r="G2218" t="str">
            <v>東区北９東１６－１－２０</v>
          </cell>
          <cell r="H2218" t="str">
            <v>741-5131</v>
          </cell>
          <cell r="I2218" t="str">
            <v>704-3582</v>
          </cell>
        </row>
        <row r="2219">
          <cell r="A2219" t="str">
            <v>24150T</v>
          </cell>
          <cell r="B2219" t="str">
            <v>ﾌｼﾞﾂｳｴﾌ･ｱｲ･ﾋﾟｰ</v>
          </cell>
          <cell r="C2219" t="str">
            <v>富士通エフ・アイ・ピー（株）北海道支社</v>
          </cell>
          <cell r="D2219" t="str">
            <v>秦野 一哉</v>
          </cell>
          <cell r="E2219" t="str">
            <v>支社長</v>
          </cell>
          <cell r="F2219" t="str">
            <v>060-0001</v>
          </cell>
          <cell r="G2219" t="str">
            <v>中央区北１西２－１ 札幌時計台ビル４Ｆ</v>
          </cell>
          <cell r="H2219" t="str">
            <v>251-7886</v>
          </cell>
          <cell r="I2219" t="str">
            <v>251-0035</v>
          </cell>
        </row>
        <row r="2220">
          <cell r="A2220" t="str">
            <v>24154W</v>
          </cell>
          <cell r="B2220" t="str">
            <v>ﾌｫｰﾄｽｽﾞｷ</v>
          </cell>
          <cell r="C2220" t="str">
            <v>フォート・スズキ</v>
          </cell>
          <cell r="D2220" t="str">
            <v>鈴木 博</v>
          </cell>
          <cell r="E2220" t="str">
            <v>代表</v>
          </cell>
          <cell r="F2220" t="str">
            <v>001-0912</v>
          </cell>
          <cell r="G2220" t="str">
            <v>北区新琴似１２－７－１－１５</v>
          </cell>
          <cell r="H2220" t="str">
            <v>764-3879</v>
          </cell>
          <cell r="I2220" t="str">
            <v>764-3879</v>
          </cell>
        </row>
        <row r="2221">
          <cell r="A2221" t="str">
            <v>24155S</v>
          </cell>
          <cell r="B2221" t="str">
            <v>ﾌｨﾘｯﾌﾟｽﾒﾃﾞｨｶﾙｼｽﾃﾑｽﾞ</v>
          </cell>
          <cell r="C2221" t="str">
            <v>フィリップスメディカルシステムズ（株）</v>
          </cell>
          <cell r="D2221" t="str">
            <v>織田 禎信</v>
          </cell>
          <cell r="E2221" t="str">
            <v>管理本部長</v>
          </cell>
          <cell r="F2221" t="str">
            <v>060-0807</v>
          </cell>
          <cell r="G2221" t="str">
            <v>北区北７西１－２－６ ＮＳＳﾆｭｰｽﾃｰｼﾞ札幌</v>
          </cell>
          <cell r="H2221" t="str">
            <v>03-3740-3213</v>
          </cell>
          <cell r="I2221" t="str">
            <v>736-2198</v>
          </cell>
        </row>
        <row r="2222">
          <cell r="A2222" t="str">
            <v>24156P</v>
          </cell>
          <cell r="B2222" t="str">
            <v>ﾌｸｼﾏｷｶｲ</v>
          </cell>
          <cell r="C2222" t="str">
            <v>福島機械（株）</v>
          </cell>
          <cell r="D2222" t="str">
            <v>福島 孝寿</v>
          </cell>
          <cell r="E2222" t="str">
            <v>代表取締役</v>
          </cell>
          <cell r="F2222" t="str">
            <v>064-0919</v>
          </cell>
          <cell r="G2222" t="str">
            <v>中央区南１９西９－２－１</v>
          </cell>
          <cell r="H2222" t="str">
            <v>531-3425</v>
          </cell>
          <cell r="I2222" t="str">
            <v>531-3426</v>
          </cell>
        </row>
        <row r="2223">
          <cell r="A2223" t="str">
            <v>24157Z</v>
          </cell>
          <cell r="B2223" t="str">
            <v>ﾌｼﾞﾀｶ</v>
          </cell>
          <cell r="C2223" t="str">
            <v>（株）フジタカ札幌支店</v>
          </cell>
          <cell r="D2223" t="str">
            <v>小仲 智彦</v>
          </cell>
          <cell r="E2223" t="str">
            <v>支店長</v>
          </cell>
          <cell r="F2223" t="str">
            <v>060-0001</v>
          </cell>
          <cell r="G2223" t="str">
            <v>白石区中央２－３－１－５５</v>
          </cell>
          <cell r="H2223" t="str">
            <v>811-4225</v>
          </cell>
          <cell r="I2223" t="str">
            <v>824-1995</v>
          </cell>
        </row>
        <row r="2224">
          <cell r="A2224" t="str">
            <v>24161P</v>
          </cell>
          <cell r="B2224" t="str">
            <v>ﾌｸﾘｷｶｸｻｰﾋﾞｽ</v>
          </cell>
          <cell r="C2224" t="str">
            <v>（株）フクリ企画サービス</v>
          </cell>
          <cell r="D2224" t="str">
            <v>前田 悦雄</v>
          </cell>
          <cell r="E2224" t="str">
            <v>代表取締役</v>
          </cell>
          <cell r="F2224" t="str">
            <v>060-0001</v>
          </cell>
          <cell r="G2224" t="str">
            <v>中央区北１西１－５－１</v>
          </cell>
          <cell r="H2224" t="str">
            <v>221-1031</v>
          </cell>
          <cell r="I2224" t="str">
            <v>221-0118</v>
          </cell>
        </row>
        <row r="2225">
          <cell r="A2225" t="str">
            <v>24164V</v>
          </cell>
          <cell r="B2225" t="str">
            <v>ﾌﾟﾗﾝﾆﾝｸﾞ･ﾎｯｺｰ</v>
          </cell>
          <cell r="C2225" t="str">
            <v>（株）プランニング・ホッコー</v>
          </cell>
          <cell r="D2225" t="str">
            <v>池崎 豊</v>
          </cell>
          <cell r="E2225" t="str">
            <v>代表取締役</v>
          </cell>
          <cell r="F2225" t="str">
            <v>007-0805</v>
          </cell>
          <cell r="G2225" t="str">
            <v>東区東苗穂５－１－６－３３</v>
          </cell>
          <cell r="H2225" t="str">
            <v>780-5577</v>
          </cell>
          <cell r="I2225" t="str">
            <v>780-5588</v>
          </cell>
        </row>
        <row r="2226">
          <cell r="A2226" t="str">
            <v>24165R</v>
          </cell>
          <cell r="B2226" t="str">
            <v>ﾌｼﾞｯｸｽｺｳﾊﾝ</v>
          </cell>
          <cell r="C2226" t="str">
            <v>（株）フジックス工販</v>
          </cell>
          <cell r="D2226" t="str">
            <v>冨士本 捷征</v>
          </cell>
          <cell r="E2226" t="str">
            <v>代表取締役</v>
          </cell>
          <cell r="F2226" t="str">
            <v>062-0042</v>
          </cell>
          <cell r="G2226" t="str">
            <v>豊平区福住２－１１－５－１７</v>
          </cell>
          <cell r="H2226" t="str">
            <v>836-6581</v>
          </cell>
          <cell r="I2226" t="str">
            <v>836-6582</v>
          </cell>
        </row>
        <row r="2227">
          <cell r="A2227" t="str">
            <v>24166N</v>
          </cell>
          <cell r="B2227" t="str">
            <v>ﾌｼﾞﾃﾞﾝｷｼｽﾃﾑｽﾞ</v>
          </cell>
          <cell r="C2227" t="str">
            <v>富士電機システムズ（株）北海道支社</v>
          </cell>
          <cell r="D2227" t="str">
            <v>佐々木 裕一</v>
          </cell>
          <cell r="E2227" t="str">
            <v>支社長</v>
          </cell>
          <cell r="F2227" t="str">
            <v>060-0031</v>
          </cell>
          <cell r="G2227" t="str">
            <v>中央区北１東２－５－２ 札幌泉第一ビル</v>
          </cell>
          <cell r="H2227" t="str">
            <v>261-7231</v>
          </cell>
          <cell r="I2227" t="str">
            <v>221-8043</v>
          </cell>
        </row>
        <row r="2228">
          <cell r="A2228" t="str">
            <v>24167Y</v>
          </cell>
          <cell r="B2228" t="str">
            <v>ﾌﾘｰﾏｯｸ</v>
          </cell>
          <cell r="C2228" t="str">
            <v>（株）フリーマック</v>
          </cell>
          <cell r="D2228" t="str">
            <v>渡部 俊美</v>
          </cell>
          <cell r="E2228" t="str">
            <v>代表取締役</v>
          </cell>
          <cell r="F2228" t="str">
            <v>060-0002</v>
          </cell>
          <cell r="G2228" t="str">
            <v>中央区北２西２－２９－１札幌ウィングビル２</v>
          </cell>
          <cell r="H2228" t="str">
            <v>232-3311</v>
          </cell>
          <cell r="I2228" t="str">
            <v>232-1310</v>
          </cell>
        </row>
        <row r="2229">
          <cell r="A2229" t="str">
            <v>24168W</v>
          </cell>
          <cell r="B2229" t="str">
            <v>ﾌｼﾞﾂｳﾋﾞｼﾞﾈｽｼｽﾃﾑ</v>
          </cell>
          <cell r="C2229" t="str">
            <v>（株）富士通ビジネスシステム北海道支店</v>
          </cell>
          <cell r="D2229" t="str">
            <v>荒井 弘一</v>
          </cell>
          <cell r="E2229" t="str">
            <v>支店長</v>
          </cell>
          <cell r="F2229" t="str">
            <v>060-0001</v>
          </cell>
          <cell r="G2229" t="str">
            <v>中央区北１西２－１ 札幌時計台ビル</v>
          </cell>
          <cell r="H2229" t="str">
            <v>221-1051</v>
          </cell>
          <cell r="I2229" t="str">
            <v>221-8509</v>
          </cell>
        </row>
        <row r="2230">
          <cell r="A2230" t="str">
            <v>24170R</v>
          </cell>
          <cell r="B2230" t="str">
            <v>ﾌｼﾞｼﾞｭｳｺｳｷﾞｮｳ</v>
          </cell>
          <cell r="C2230" t="str">
            <v>富士重工業（株）航空宇宙カンパニー</v>
          </cell>
          <cell r="D2230" t="str">
            <v>松尾 則久</v>
          </cell>
          <cell r="E2230" t="str">
            <v>航空宇宙カンパニープレジデント</v>
          </cell>
          <cell r="F2230" t="str">
            <v>320-8564</v>
          </cell>
          <cell r="G2230" t="str">
            <v>区栃木県宇都宮市陽南１－１－１１</v>
          </cell>
          <cell r="H2230" t="str">
            <v>028-684-7012</v>
          </cell>
          <cell r="I2230" t="str">
            <v>028-684-7071</v>
          </cell>
        </row>
        <row r="2231">
          <cell r="A2231" t="str">
            <v>24171N</v>
          </cell>
          <cell r="B2231" t="str">
            <v>ﾌｼﾞｻﾝｷﾞｮｳ</v>
          </cell>
          <cell r="C2231" t="str">
            <v>富士産業（株）</v>
          </cell>
          <cell r="D2231" t="str">
            <v>中村 成彦</v>
          </cell>
          <cell r="E2231" t="str">
            <v>代表取締役社長</v>
          </cell>
          <cell r="F2231" t="str">
            <v>105-0004</v>
          </cell>
          <cell r="G2231" t="str">
            <v>東京都港区新橋５－３２－７</v>
          </cell>
          <cell r="H2231" t="str">
            <v>03-5400-6111</v>
          </cell>
          <cell r="I2231" t="str">
            <v>03-5400-6122</v>
          </cell>
        </row>
        <row r="2232">
          <cell r="A2232" t="str">
            <v>24174T</v>
          </cell>
          <cell r="B2232" t="str">
            <v>ﾌｴﾀﾞｺｳｻﾞｲ</v>
          </cell>
          <cell r="C2232" t="str">
            <v>（有）笛田鋼材</v>
          </cell>
          <cell r="D2232" t="str">
            <v>笛田 公望</v>
          </cell>
          <cell r="E2232" t="str">
            <v>代表取締役</v>
          </cell>
          <cell r="F2232" t="str">
            <v>062-0005</v>
          </cell>
          <cell r="G2232" t="str">
            <v>豊平区美園５－５－２－８</v>
          </cell>
          <cell r="H2232" t="str">
            <v>831-9640</v>
          </cell>
          <cell r="I2232" t="str">
            <v>842-2428</v>
          </cell>
        </row>
        <row r="2233">
          <cell r="A2233" t="str">
            <v>24175P</v>
          </cell>
          <cell r="B2233" t="str">
            <v>ﾌﾞｯﾁｬｰﾏﾙｺｳ</v>
          </cell>
          <cell r="C2233" t="str">
            <v>（有）ブッチャー丸幸</v>
          </cell>
          <cell r="D2233" t="str">
            <v>瓦本 幸夫</v>
          </cell>
          <cell r="E2233" t="str">
            <v>代表取締役</v>
          </cell>
          <cell r="F2233" t="str">
            <v>062-0024</v>
          </cell>
          <cell r="G2233" t="str">
            <v>豊平区西岡１－３－１０－５</v>
          </cell>
          <cell r="H2233" t="str">
            <v>851-6398</v>
          </cell>
          <cell r="I2233" t="str">
            <v>851-0815</v>
          </cell>
        </row>
        <row r="2234">
          <cell r="A2234" t="str">
            <v>24176Z</v>
          </cell>
          <cell r="B2234" t="str">
            <v>ﾌｼﾞﾏｲｸﾛｼｽﾃﾑ</v>
          </cell>
          <cell r="C2234" t="str">
            <v>富士マイクロシステム（株）札幌支店</v>
          </cell>
          <cell r="D2234" t="str">
            <v>山本 正二</v>
          </cell>
          <cell r="E2234" t="str">
            <v>支店長</v>
          </cell>
          <cell r="F2234" t="str">
            <v>064-0821</v>
          </cell>
          <cell r="G2234" t="str">
            <v>中央区北１西２０－１－２７</v>
          </cell>
          <cell r="H2234" t="str">
            <v>642-1211</v>
          </cell>
          <cell r="I2234" t="str">
            <v>614-9210</v>
          </cell>
        </row>
        <row r="2235">
          <cell r="A2235" t="str">
            <v>24178V</v>
          </cell>
          <cell r="B2235" t="str">
            <v>ﾌﾗﾝｽﾍﾞｯﾄﾞﾒﾃﾞｨｶﾙｻｰﾋﾞｽ</v>
          </cell>
          <cell r="C2235" t="str">
            <v>フランスベッドメディカルサービス（株）札幌営業所</v>
          </cell>
          <cell r="D2235" t="str">
            <v>藤田 正彦</v>
          </cell>
          <cell r="E2235" t="str">
            <v>所長</v>
          </cell>
          <cell r="F2235" t="str">
            <v>003-0813</v>
          </cell>
          <cell r="G2235" t="str">
            <v>白石区菊水上町３－３－３８１－１</v>
          </cell>
          <cell r="H2235" t="str">
            <v>815-3670</v>
          </cell>
          <cell r="I2235" t="str">
            <v>815-3671</v>
          </cell>
        </row>
        <row r="2236">
          <cell r="A2236" t="str">
            <v>24179S</v>
          </cell>
          <cell r="B2236" t="str">
            <v>ﾌｼﾞｹｲｷ</v>
          </cell>
          <cell r="C2236" t="str">
            <v>（株）富士計器</v>
          </cell>
          <cell r="D2236" t="str">
            <v>伊藤 正志</v>
          </cell>
          <cell r="E2236" t="str">
            <v>代表取締役</v>
          </cell>
          <cell r="F2236" t="str">
            <v>084-0912</v>
          </cell>
          <cell r="G2236" t="str">
            <v>釧路市星が浦大通４－５－５１</v>
          </cell>
          <cell r="H2236" t="str">
            <v>0154-51-4597</v>
          </cell>
          <cell r="I2236" t="str">
            <v>0154-51-4057</v>
          </cell>
        </row>
        <row r="2237">
          <cell r="A2237" t="str">
            <v>24180P</v>
          </cell>
          <cell r="B2237" t="str">
            <v>ﾌｼﾞﾂｳﾘｰｽ</v>
          </cell>
          <cell r="C2237" t="str">
            <v>富士通リース（株）</v>
          </cell>
          <cell r="D2237" t="str">
            <v>佐藤 晨一</v>
          </cell>
          <cell r="E2237" t="str">
            <v>代表取締役社長</v>
          </cell>
          <cell r="F2237" t="str">
            <v>163-0724</v>
          </cell>
          <cell r="G2237" t="str">
            <v>東京都新宿区西新宿２－７－１</v>
          </cell>
          <cell r="H2237" t="str">
            <v>03-5322-5201</v>
          </cell>
          <cell r="I2237" t="str">
            <v>03-5322-5259</v>
          </cell>
        </row>
        <row r="2238">
          <cell r="A2238" t="str">
            <v>24185N</v>
          </cell>
          <cell r="B2238" t="str">
            <v>ﾌｼﾞﾄｸｼｭｺｳ</v>
          </cell>
          <cell r="C2238" t="str">
            <v>不二特殊鋼（株）</v>
          </cell>
          <cell r="D2238" t="str">
            <v>池田 宗夫</v>
          </cell>
          <cell r="E2238" t="str">
            <v>代表取締役</v>
          </cell>
          <cell r="F2238" t="str">
            <v>062-0903</v>
          </cell>
          <cell r="G2238" t="str">
            <v>豊平区豊平３－９－４－１３</v>
          </cell>
          <cell r="H2238" t="str">
            <v>821-7511</v>
          </cell>
          <cell r="I2238" t="str">
            <v>821-7513</v>
          </cell>
        </row>
        <row r="2239">
          <cell r="A2239" t="str">
            <v>24188T</v>
          </cell>
          <cell r="B2239" t="str">
            <v>ﾌｼﾞ</v>
          </cell>
          <cell r="C2239" t="str">
            <v>フジ（有）</v>
          </cell>
          <cell r="D2239" t="str">
            <v>小林 齊</v>
          </cell>
          <cell r="E2239" t="str">
            <v>代表取締役</v>
          </cell>
          <cell r="F2239" t="str">
            <v>060-0906</v>
          </cell>
          <cell r="G2239" t="str">
            <v>東区北６東２－３－５</v>
          </cell>
          <cell r="H2239" t="str">
            <v>721-5252</v>
          </cell>
          <cell r="I2239" t="str">
            <v>721-0909</v>
          </cell>
        </row>
        <row r="2240">
          <cell r="A2240" t="str">
            <v>24190N</v>
          </cell>
          <cell r="B2240" t="str">
            <v>ﾌﾚｯｸｽ ｼﾞｬﾊﾟﾝ</v>
          </cell>
          <cell r="C2240" t="str">
            <v>（株）フレックスジャパン</v>
          </cell>
          <cell r="D2240" t="str">
            <v>道端 敬子</v>
          </cell>
          <cell r="E2240" t="str">
            <v>代表取締役</v>
          </cell>
          <cell r="F2240" t="str">
            <v>060-0001</v>
          </cell>
          <cell r="G2240" t="str">
            <v>中央区北１西３－３ ＭＮビル１１</v>
          </cell>
          <cell r="H2240" t="str">
            <v>242-4001</v>
          </cell>
          <cell r="I2240" t="str">
            <v>241-0862</v>
          </cell>
        </row>
        <row r="2241">
          <cell r="A2241" t="str">
            <v>24193T</v>
          </cell>
          <cell r="B2241" t="str">
            <v>ﾌｼﾞﾂｳｻﾎﾟｰﾄｱﾝﾄﾞｻｰﾋﾞｽ</v>
          </cell>
          <cell r="C2241" t="str">
            <v>富士通サポートアンドサービス（株）北海道支社</v>
          </cell>
          <cell r="D2241" t="str">
            <v>井上 繁</v>
          </cell>
          <cell r="E2241" t="str">
            <v>支社長</v>
          </cell>
          <cell r="F2241" t="str">
            <v>060-0003</v>
          </cell>
          <cell r="G2241" t="str">
            <v>中央区北３西３－１－４７ ＮＯＲＴＨ３３ビル</v>
          </cell>
          <cell r="H2241" t="str">
            <v>281-6851</v>
          </cell>
          <cell r="I2241" t="str">
            <v>281-5436</v>
          </cell>
        </row>
        <row r="2242">
          <cell r="A2242" t="str">
            <v>24198S</v>
          </cell>
          <cell r="B2242" t="str">
            <v>ﾌﾟﾘﾌﾟﾚｽ･ｾﾝﾀｰ</v>
          </cell>
          <cell r="C2242" t="str">
            <v>（株）プリプレス・センター</v>
          </cell>
          <cell r="D2242" t="str">
            <v>藤田 靖</v>
          </cell>
          <cell r="E2242" t="str">
            <v>代表取締役</v>
          </cell>
          <cell r="F2242" t="str">
            <v>060-0002</v>
          </cell>
          <cell r="G2242" t="str">
            <v>中央区北２西１４－２－３</v>
          </cell>
          <cell r="H2242" t="str">
            <v>272-6670</v>
          </cell>
          <cell r="I2242" t="str">
            <v>272-6680</v>
          </cell>
        </row>
        <row r="2243">
          <cell r="A2243" t="str">
            <v>24202S</v>
          </cell>
          <cell r="B2243" t="str">
            <v>ﾌｼﾞﾌｲﾙﾑｲﾒｰｼﾞﾝｸﾞ</v>
          </cell>
          <cell r="C2243" t="str">
            <v>富士フイルムイメージング（株）北海道支社</v>
          </cell>
          <cell r="D2243" t="str">
            <v>小島 正彦</v>
          </cell>
          <cell r="E2243" t="str">
            <v>支社長</v>
          </cell>
          <cell r="F2243" t="str">
            <v>060-0002</v>
          </cell>
          <cell r="G2243" t="str">
            <v>中央区北２西４－２ 札幌三井ビル別館３階</v>
          </cell>
          <cell r="H2243" t="str">
            <v>241-7161</v>
          </cell>
          <cell r="I2243" t="str">
            <v>231-6519</v>
          </cell>
        </row>
        <row r="2244">
          <cell r="A2244" t="str">
            <v>24203P</v>
          </cell>
          <cell r="B2244" t="str">
            <v>ﾌﾟﾗｽ</v>
          </cell>
          <cell r="C2244" t="str">
            <v>プラス（株）札幌支店</v>
          </cell>
          <cell r="D2244" t="str">
            <v>今井 茂雄</v>
          </cell>
          <cell r="E2244" t="str">
            <v>支店長</v>
          </cell>
          <cell r="F2244" t="str">
            <v>060-0807</v>
          </cell>
          <cell r="G2244" t="str">
            <v>北区北７西４－１２ ニッセイＭＫビル６Ｆ</v>
          </cell>
          <cell r="H2244" t="str">
            <v>758-0124</v>
          </cell>
          <cell r="I2244" t="str">
            <v>758-0125</v>
          </cell>
        </row>
        <row r="2245">
          <cell r="A2245" t="str">
            <v>24204Z</v>
          </cell>
          <cell r="B2245" t="str">
            <v>ﾌﾗｯｸｽ</v>
          </cell>
          <cell r="C2245" t="str">
            <v>（株）フラックス</v>
          </cell>
          <cell r="D2245" t="str">
            <v>今川 郁夫</v>
          </cell>
          <cell r="E2245" t="str">
            <v>代表取締役</v>
          </cell>
          <cell r="F2245" t="str">
            <v>007-0840</v>
          </cell>
          <cell r="G2245" t="str">
            <v>東区北４０東１－１－３１</v>
          </cell>
          <cell r="H2245" t="str">
            <v>731-9801</v>
          </cell>
          <cell r="I2245" t="str">
            <v>731-9715</v>
          </cell>
        </row>
        <row r="2246">
          <cell r="A2246" t="str">
            <v>24205W</v>
          </cell>
          <cell r="B2246" t="str">
            <v>ﾌﾗﾜｰｼｮｯﾌﾟｼｷ</v>
          </cell>
          <cell r="C2246" t="str">
            <v>フラワーショップ四季</v>
          </cell>
          <cell r="D2246" t="str">
            <v>萩原 葉子</v>
          </cell>
          <cell r="E2246" t="str">
            <v>代表</v>
          </cell>
          <cell r="F2246" t="str">
            <v>001-0023</v>
          </cell>
          <cell r="G2246" t="str">
            <v>北区北２３西６－２－５３</v>
          </cell>
          <cell r="H2246" t="str">
            <v>746-7208</v>
          </cell>
          <cell r="I2246" t="str">
            <v>746-7208</v>
          </cell>
        </row>
        <row r="2247">
          <cell r="A2247" t="str">
            <v>24207R</v>
          </cell>
          <cell r="B2247" t="str">
            <v>ﾌｸｼﾏｺｳｷﾞｮｳ</v>
          </cell>
          <cell r="C2247" t="str">
            <v>福島工業（株）札幌支店</v>
          </cell>
          <cell r="D2247" t="str">
            <v>水谷 豊</v>
          </cell>
          <cell r="E2247" t="str">
            <v>支店長</v>
          </cell>
          <cell r="F2247" t="str">
            <v>004-0841</v>
          </cell>
          <cell r="G2247" t="str">
            <v>清田区清田１－４－１－５５ 第八荒井ビル３</v>
          </cell>
          <cell r="H2247" t="str">
            <v>882-5666</v>
          </cell>
          <cell r="I2247" t="str">
            <v>882-5660</v>
          </cell>
        </row>
        <row r="2248">
          <cell r="A2248" t="str">
            <v>24213N</v>
          </cell>
          <cell r="B2248" t="str">
            <v>ﾌﾟﾘﾝﾄｼﾞｮｲﾌﾙ</v>
          </cell>
          <cell r="C2248" t="str">
            <v>プリントジョイフル</v>
          </cell>
          <cell r="D2248" t="str">
            <v>伊藤 文雄</v>
          </cell>
          <cell r="E2248" t="str">
            <v/>
          </cell>
          <cell r="F2248" t="str">
            <v>006-0818</v>
          </cell>
          <cell r="G2248" t="str">
            <v>手稲区前田８－１８－４－２１</v>
          </cell>
          <cell r="H2248" t="str">
            <v>694-6366</v>
          </cell>
          <cell r="I2248" t="str">
            <v>694-6444</v>
          </cell>
        </row>
        <row r="2249">
          <cell r="A2249" t="str">
            <v>24216S</v>
          </cell>
          <cell r="B2249" t="str">
            <v>ﾌｼﾞﾃﾚｺﾑ</v>
          </cell>
          <cell r="C2249" t="str">
            <v>富士テレコム（株）札幌営業所</v>
          </cell>
          <cell r="D2249" t="str">
            <v>若林 隆</v>
          </cell>
          <cell r="E2249" t="str">
            <v>営業所長</v>
          </cell>
          <cell r="F2249" t="str">
            <v>060-0003</v>
          </cell>
          <cell r="G2249" t="str">
            <v>中央区北３西３－１－４７</v>
          </cell>
          <cell r="H2249" t="str">
            <v>210-6477</v>
          </cell>
          <cell r="I2249" t="str">
            <v>281-7759</v>
          </cell>
        </row>
        <row r="2250">
          <cell r="A2250" t="str">
            <v>24221S</v>
          </cell>
          <cell r="B2250" t="str">
            <v>ﾌｼﾞｾﾞﾛｯｸｽｼｽﾃﾑｻｰﾋﾞｽ</v>
          </cell>
          <cell r="C2250" t="str">
            <v>富士ゼロックスシステムサービス（株）</v>
          </cell>
          <cell r="D2250" t="str">
            <v>荒牧 幸彦</v>
          </cell>
          <cell r="E2250" t="str">
            <v>代表取締役</v>
          </cell>
          <cell r="F2250" t="str">
            <v>174-8525</v>
          </cell>
          <cell r="G2250" t="str">
            <v>東京都板橋区坂下１－１９－１</v>
          </cell>
          <cell r="H2250" t="str">
            <v>03-5994-2600</v>
          </cell>
          <cell r="I2250" t="str">
            <v>03-5994-2601</v>
          </cell>
        </row>
        <row r="2251">
          <cell r="A2251" t="str">
            <v>24222P</v>
          </cell>
          <cell r="B2251" t="str">
            <v>ﾌﾀﾊﾞｲﾝﾃﾘｱ</v>
          </cell>
          <cell r="C2251" t="str">
            <v>（有）ふたばインテリア</v>
          </cell>
          <cell r="D2251" t="str">
            <v>稲垣 武郎</v>
          </cell>
          <cell r="E2251" t="str">
            <v>代表取締役</v>
          </cell>
          <cell r="F2251" t="str">
            <v>060-0005</v>
          </cell>
          <cell r="G2251" t="str">
            <v>中央区北５西１３－１</v>
          </cell>
          <cell r="H2251" t="str">
            <v>222-0207</v>
          </cell>
          <cell r="I2251" t="str">
            <v>222-2856</v>
          </cell>
        </row>
        <row r="2252">
          <cell r="A2252" t="str">
            <v>24223Z</v>
          </cell>
          <cell r="B2252" t="str">
            <v>ﾌﾟﾗﾝﾅｰｽﾞｲﾝｸ</v>
          </cell>
          <cell r="C2252" t="str">
            <v>（有）プランナーズ・インク</v>
          </cell>
          <cell r="D2252" t="str">
            <v>佐藤 栄一</v>
          </cell>
          <cell r="E2252" t="str">
            <v>代表取締役</v>
          </cell>
          <cell r="F2252" t="str">
            <v>003-0005</v>
          </cell>
          <cell r="G2252" t="str">
            <v>白石区東札幌５－１－１－１</v>
          </cell>
          <cell r="H2252" t="str">
            <v>817-0702</v>
          </cell>
          <cell r="I2252" t="str">
            <v>817-0703</v>
          </cell>
        </row>
        <row r="2253">
          <cell r="A2253" t="str">
            <v>24224X</v>
          </cell>
          <cell r="B2253" t="str">
            <v>ﾌﾞﾗｲﾄｻｯﾎﾟﾛ</v>
          </cell>
          <cell r="C2253" t="str">
            <v>（株）ブライトサッポロ</v>
          </cell>
          <cell r="D2253" t="str">
            <v>山田 悦子</v>
          </cell>
          <cell r="E2253" t="str">
            <v>代表取締役</v>
          </cell>
          <cell r="F2253" t="str">
            <v>060-0051</v>
          </cell>
          <cell r="G2253" t="str">
            <v>中央区南１東２－１３－４</v>
          </cell>
          <cell r="H2253" t="str">
            <v>241-0345</v>
          </cell>
          <cell r="I2253" t="str">
            <v>241-0567</v>
          </cell>
        </row>
        <row r="2254">
          <cell r="A2254" t="str">
            <v>24231R</v>
          </cell>
          <cell r="B2254" t="str">
            <v>ﾌｼﾞﾈｯﾄ</v>
          </cell>
          <cell r="C2254" t="str">
            <v>（株）フジネット</v>
          </cell>
          <cell r="D2254" t="str">
            <v>山本 喜章</v>
          </cell>
          <cell r="E2254" t="str">
            <v>代表取締役社長</v>
          </cell>
          <cell r="F2254" t="str">
            <v>060-0012</v>
          </cell>
          <cell r="G2254" t="str">
            <v>中央区北１２西２３－１－４</v>
          </cell>
          <cell r="H2254" t="str">
            <v>643-3015</v>
          </cell>
          <cell r="I2254" t="str">
            <v>643-3028</v>
          </cell>
        </row>
        <row r="2255">
          <cell r="A2255" t="str">
            <v>24232N</v>
          </cell>
          <cell r="B2255" t="str">
            <v>ﾌｼﾞﾂｳｿｳｹﾝ</v>
          </cell>
          <cell r="C2255" t="str">
            <v>（株）富士通総研</v>
          </cell>
          <cell r="D2255" t="str">
            <v>長谷川 展久</v>
          </cell>
          <cell r="E2255" t="str">
            <v>代表取締役社長</v>
          </cell>
          <cell r="F2255" t="str">
            <v>105-0022</v>
          </cell>
          <cell r="G2255" t="str">
            <v>東京都港区海岸１－１６－１</v>
          </cell>
          <cell r="H2255" t="str">
            <v>03-5401-8396</v>
          </cell>
          <cell r="I2255" t="str">
            <v>03-5401-8439</v>
          </cell>
        </row>
        <row r="2256">
          <cell r="A2256" t="str">
            <v>24234W</v>
          </cell>
          <cell r="B2256" t="str">
            <v>ﾌｼﾞﾃﾞﾝｷｾｲｻｸｼｮ</v>
          </cell>
          <cell r="C2256" t="str">
            <v>（株）富士電機製作所</v>
          </cell>
          <cell r="D2256" t="str">
            <v>青野 衛</v>
          </cell>
          <cell r="E2256" t="str">
            <v>代表取締役</v>
          </cell>
          <cell r="F2256" t="str">
            <v>576-0054</v>
          </cell>
          <cell r="G2256" t="str">
            <v>大阪府交野市幾野５－１９－１</v>
          </cell>
          <cell r="H2256" t="str">
            <v>072-892-5555</v>
          </cell>
          <cell r="I2256" t="str">
            <v>072-892-5559</v>
          </cell>
        </row>
        <row r="2257">
          <cell r="A2257" t="str">
            <v>24235S</v>
          </cell>
          <cell r="B2257" t="str">
            <v>ﾌﾟﾘｽﾞﾑ</v>
          </cell>
          <cell r="C2257" t="str">
            <v>（株）プリズム</v>
          </cell>
          <cell r="D2257" t="str">
            <v>深津 修一</v>
          </cell>
          <cell r="E2257" t="str">
            <v>代表取締役</v>
          </cell>
          <cell r="F2257" t="str">
            <v>060-0031</v>
          </cell>
          <cell r="G2257" t="str">
            <v>中央区北１東１３－１－７９</v>
          </cell>
          <cell r="H2257" t="str">
            <v>252-3838</v>
          </cell>
          <cell r="I2257" t="str">
            <v>252-3848</v>
          </cell>
        </row>
        <row r="2258">
          <cell r="A2258" t="str">
            <v>24236P</v>
          </cell>
          <cell r="B2258" t="str">
            <v>ﾌｸﾐｼｮｳｼﾞ</v>
          </cell>
          <cell r="C2258" t="str">
            <v>（有）福美商事</v>
          </cell>
          <cell r="D2258" t="str">
            <v>木原 忠美</v>
          </cell>
          <cell r="E2258" t="str">
            <v>代表取締役</v>
          </cell>
          <cell r="F2258" t="str">
            <v>001-0025</v>
          </cell>
          <cell r="G2258" t="str">
            <v>北区北２５西５－３－１１ 福美ビル１Ｆ</v>
          </cell>
          <cell r="H2258" t="str">
            <v>758-0756</v>
          </cell>
          <cell r="I2258" t="str">
            <v>758-6122</v>
          </cell>
        </row>
        <row r="2259">
          <cell r="A2259" t="str">
            <v>24238X</v>
          </cell>
          <cell r="B2259" t="str">
            <v>ﾌﾟﾗﾈｯﾄｺﾆｼ</v>
          </cell>
          <cell r="C2259" t="str">
            <v>（有）ぷらねっと小西</v>
          </cell>
          <cell r="D2259" t="str">
            <v>小西 康昭</v>
          </cell>
          <cell r="E2259" t="str">
            <v>代表取締役</v>
          </cell>
          <cell r="F2259" t="str">
            <v>047-0031</v>
          </cell>
          <cell r="G2259" t="str">
            <v>小樽市色内３－２－１６</v>
          </cell>
          <cell r="H2259" t="str">
            <v>0134-23-0396</v>
          </cell>
          <cell r="I2259" t="str">
            <v>0134-25-4356</v>
          </cell>
        </row>
        <row r="2260">
          <cell r="A2260" t="str">
            <v>24241P</v>
          </cell>
          <cell r="B2260" t="str">
            <v>ﾌｼﾞﾌｨﾙﾑﾒﾃﾞｨｶﾙ</v>
          </cell>
          <cell r="C2260" t="str">
            <v>富士フィルムメディカル（株）札幌営業所</v>
          </cell>
          <cell r="D2260" t="str">
            <v>石野 浩彰</v>
          </cell>
          <cell r="E2260" t="str">
            <v>所長</v>
          </cell>
          <cell r="F2260" t="str">
            <v>001-0018</v>
          </cell>
          <cell r="G2260" t="str">
            <v>北区北１８西３－１－３８</v>
          </cell>
          <cell r="H2260" t="str">
            <v>758-0381</v>
          </cell>
          <cell r="I2260" t="str">
            <v>747-9485</v>
          </cell>
        </row>
        <row r="2261">
          <cell r="A2261" t="str">
            <v>24242Z</v>
          </cell>
          <cell r="B2261" t="str">
            <v>ﾌﾟﾗｻﾞ</v>
          </cell>
          <cell r="C2261" t="str">
            <v>（株）プラザ</v>
          </cell>
          <cell r="D2261" t="str">
            <v>高橋 賢蔵</v>
          </cell>
          <cell r="E2261" t="str">
            <v>代表取締役</v>
          </cell>
          <cell r="F2261" t="str">
            <v>063-0007</v>
          </cell>
          <cell r="G2261" t="str">
            <v>西区山の手７－６－５－１５</v>
          </cell>
          <cell r="H2261" t="str">
            <v>631-2266</v>
          </cell>
          <cell r="I2261" t="str">
            <v>631-6316</v>
          </cell>
        </row>
        <row r="2262">
          <cell r="A2262" t="str">
            <v>24244V</v>
          </cell>
          <cell r="B2262" t="str">
            <v>ﾌﾟﾛﾊﾟﾝﾆﾔｸ</v>
          </cell>
          <cell r="C2262" t="str">
            <v>プロパン荷役（株）</v>
          </cell>
          <cell r="D2262" t="str">
            <v>横山 光國</v>
          </cell>
          <cell r="E2262" t="str">
            <v>代表取締役</v>
          </cell>
          <cell r="F2262" t="str">
            <v>064-0913</v>
          </cell>
          <cell r="G2262" t="str">
            <v>中央区南１３西９－３－３８</v>
          </cell>
          <cell r="H2262" t="str">
            <v>511-7138</v>
          </cell>
          <cell r="I2262" t="str">
            <v>521-1413</v>
          </cell>
        </row>
        <row r="2263">
          <cell r="A2263" t="str">
            <v>24245R</v>
          </cell>
          <cell r="B2263" t="str">
            <v>ﾌﾞﾘﾁﾞｽﾄﾝﾘﾃｰﾙﾎｯｶｲﾄﾞｳ</v>
          </cell>
          <cell r="C2263" t="str">
            <v>ブリヂストンリテール北海道（株）</v>
          </cell>
          <cell r="D2263" t="str">
            <v>高橋 慎一</v>
          </cell>
          <cell r="E2263" t="str">
            <v>代表取締役</v>
          </cell>
          <cell r="F2263" t="str">
            <v>003-8503</v>
          </cell>
          <cell r="G2263" t="str">
            <v>白石区菊水３－５－１－２</v>
          </cell>
          <cell r="H2263" t="str">
            <v>814-7508</v>
          </cell>
          <cell r="I2263" t="str">
            <v>814-5988</v>
          </cell>
        </row>
        <row r="2264">
          <cell r="A2264" t="str">
            <v>24246N</v>
          </cell>
          <cell r="B2264" t="str">
            <v>ﾌｼﾞﾑﾗﾃﾞﾝｷｶﾝﾘｼﾞﾑｼｮ</v>
          </cell>
          <cell r="C2264" t="str">
            <v>藤村電気管理事務所</v>
          </cell>
          <cell r="D2264" t="str">
            <v>藤村 眞次</v>
          </cell>
          <cell r="E2264" t="str">
            <v>代表</v>
          </cell>
          <cell r="F2264" t="str">
            <v>001-0905</v>
          </cell>
          <cell r="G2264" t="str">
            <v>北区新琴似５－２－１－６－６０１</v>
          </cell>
          <cell r="H2264" t="str">
            <v>761-3205</v>
          </cell>
          <cell r="I2264" t="str">
            <v>761-3205</v>
          </cell>
        </row>
        <row r="2265">
          <cell r="A2265" t="str">
            <v>24247Y</v>
          </cell>
          <cell r="B2265" t="str">
            <v>ﾌｼﾞﾂｳｺﾜｰｺ</v>
          </cell>
          <cell r="C2265" t="str">
            <v>富士通コワーコ（株）北海道支社</v>
          </cell>
          <cell r="D2265" t="str">
            <v>西本 秀一</v>
          </cell>
          <cell r="E2265" t="str">
            <v>支社長</v>
          </cell>
          <cell r="F2265" t="str">
            <v>060-0001</v>
          </cell>
          <cell r="G2265" t="str">
            <v>中央区北１西２ 札幌時計台ビル</v>
          </cell>
          <cell r="H2265" t="str">
            <v>221-3966</v>
          </cell>
          <cell r="I2265" t="str">
            <v>221-5384</v>
          </cell>
        </row>
        <row r="2266">
          <cell r="A2266" t="str">
            <v>24249T</v>
          </cell>
          <cell r="B2266" t="str">
            <v>ﾌｧﾝｸﾘｴｲﾄ</v>
          </cell>
          <cell r="C2266" t="str">
            <v>（有）ファンクリエイト</v>
          </cell>
          <cell r="D2266" t="str">
            <v>清水 隆典</v>
          </cell>
          <cell r="E2266" t="str">
            <v>代表取締役</v>
          </cell>
          <cell r="F2266" t="str">
            <v>062-0041</v>
          </cell>
          <cell r="G2266" t="str">
            <v>豊平区福住１－５－１３－１８</v>
          </cell>
          <cell r="H2266" t="str">
            <v>853-5229</v>
          </cell>
          <cell r="I2266" t="str">
            <v>853-4081</v>
          </cell>
        </row>
        <row r="2267">
          <cell r="A2267" t="str">
            <v>24252Y</v>
          </cell>
          <cell r="B2267" t="str">
            <v>ﾐｽﾞﾎｼﾞｮｳﾎｳｿｳｹﾝ</v>
          </cell>
          <cell r="C2267" t="str">
            <v>みずほ情報総研（株）</v>
          </cell>
          <cell r="D2267" t="str">
            <v>安念 満</v>
          </cell>
          <cell r="E2267" t="str">
            <v>代表取締役社長</v>
          </cell>
          <cell r="F2267" t="str">
            <v>101-8443</v>
          </cell>
          <cell r="G2267" t="str">
            <v>東京都千代田区神田錦町２－３</v>
          </cell>
          <cell r="H2267" t="str">
            <v>03-5281-5281</v>
          </cell>
          <cell r="I2267" t="str">
            <v>03-5281-5444</v>
          </cell>
        </row>
        <row r="2268">
          <cell r="A2268" t="str">
            <v>24253W</v>
          </cell>
          <cell r="B2268" t="str">
            <v>ﾌｼﾞﾂｳｵﾌｨｽｷｷ</v>
          </cell>
          <cell r="C2268" t="str">
            <v>富士通オフィス機器（株）</v>
          </cell>
          <cell r="D2268" t="str">
            <v>松尾 好洋</v>
          </cell>
          <cell r="E2268" t="str">
            <v>代表取締役社長</v>
          </cell>
          <cell r="F2268" t="str">
            <v>105-6891</v>
          </cell>
          <cell r="G2268" t="str">
            <v>東京都港区海岸１－１６－１</v>
          </cell>
          <cell r="H2268" t="str">
            <v>03-5401-8470</v>
          </cell>
          <cell r="I2268" t="str">
            <v>03-5401-8471</v>
          </cell>
        </row>
        <row r="2269">
          <cell r="A2269" t="str">
            <v>24254T</v>
          </cell>
          <cell r="B2269" t="str">
            <v>ﾌｼﾞｽﾀｯﾌ</v>
          </cell>
          <cell r="C2269" t="str">
            <v>（株）フジスタッフ</v>
          </cell>
          <cell r="D2269" t="str">
            <v>増山 律子</v>
          </cell>
          <cell r="E2269" t="str">
            <v>代表取締役</v>
          </cell>
          <cell r="F2269" t="str">
            <v>100-6227</v>
          </cell>
          <cell r="G2269" t="str">
            <v>東京都千代田区丸の内１－１１－１</v>
          </cell>
          <cell r="H2269" t="str">
            <v>03-5220-0970</v>
          </cell>
          <cell r="I2269" t="str">
            <v>03-5220-2825</v>
          </cell>
        </row>
        <row r="2270">
          <cell r="A2270" t="str">
            <v>24255P</v>
          </cell>
          <cell r="B2270" t="str">
            <v>ﾌｭｰｼﾞｮﾝ</v>
          </cell>
          <cell r="C2270" t="str">
            <v>（株）フュージョン</v>
          </cell>
          <cell r="D2270" t="str">
            <v>高谷 幸史</v>
          </cell>
          <cell r="E2270" t="str">
            <v>代表取締役</v>
          </cell>
          <cell r="F2270" t="str">
            <v>063-0849</v>
          </cell>
          <cell r="G2270" t="str">
            <v>西区八軒９西９－１－１</v>
          </cell>
          <cell r="H2270" t="str">
            <v>622-7788</v>
          </cell>
          <cell r="I2270" t="str">
            <v>622-7798</v>
          </cell>
        </row>
        <row r="2271">
          <cell r="A2271" t="str">
            <v>24256Z</v>
          </cell>
          <cell r="B2271" t="str">
            <v>ﾌｼﾞｵｰﾈ･ﾃｸﾉ･ｿﾘｭｰｼｮﾝｽﾞ</v>
          </cell>
          <cell r="C2271" t="str">
            <v>フジオーネ・テクノ・ソリューションズ（株</v>
          </cell>
          <cell r="D2271" t="str">
            <v>中尾 直仁</v>
          </cell>
          <cell r="E2271" t="str">
            <v>代表取締役</v>
          </cell>
          <cell r="F2271" t="str">
            <v>160-0023</v>
          </cell>
          <cell r="G2271" t="str">
            <v>東京都新宿区西新宿１－２４－１</v>
          </cell>
          <cell r="H2271" t="str">
            <v>03-3346-7767</v>
          </cell>
          <cell r="I2271" t="str">
            <v>03-3346-0310</v>
          </cell>
        </row>
        <row r="2272">
          <cell r="A2272" t="str">
            <v>24257X</v>
          </cell>
          <cell r="B2272" t="str">
            <v>ﾌﾞｯｸｽﾎﾙﾌﾟ</v>
          </cell>
          <cell r="C2272" t="str">
            <v>（有）ブックスほるぷ</v>
          </cell>
          <cell r="D2272" t="str">
            <v>立花 孝</v>
          </cell>
          <cell r="E2272" t="str">
            <v>取締役</v>
          </cell>
          <cell r="F2272" t="str">
            <v>063-0051</v>
          </cell>
          <cell r="G2272" t="str">
            <v>西区宮の沢１－１－７－１</v>
          </cell>
          <cell r="H2272" t="str">
            <v>669-8566</v>
          </cell>
          <cell r="I2272" t="str">
            <v>669-8567</v>
          </cell>
        </row>
        <row r="2273">
          <cell r="A2273" t="str">
            <v>24258V</v>
          </cell>
          <cell r="B2273" t="str">
            <v>ﾌｼﾞﾃﾞﾝｷｱｲﾃｨｿﾘｭｰｼｮﾝ</v>
          </cell>
          <cell r="C2273" t="str">
            <v>富士電機ＩＴソリューション（株）北海道支社</v>
          </cell>
          <cell r="D2273" t="str">
            <v>九谷 林太郎</v>
          </cell>
          <cell r="E2273" t="str">
            <v>支社長</v>
          </cell>
          <cell r="F2273" t="str">
            <v>060-0031</v>
          </cell>
          <cell r="G2273" t="str">
            <v>中央区北１東２－５－２ 札幌泉第２ビル</v>
          </cell>
          <cell r="H2273" t="str">
            <v>251-2261</v>
          </cell>
          <cell r="I2273" t="str">
            <v>251-2275</v>
          </cell>
        </row>
        <row r="2274">
          <cell r="A2274" t="str">
            <v>24260P</v>
          </cell>
          <cell r="B2274" t="str">
            <v>ﾌﾟﾗﾝ･ﾌﾟﾛﾃﾞｭｰｽ</v>
          </cell>
          <cell r="C2274" t="str">
            <v>（有）プラン・プロデュース</v>
          </cell>
          <cell r="D2274" t="str">
            <v>長谷川 憲博</v>
          </cell>
          <cell r="E2274" t="str">
            <v>代表取締役</v>
          </cell>
          <cell r="F2274" t="str">
            <v>060-0041</v>
          </cell>
          <cell r="G2274" t="str">
            <v>中央区大通東２－３ 松村ビル９</v>
          </cell>
          <cell r="H2274" t="str">
            <v>219-2311</v>
          </cell>
          <cell r="I2274" t="str">
            <v>219-2316</v>
          </cell>
        </row>
        <row r="2275">
          <cell r="A2275" t="str">
            <v>24261Z</v>
          </cell>
          <cell r="B2275" t="str">
            <v>ﾌﾞﾗｻﾞｰﾊﾝﾊﾞｲ</v>
          </cell>
          <cell r="C2275" t="str">
            <v>ブラザー販売（株）ＣＳ推進部</v>
          </cell>
          <cell r="D2275" t="str">
            <v>小原 啓寿</v>
          </cell>
          <cell r="E2275" t="str">
            <v>ＣＳ推進部長</v>
          </cell>
          <cell r="F2275" t="str">
            <v>467-8577</v>
          </cell>
          <cell r="G2275" t="str">
            <v>区名古屋市瑞穂区苗代町１５－１</v>
          </cell>
          <cell r="H2275" t="str">
            <v>052-824-3055</v>
          </cell>
          <cell r="I2275" t="str">
            <v>052-824-3043</v>
          </cell>
        </row>
        <row r="2276">
          <cell r="A2276" t="str">
            <v>24262X</v>
          </cell>
          <cell r="B2276" t="str">
            <v>ﾌﾗﾜｰｼｮｯﾌﾟｻﾝﾌﾗﾜｰ</v>
          </cell>
          <cell r="C2276" t="str">
            <v>フラワーショップサンフラワー</v>
          </cell>
          <cell r="D2276" t="str">
            <v>鹿野 貴久</v>
          </cell>
          <cell r="E2276" t="str">
            <v>代表</v>
          </cell>
          <cell r="F2276" t="str">
            <v>003-0027</v>
          </cell>
          <cell r="G2276" t="str">
            <v>白石区本通３－北６－１２第２河口ビル１Ｆ</v>
          </cell>
          <cell r="H2276" t="str">
            <v>846-2306</v>
          </cell>
          <cell r="I2276" t="str">
            <v>846-2306</v>
          </cell>
        </row>
        <row r="2277">
          <cell r="A2277" t="str">
            <v>24264S</v>
          </cell>
          <cell r="B2277" t="str">
            <v>ﾌｼﾞｷﾞｹﾝ</v>
          </cell>
          <cell r="C2277" t="str">
            <v>藤技研（株）</v>
          </cell>
          <cell r="D2277" t="str">
            <v>藤田 一司</v>
          </cell>
          <cell r="E2277" t="str">
            <v>代表取締役</v>
          </cell>
          <cell r="F2277" t="str">
            <v>007-0845</v>
          </cell>
          <cell r="G2277" t="str">
            <v>東区北４５東５－４－３</v>
          </cell>
          <cell r="H2277" t="str">
            <v>752-8112</v>
          </cell>
          <cell r="I2277" t="str">
            <v>752-2005</v>
          </cell>
        </row>
        <row r="2278">
          <cell r="A2278" t="str">
            <v>24266Y</v>
          </cell>
          <cell r="B2278" t="str">
            <v>ﾌﾟﾚﾝﾃｨ</v>
          </cell>
          <cell r="C2278" t="str">
            <v>（株）プレンティ</v>
          </cell>
          <cell r="D2278" t="str">
            <v>佐々木 栄一</v>
          </cell>
          <cell r="E2278" t="str">
            <v>代表取締役</v>
          </cell>
          <cell r="F2278" t="str">
            <v>107-0052</v>
          </cell>
          <cell r="G2278" t="str">
            <v>東京都港区赤坂９－６－２７</v>
          </cell>
          <cell r="H2278" t="str">
            <v>03-3568-8781</v>
          </cell>
          <cell r="I2278" t="str">
            <v>03-3568-8782</v>
          </cell>
        </row>
        <row r="2279">
          <cell r="A2279" t="str">
            <v>24267W</v>
          </cell>
          <cell r="B2279" t="str">
            <v>ﾌﾅﾀﾌﾞﾄﾞｳｸﾞ</v>
          </cell>
          <cell r="C2279" t="str">
            <v>フナタ武道具</v>
          </cell>
          <cell r="D2279" t="str">
            <v>船田 幸治</v>
          </cell>
          <cell r="E2279" t="str">
            <v>代表</v>
          </cell>
          <cell r="F2279" t="str">
            <v>007-0850</v>
          </cell>
          <cell r="G2279" t="str">
            <v>東区北５０東１５－６－３０</v>
          </cell>
          <cell r="H2279" t="str">
            <v>731-8777</v>
          </cell>
          <cell r="I2279" t="str">
            <v>731-8766</v>
          </cell>
        </row>
        <row r="2280">
          <cell r="A2280" t="str">
            <v>24268T</v>
          </cell>
          <cell r="B2280" t="str">
            <v>ﾌﾟﾗﾝｵﾌｨｽｻｴｷ</v>
          </cell>
          <cell r="C2280" t="str">
            <v>プランオフィスサエキ</v>
          </cell>
          <cell r="D2280" t="str">
            <v>佐伯 一春</v>
          </cell>
          <cell r="E2280" t="str">
            <v>代表</v>
          </cell>
          <cell r="F2280" t="str">
            <v>063-0022</v>
          </cell>
          <cell r="G2280" t="str">
            <v>西区平和２－８－３－８</v>
          </cell>
          <cell r="H2280" t="str">
            <v>663-4189</v>
          </cell>
          <cell r="I2280" t="str">
            <v>663-4189</v>
          </cell>
        </row>
        <row r="2281">
          <cell r="A2281" t="str">
            <v>24501Y</v>
          </cell>
          <cell r="B2281" t="str">
            <v>ﾍｲﾜﾄﾞｳ</v>
          </cell>
          <cell r="C2281" t="str">
            <v>（株）平和堂</v>
          </cell>
          <cell r="D2281" t="str">
            <v>高川 憲正</v>
          </cell>
          <cell r="E2281" t="str">
            <v>代表取締役</v>
          </cell>
          <cell r="F2281" t="str">
            <v>065-0020</v>
          </cell>
          <cell r="G2281" t="str">
            <v>東区北２０東１４－４－２３</v>
          </cell>
          <cell r="H2281" t="str">
            <v>741-1658</v>
          </cell>
          <cell r="I2281" t="str">
            <v>741-5368</v>
          </cell>
        </row>
        <row r="2282">
          <cell r="A2282" t="str">
            <v>24506X</v>
          </cell>
          <cell r="B2282" t="str">
            <v>ﾍﾝｼｭｳﾉﾓﾘ</v>
          </cell>
          <cell r="C2282" t="str">
            <v>（有）編集の森</v>
          </cell>
          <cell r="D2282" t="str">
            <v>渡部 昌樹</v>
          </cell>
          <cell r="E2282" t="str">
            <v>取締役</v>
          </cell>
          <cell r="F2282" t="str">
            <v>061-3204</v>
          </cell>
          <cell r="G2282" t="str">
            <v>石狩市花川南４－４－５８－２</v>
          </cell>
          <cell r="H2282" t="str">
            <v>0133-72-1760</v>
          </cell>
          <cell r="I2282" t="str">
            <v>0133-72-1760</v>
          </cell>
        </row>
        <row r="2283">
          <cell r="A2283" t="str">
            <v>24507V</v>
          </cell>
          <cell r="B2283" t="str">
            <v>ﾍﾞﾝ</v>
          </cell>
          <cell r="C2283" t="str">
            <v>（株）ベン札幌営業所</v>
          </cell>
          <cell r="D2283" t="str">
            <v>山崎 伸二</v>
          </cell>
          <cell r="E2283" t="str">
            <v>所長</v>
          </cell>
          <cell r="F2283" t="str">
            <v>064-0923</v>
          </cell>
          <cell r="G2283" t="str">
            <v>中央区南２３西９－３－１２</v>
          </cell>
          <cell r="H2283" t="str">
            <v>513-0141</v>
          </cell>
          <cell r="I2283" t="str">
            <v>530-2007</v>
          </cell>
        </row>
        <row r="2284">
          <cell r="A2284" t="str">
            <v>24510Z</v>
          </cell>
          <cell r="B2284" t="str">
            <v>ﾍﾞﾘｰｸﾘｰﾝ</v>
          </cell>
          <cell r="C2284" t="str">
            <v>（株）ベリークリーン札幌営業所</v>
          </cell>
          <cell r="D2284" t="str">
            <v>川村 誠</v>
          </cell>
          <cell r="E2284" t="str">
            <v>所長</v>
          </cell>
          <cell r="F2284" t="str">
            <v>060-0042</v>
          </cell>
          <cell r="G2284" t="str">
            <v>中央区大通西８－２－２４ 明治安田生命札幌大通</v>
          </cell>
          <cell r="H2284" t="str">
            <v>221-0911</v>
          </cell>
          <cell r="I2284" t="str">
            <v>222-6779</v>
          </cell>
        </row>
        <row r="2285">
          <cell r="A2285" t="str">
            <v>24511X</v>
          </cell>
          <cell r="B2285" t="str">
            <v>ﾍｲｱﾝｹｲﾋﾞﾎｼｮｳ</v>
          </cell>
          <cell r="C2285" t="str">
            <v>平安警備保障（株）</v>
          </cell>
          <cell r="D2285" t="str">
            <v>嶋田 雅博</v>
          </cell>
          <cell r="E2285" t="str">
            <v>代表取締役</v>
          </cell>
          <cell r="F2285" t="str">
            <v>001-0907</v>
          </cell>
          <cell r="G2285" t="str">
            <v>北区新琴似７－１３－４－２１</v>
          </cell>
          <cell r="H2285" t="str">
            <v>762-3388</v>
          </cell>
          <cell r="I2285" t="str">
            <v>762-9388</v>
          </cell>
        </row>
        <row r="2286">
          <cell r="A2286" t="str">
            <v>24512V</v>
          </cell>
          <cell r="B2286" t="str">
            <v>ﾍﾞﾙｼｽﾃﾑ24</v>
          </cell>
          <cell r="C2286" t="str">
            <v>（株）ベルシステム２４</v>
          </cell>
          <cell r="D2286" t="str">
            <v>園山 征夫</v>
          </cell>
          <cell r="E2286" t="str">
            <v>代表取締役</v>
          </cell>
          <cell r="F2286" t="str">
            <v>171-0022</v>
          </cell>
          <cell r="G2286" t="str">
            <v>東京都豊島区南池袋２－１６－８</v>
          </cell>
          <cell r="H2286" t="str">
            <v>03-3590-0024</v>
          </cell>
          <cell r="I2286" t="str">
            <v>03-6418-3720</v>
          </cell>
        </row>
        <row r="2287">
          <cell r="A2287" t="str">
            <v>24516W</v>
          </cell>
          <cell r="B2287" t="str">
            <v>ﾍﾞｽﾄﾃﾞﾝｷ</v>
          </cell>
          <cell r="C2287" t="str">
            <v>（株）ベスト電器札幌駅西口店札幌外商</v>
          </cell>
          <cell r="D2287" t="str">
            <v>阿部 浩知</v>
          </cell>
          <cell r="E2287" t="str">
            <v>店長</v>
          </cell>
          <cell r="F2287" t="str">
            <v>060-0806</v>
          </cell>
          <cell r="G2287" t="str">
            <v>北区北６西５－１－１２</v>
          </cell>
          <cell r="H2287" t="str">
            <v>223-4160</v>
          </cell>
          <cell r="I2287" t="str">
            <v>223-5443</v>
          </cell>
        </row>
        <row r="2288">
          <cell r="A2288" t="str">
            <v>24517T</v>
          </cell>
          <cell r="B2288" t="str">
            <v>ﾎｸﾃﾞﾝｺｳｷﾞｮｳ</v>
          </cell>
          <cell r="C2288" t="str">
            <v>北電興業（株）</v>
          </cell>
          <cell r="D2288" t="str">
            <v>安田 稔</v>
          </cell>
          <cell r="E2288" t="str">
            <v>取締役社長</v>
          </cell>
          <cell r="F2288" t="str">
            <v>060-0031</v>
          </cell>
          <cell r="G2288" t="str">
            <v>中央区北１東３－１</v>
          </cell>
          <cell r="H2288" t="str">
            <v>261-1476</v>
          </cell>
          <cell r="I2288" t="str">
            <v>251-7674</v>
          </cell>
        </row>
        <row r="2289">
          <cell r="A2289" t="str">
            <v>24518R</v>
          </cell>
          <cell r="B2289" t="str">
            <v>ﾍﾞﾈｯｾｺｰﾎﾟﾚｰｼｮﾝ</v>
          </cell>
          <cell r="C2289" t="str">
            <v>（株）ベネッセコーポレーション小中学校事業部</v>
          </cell>
          <cell r="D2289" t="str">
            <v>田中 隆章</v>
          </cell>
          <cell r="E2289" t="str">
            <v>統括責任者</v>
          </cell>
          <cell r="F2289" t="str">
            <v>700-8686</v>
          </cell>
          <cell r="G2289" t="str">
            <v>区岡山県岡山市南方３－７－１７</v>
          </cell>
          <cell r="H2289" t="str">
            <v>086-221-2900</v>
          </cell>
          <cell r="I2289" t="str">
            <v>086-227-6117</v>
          </cell>
        </row>
        <row r="2290">
          <cell r="A2290" t="str">
            <v>25001Y</v>
          </cell>
          <cell r="B2290" t="str">
            <v>ﾎｯｶｲﾄﾞｳｲﾝｻﾂｷｶｸ</v>
          </cell>
          <cell r="C2290" t="str">
            <v>北海道印刷企画（株）</v>
          </cell>
          <cell r="D2290" t="str">
            <v>石井 直義</v>
          </cell>
          <cell r="E2290" t="str">
            <v>代表取締役</v>
          </cell>
          <cell r="F2290" t="str">
            <v>064-0811</v>
          </cell>
          <cell r="G2290" t="str">
            <v>中央区南１１西９－３－３５</v>
          </cell>
          <cell r="H2290" t="str">
            <v>562-0075</v>
          </cell>
          <cell r="I2290" t="str">
            <v>562-0355</v>
          </cell>
        </row>
        <row r="2291">
          <cell r="A2291" t="str">
            <v>25005Z</v>
          </cell>
          <cell r="B2291" t="str">
            <v>ﾎｯｶｲﾄﾞｳｼﾞｪｲ･ｱｰﾙ･ｼｽﾃﾑｶｲﾊﾂ</v>
          </cell>
          <cell r="C2291" t="str">
            <v>（株）北海道ジェイ・アール・システム開発</v>
          </cell>
          <cell r="D2291" t="str">
            <v>田中 博敏</v>
          </cell>
          <cell r="E2291" t="str">
            <v>代表取締役社長</v>
          </cell>
          <cell r="F2291" t="str">
            <v>060-0906</v>
          </cell>
          <cell r="G2291" t="str">
            <v>東区北６東４－１－４</v>
          </cell>
          <cell r="H2291" t="str">
            <v>751-1000</v>
          </cell>
          <cell r="I2291" t="str">
            <v>750-2881</v>
          </cell>
        </row>
        <row r="2292">
          <cell r="A2292" t="str">
            <v>25012V</v>
          </cell>
          <cell r="B2292" t="str">
            <v>ﾎｯｶｲﾄﾞｳﾌｸｼｬｻﾝｷﾞｮｳ</v>
          </cell>
          <cell r="C2292" t="str">
            <v>北海道複写産業（協）</v>
          </cell>
          <cell r="D2292" t="str">
            <v>山田 修三</v>
          </cell>
          <cell r="E2292" t="str">
            <v>代表理事</v>
          </cell>
          <cell r="F2292" t="str">
            <v>060-0051</v>
          </cell>
          <cell r="G2292" t="str">
            <v>中央区南１東１－５ 大通りﾊﾞｽｾﾝﾀｰﾋﾞﾙ１号館</v>
          </cell>
          <cell r="H2292" t="str">
            <v>221-0474</v>
          </cell>
          <cell r="I2292" t="str">
            <v>241-3309</v>
          </cell>
        </row>
        <row r="2293">
          <cell r="A2293" t="str">
            <v>25016W</v>
          </cell>
          <cell r="B2293" t="str">
            <v>ｴｲﾁ･ﾋﾞｰ･ｼｰ･ﾌﾚｯｸｽ</v>
          </cell>
          <cell r="C2293" t="str">
            <v>（株）エイチ・ビー・シー・フレックス</v>
          </cell>
          <cell r="D2293" t="str">
            <v>伊東 英輔</v>
          </cell>
          <cell r="E2293" t="str">
            <v>代表取締役</v>
          </cell>
          <cell r="F2293" t="str">
            <v>060-0001</v>
          </cell>
          <cell r="G2293" t="str">
            <v>中央区北１西５－１</v>
          </cell>
          <cell r="H2293" t="str">
            <v>261-5606</v>
          </cell>
          <cell r="I2293" t="str">
            <v>221-3369</v>
          </cell>
        </row>
        <row r="2294">
          <cell r="A2294" t="str">
            <v>25017T</v>
          </cell>
          <cell r="B2294" t="str">
            <v>ﾎﾝｺﾞｳｹｲｿｸｷ</v>
          </cell>
          <cell r="C2294" t="str">
            <v>本郷計測機（株）札幌支店</v>
          </cell>
          <cell r="D2294" t="str">
            <v>本郷 嘉彦</v>
          </cell>
          <cell r="E2294" t="str">
            <v>代表取締役</v>
          </cell>
          <cell r="F2294" t="str">
            <v>060-0033</v>
          </cell>
          <cell r="G2294" t="str">
            <v>中央区北３東１０</v>
          </cell>
          <cell r="H2294" t="str">
            <v>241-8551</v>
          </cell>
          <cell r="I2294" t="str">
            <v>222-1738</v>
          </cell>
        </row>
        <row r="2295">
          <cell r="A2295" t="str">
            <v>25018R</v>
          </cell>
          <cell r="B2295" t="str">
            <v>ｴﾇ･ﾃｨ･ﾃｨ･ﾃﾞｰﾀﾎｯｶｲﾄﾞｳ</v>
          </cell>
          <cell r="C2295" t="str">
            <v>（株）エヌ・ティ・ティ・データ北海道</v>
          </cell>
          <cell r="D2295" t="str">
            <v>伊藤 敏</v>
          </cell>
          <cell r="E2295" t="str">
            <v>代表取締役社長</v>
          </cell>
          <cell r="F2295" t="str">
            <v>060-0002</v>
          </cell>
          <cell r="G2295" t="str">
            <v>中央区北２西４－１ 北海道ビルヂング</v>
          </cell>
          <cell r="H2295" t="str">
            <v>281-7017</v>
          </cell>
          <cell r="I2295" t="str">
            <v>272-2757</v>
          </cell>
        </row>
        <row r="2296">
          <cell r="A2296" t="str">
            <v>25019N</v>
          </cell>
          <cell r="B2296" t="str">
            <v>ﾎｳﾜｼﾞﾄﾞｳｼｬ</v>
          </cell>
          <cell r="C2296" t="str">
            <v>豊和自動車（株）</v>
          </cell>
          <cell r="D2296" t="str">
            <v>瀧川 雅司</v>
          </cell>
          <cell r="E2296" t="str">
            <v>代表取締役</v>
          </cell>
          <cell r="F2296" t="str">
            <v>062-0911</v>
          </cell>
          <cell r="G2296" t="str">
            <v>豊平区旭町３－１－１１</v>
          </cell>
          <cell r="H2296" t="str">
            <v>831-0061</v>
          </cell>
          <cell r="I2296" t="str">
            <v>811-6394</v>
          </cell>
        </row>
        <row r="2297">
          <cell r="A2297" t="str">
            <v>25020Y</v>
          </cell>
          <cell r="B2297" t="str">
            <v>ﾎｯｶｲﾄﾞｳｶｰｵｲﾙ</v>
          </cell>
          <cell r="C2297" t="str">
            <v>北海道カーオイル（株）</v>
          </cell>
          <cell r="D2297" t="str">
            <v>佐直 範繁</v>
          </cell>
          <cell r="E2297" t="str">
            <v>代表取締役</v>
          </cell>
          <cell r="F2297" t="str">
            <v>060-0001</v>
          </cell>
          <cell r="G2297" t="str">
            <v>中央区北１西１８－２－３－１</v>
          </cell>
          <cell r="H2297" t="str">
            <v>621-6210</v>
          </cell>
          <cell r="I2297" t="str">
            <v>613-6626</v>
          </cell>
        </row>
        <row r="2298">
          <cell r="A2298" t="str">
            <v>25024N</v>
          </cell>
          <cell r="B2298" t="str">
            <v>ﾎｯﾎﾟｳｲﾝｻﾂ</v>
          </cell>
          <cell r="C2298" t="str">
            <v>北邦印刷</v>
          </cell>
          <cell r="D2298" t="str">
            <v>都鳥 鉄夫</v>
          </cell>
          <cell r="E2298" t="str">
            <v>代表</v>
          </cell>
          <cell r="F2298" t="str">
            <v>003-0835</v>
          </cell>
          <cell r="G2298" t="str">
            <v>白石区北郷５－１０－３－８</v>
          </cell>
          <cell r="H2298" t="str">
            <v>873-7610</v>
          </cell>
          <cell r="I2298" t="str">
            <v>873-7610</v>
          </cell>
        </row>
        <row r="2299">
          <cell r="A2299" t="str">
            <v>25025X</v>
          </cell>
          <cell r="B2299" t="str">
            <v>ﾎｯｶｲﾄﾞｳﾂﾊﾞｷﾓﾄﾁｪｲﾝ</v>
          </cell>
          <cell r="C2299" t="str">
            <v>（株）北海道椿本チェイン</v>
          </cell>
          <cell r="D2299" t="str">
            <v>井上 謙一</v>
          </cell>
          <cell r="E2299" t="str">
            <v>代表取締役</v>
          </cell>
          <cell r="F2299" t="str">
            <v>060-0031</v>
          </cell>
          <cell r="G2299" t="str">
            <v>中央区北１東８－９ 湯谷ビル</v>
          </cell>
          <cell r="H2299" t="str">
            <v>261-6501</v>
          </cell>
          <cell r="I2299" t="str">
            <v>251-6214</v>
          </cell>
        </row>
        <row r="2300">
          <cell r="A2300" t="str">
            <v>25027S</v>
          </cell>
          <cell r="B2300" t="str">
            <v>ｴｲﾁﾋﾞｰｴｰ</v>
          </cell>
          <cell r="C2300" t="str">
            <v>（株）ＨＢＡ</v>
          </cell>
          <cell r="D2300" t="str">
            <v>安田 經</v>
          </cell>
          <cell r="E2300" t="str">
            <v>代表取締役社長</v>
          </cell>
          <cell r="F2300" t="str">
            <v>060-0003</v>
          </cell>
          <cell r="G2300" t="str">
            <v>中央区北３西７－１ 緑苑ビル</v>
          </cell>
          <cell r="H2300" t="str">
            <v>231-8301</v>
          </cell>
          <cell r="I2300" t="str">
            <v>281-0915</v>
          </cell>
        </row>
        <row r="2301">
          <cell r="A2301" t="str">
            <v>25028P</v>
          </cell>
          <cell r="B2301" t="str">
            <v>ｱｲﾜｰﾄﾞ</v>
          </cell>
          <cell r="C2301" t="str">
            <v>（株）アイワード</v>
          </cell>
          <cell r="D2301" t="str">
            <v>木野口 功</v>
          </cell>
          <cell r="E2301" t="str">
            <v>代表取締役</v>
          </cell>
          <cell r="F2301" t="str">
            <v>060-0033</v>
          </cell>
          <cell r="G2301" t="str">
            <v>中央区北３東５－５－９１</v>
          </cell>
          <cell r="H2301" t="str">
            <v>241-9341</v>
          </cell>
          <cell r="I2301" t="str">
            <v>207-6178</v>
          </cell>
        </row>
        <row r="2302">
          <cell r="A2302" t="str">
            <v>25029Z</v>
          </cell>
          <cell r="B2302" t="str">
            <v>ﾎｯｶｲﾄﾞｳﾘｺｰ</v>
          </cell>
          <cell r="C2302" t="str">
            <v>北海道リコー（株）</v>
          </cell>
          <cell r="D2302" t="str">
            <v>西本 昌之</v>
          </cell>
          <cell r="E2302" t="str">
            <v>代表取締役</v>
          </cell>
          <cell r="F2302" t="str">
            <v>001-0010</v>
          </cell>
          <cell r="G2302" t="str">
            <v>北区北１０西２－１３－１</v>
          </cell>
          <cell r="H2302" t="str">
            <v>700-5511</v>
          </cell>
          <cell r="I2302" t="str">
            <v>700-5510</v>
          </cell>
        </row>
        <row r="2303">
          <cell r="A2303" t="str">
            <v>25030X</v>
          </cell>
          <cell r="B2303" t="str">
            <v>ﾎｯｶｲﾄﾞｳｴﾑｱｲｾｷﾕ</v>
          </cell>
          <cell r="C2303" t="str">
            <v>北海道エムアイ石油（株）</v>
          </cell>
          <cell r="D2303" t="str">
            <v>田中 邦典</v>
          </cell>
          <cell r="E2303" t="str">
            <v>代表取締役</v>
          </cell>
          <cell r="F2303" t="str">
            <v>060-0018</v>
          </cell>
          <cell r="G2303" t="str">
            <v>中央区北１８西１５－３－１０</v>
          </cell>
          <cell r="H2303" t="str">
            <v>756-2358</v>
          </cell>
          <cell r="I2303" t="str">
            <v>717-3692</v>
          </cell>
        </row>
        <row r="2304">
          <cell r="A2304" t="str">
            <v>25032S</v>
          </cell>
          <cell r="B2304" t="str">
            <v>ﾎｸｼｮｳｺｰﾎﾟﾚｰｼｮﾝ</v>
          </cell>
          <cell r="C2304" t="str">
            <v>（株）北商コーポレーション</v>
          </cell>
          <cell r="D2304" t="str">
            <v>土井 孝</v>
          </cell>
          <cell r="E2304" t="str">
            <v>管理部長</v>
          </cell>
          <cell r="F2304" t="str">
            <v>060-0002</v>
          </cell>
          <cell r="G2304" t="str">
            <v>中央区北２西２－１－５</v>
          </cell>
          <cell r="H2304" t="str">
            <v>251-9251</v>
          </cell>
          <cell r="I2304" t="str">
            <v>251-6048</v>
          </cell>
        </row>
        <row r="2305">
          <cell r="A2305" t="str">
            <v>25033P</v>
          </cell>
          <cell r="B2305" t="str">
            <v>ﾎｯｺｳｿｯｷ</v>
          </cell>
          <cell r="C2305" t="str">
            <v>北晃測機（株）</v>
          </cell>
          <cell r="D2305" t="str">
            <v>木村 勤</v>
          </cell>
          <cell r="E2305" t="str">
            <v>代表取締役</v>
          </cell>
          <cell r="F2305" t="str">
            <v>003-0831</v>
          </cell>
          <cell r="G2305" t="str">
            <v>白石区北郷１－３－３－９</v>
          </cell>
          <cell r="H2305" t="str">
            <v>872-2212</v>
          </cell>
          <cell r="I2305" t="str">
            <v>872-3598</v>
          </cell>
        </row>
        <row r="2306">
          <cell r="A2306" t="str">
            <v>25035W</v>
          </cell>
          <cell r="B2306" t="str">
            <v>ｲﾜﾀﾆﾎｯｶｲﾄﾞｳ</v>
          </cell>
          <cell r="C2306" t="str">
            <v>イワタニ北海道（株）北営業所</v>
          </cell>
          <cell r="D2306" t="str">
            <v>藤原 喜行</v>
          </cell>
          <cell r="E2306" t="str">
            <v>所長</v>
          </cell>
          <cell r="F2306" t="str">
            <v>001-0908</v>
          </cell>
          <cell r="G2306" t="str">
            <v>北区新琴似８－８－２－３</v>
          </cell>
          <cell r="H2306" t="str">
            <v>761-6211</v>
          </cell>
          <cell r="I2306" t="str">
            <v>764-6530</v>
          </cell>
        </row>
        <row r="2307">
          <cell r="A2307" t="str">
            <v>25036T</v>
          </cell>
          <cell r="B2307" t="str">
            <v>ﾎｸﾕｳ</v>
          </cell>
          <cell r="C2307" t="str">
            <v>（株）北雄</v>
          </cell>
          <cell r="D2307" t="str">
            <v>増田 君子</v>
          </cell>
          <cell r="E2307" t="str">
            <v>代表取締役</v>
          </cell>
          <cell r="F2307" t="str">
            <v>062-0020</v>
          </cell>
          <cell r="G2307" t="str">
            <v>豊平区月寒中央通９－３－３７－２</v>
          </cell>
          <cell r="H2307" t="str">
            <v>836-1160</v>
          </cell>
          <cell r="I2307" t="str">
            <v>836-1204</v>
          </cell>
        </row>
        <row r="2308">
          <cell r="A2308" t="str">
            <v>25038N</v>
          </cell>
          <cell r="B2308" t="str">
            <v>ﾖｺｶﾞﾜﾃﾞﾝｷ</v>
          </cell>
          <cell r="C2308" t="str">
            <v>横河電機（株）環境システム営業本部</v>
          </cell>
          <cell r="D2308" t="str">
            <v>太田 忠明</v>
          </cell>
          <cell r="E2308" t="str">
            <v>環境システム営業本部本部長</v>
          </cell>
          <cell r="F2308" t="str">
            <v>180-8750</v>
          </cell>
          <cell r="G2308" t="str">
            <v>区東京都武蔵野市中町２－９－３２</v>
          </cell>
          <cell r="H2308" t="str">
            <v>0422-52-6381</v>
          </cell>
          <cell r="I2308" t="str">
            <v>0422-52-6589</v>
          </cell>
        </row>
        <row r="2309">
          <cell r="A2309" t="str">
            <v>25039Y</v>
          </cell>
          <cell r="B2309" t="str">
            <v>ﾎｯｶｲﾄﾞｳｶﾝｻﾞｲ</v>
          </cell>
          <cell r="C2309" t="str">
            <v>北海道管材（株）</v>
          </cell>
          <cell r="D2309" t="str">
            <v>桑澤 嘉英</v>
          </cell>
          <cell r="E2309" t="str">
            <v>代表取締役</v>
          </cell>
          <cell r="F2309" t="str">
            <v>007-0870</v>
          </cell>
          <cell r="G2309" t="str">
            <v>東区伏古１０－４－３－５</v>
          </cell>
          <cell r="H2309" t="str">
            <v>782-3050</v>
          </cell>
          <cell r="I2309" t="str">
            <v>782-3088</v>
          </cell>
        </row>
        <row r="2310">
          <cell r="A2310" t="str">
            <v>25041T</v>
          </cell>
          <cell r="B2310" t="str">
            <v>ﾎｯｶｲﾄﾞｳｸﾎﾞﾀ</v>
          </cell>
          <cell r="C2310" t="str">
            <v>（株）北海道クボタ</v>
          </cell>
          <cell r="D2310" t="str">
            <v>小島 廣志</v>
          </cell>
          <cell r="E2310" t="str">
            <v>代表取締役</v>
          </cell>
          <cell r="F2310" t="str">
            <v>063-0061</v>
          </cell>
          <cell r="G2310" t="str">
            <v>西区西町北１６－１－１</v>
          </cell>
          <cell r="H2310" t="str">
            <v>661-2491</v>
          </cell>
          <cell r="I2310" t="str">
            <v>665-2359</v>
          </cell>
        </row>
        <row r="2311">
          <cell r="A2311" t="str">
            <v>25044Y</v>
          </cell>
          <cell r="B2311" t="str">
            <v>ﾎｯｶｲﾄﾞｳﾁｽﾞ</v>
          </cell>
          <cell r="C2311" t="str">
            <v>北海道地図（株）札幌支店</v>
          </cell>
          <cell r="D2311" t="str">
            <v>佐藤 俊哉</v>
          </cell>
          <cell r="E2311" t="str">
            <v>支店長</v>
          </cell>
          <cell r="F2311" t="str">
            <v>060-0005</v>
          </cell>
          <cell r="G2311" t="str">
            <v>中央区北５西６ 札幌センタービル</v>
          </cell>
          <cell r="H2311" t="str">
            <v>221-1400</v>
          </cell>
          <cell r="I2311" t="str">
            <v>221-7669</v>
          </cell>
        </row>
        <row r="2312">
          <cell r="A2312" t="str">
            <v>25045V</v>
          </cell>
          <cell r="B2312" t="str">
            <v>ﾎｯｶｲﾄﾞｳｱｰﾄｼｬ</v>
          </cell>
          <cell r="C2312" t="str">
            <v>（株）北海道アート社</v>
          </cell>
          <cell r="D2312" t="str">
            <v>齊藤 正之</v>
          </cell>
          <cell r="E2312" t="str">
            <v>代表取締役</v>
          </cell>
          <cell r="F2312" t="str">
            <v>060-0004</v>
          </cell>
          <cell r="G2312" t="str">
            <v>中央区北４西６－１ 北四条ビル６階</v>
          </cell>
          <cell r="H2312" t="str">
            <v>231-7335</v>
          </cell>
          <cell r="I2312" t="str">
            <v>241-5669</v>
          </cell>
        </row>
        <row r="2313">
          <cell r="A2313" t="str">
            <v>25047P</v>
          </cell>
          <cell r="B2313" t="str">
            <v>ﾎｯｶｲﾄﾞｳﾘﾊﾋﾞﾘｰ</v>
          </cell>
          <cell r="C2313" t="str">
            <v>（社福）北海道リハビリー</v>
          </cell>
          <cell r="D2313" t="str">
            <v>奥貫 一之</v>
          </cell>
          <cell r="E2313" t="str">
            <v>理事長</v>
          </cell>
          <cell r="F2313" t="str">
            <v>061-1102</v>
          </cell>
          <cell r="G2313" t="str">
            <v>北広島市西の里５０７－１</v>
          </cell>
          <cell r="H2313" t="str">
            <v>375-2111</v>
          </cell>
          <cell r="I2313" t="str">
            <v>375-4051</v>
          </cell>
        </row>
        <row r="2314">
          <cell r="A2314" t="str">
            <v>25050V</v>
          </cell>
          <cell r="B2314" t="str">
            <v>ﾎｸｿｳｲﾝｻﾂ</v>
          </cell>
          <cell r="C2314" t="str">
            <v>ほくそう印刷（株）</v>
          </cell>
          <cell r="D2314" t="str">
            <v>稲村 桂介</v>
          </cell>
          <cell r="E2314" t="str">
            <v>代表取締役</v>
          </cell>
          <cell r="F2314" t="str">
            <v>001-0018</v>
          </cell>
          <cell r="G2314" t="str">
            <v>北区北１８西５</v>
          </cell>
          <cell r="H2314" t="str">
            <v>716-7707</v>
          </cell>
          <cell r="I2314" t="str">
            <v>736-2219</v>
          </cell>
        </row>
        <row r="2315">
          <cell r="A2315" t="str">
            <v>25051S</v>
          </cell>
          <cell r="B2315" t="str">
            <v>ﾎｯｶｲﾄﾞｳﾗｲﾅｰ</v>
          </cell>
          <cell r="C2315" t="str">
            <v>北海道ライナー（株）</v>
          </cell>
          <cell r="D2315" t="str">
            <v>武内 克己</v>
          </cell>
          <cell r="E2315" t="str">
            <v>代表取締役社長</v>
          </cell>
          <cell r="F2315" t="str">
            <v>001-0901</v>
          </cell>
          <cell r="G2315" t="str">
            <v>北区新琴似１－２－７－２９</v>
          </cell>
          <cell r="H2315" t="str">
            <v>761-7440</v>
          </cell>
          <cell r="I2315" t="str">
            <v>761-7574</v>
          </cell>
        </row>
        <row r="2316">
          <cell r="A2316" t="str">
            <v>25052P</v>
          </cell>
          <cell r="B2316" t="str">
            <v>ﾎｯｶｲﾄﾞｳｼｮｳﾎﾞｳｷｻﾞｲ</v>
          </cell>
          <cell r="C2316" t="str">
            <v>北海道消防機材（株）</v>
          </cell>
          <cell r="D2316" t="str">
            <v>八木 健真</v>
          </cell>
          <cell r="E2316" t="str">
            <v>代表取締役</v>
          </cell>
          <cell r="F2316" t="str">
            <v>060-0005</v>
          </cell>
          <cell r="G2316" t="str">
            <v>中央区北５西２０－２－３</v>
          </cell>
          <cell r="H2316" t="str">
            <v>611-1551</v>
          </cell>
          <cell r="I2316" t="str">
            <v>611-1556</v>
          </cell>
        </row>
        <row r="2317">
          <cell r="A2317" t="str">
            <v>25053Z</v>
          </cell>
          <cell r="B2317" t="str">
            <v>ﾎｸｼﾝｷｶｲｺｳｷﾞｮｳ</v>
          </cell>
          <cell r="C2317" t="str">
            <v>北信機械工業（株）</v>
          </cell>
          <cell r="D2317" t="str">
            <v>小林 明司</v>
          </cell>
          <cell r="E2317" t="str">
            <v>代表取締役</v>
          </cell>
          <cell r="F2317" t="str">
            <v>065-0019</v>
          </cell>
          <cell r="G2317" t="str">
            <v>東区北１９東５－１－３４</v>
          </cell>
          <cell r="H2317" t="str">
            <v>721-0323</v>
          </cell>
          <cell r="I2317" t="str">
            <v>721-0326</v>
          </cell>
        </row>
        <row r="2318">
          <cell r="A2318" t="str">
            <v>25054X</v>
          </cell>
          <cell r="B2318" t="str">
            <v>ﾎｯｶｲｶﾞｯｷ</v>
          </cell>
          <cell r="C2318" t="str">
            <v>（株）北海楽器</v>
          </cell>
          <cell r="D2318" t="str">
            <v>菅原 美夫</v>
          </cell>
          <cell r="E2318" t="str">
            <v>代表取締役</v>
          </cell>
          <cell r="F2318" t="str">
            <v>060-0808</v>
          </cell>
          <cell r="G2318" t="str">
            <v>北区北８西４－２２</v>
          </cell>
          <cell r="H2318" t="str">
            <v>726-8121</v>
          </cell>
          <cell r="I2318" t="str">
            <v>726-8127</v>
          </cell>
        </row>
        <row r="2319">
          <cell r="A2319" t="str">
            <v>25055T</v>
          </cell>
          <cell r="B2319" t="str">
            <v>ﾎｯｶｲﾄﾞｳｻﾝｷﾞｮｳ</v>
          </cell>
          <cell r="C2319" t="str">
            <v>北海道産業（株）</v>
          </cell>
          <cell r="D2319" t="str">
            <v>赤野 雅則</v>
          </cell>
          <cell r="E2319" t="str">
            <v>代表取締役</v>
          </cell>
          <cell r="F2319" t="str">
            <v>063-0062</v>
          </cell>
          <cell r="G2319" t="str">
            <v>西区西町南４－１－２１</v>
          </cell>
          <cell r="H2319" t="str">
            <v>661-1321</v>
          </cell>
          <cell r="I2319" t="str">
            <v>661-1326</v>
          </cell>
        </row>
        <row r="2320">
          <cell r="A2320" t="str">
            <v>25056R</v>
          </cell>
          <cell r="B2320" t="str">
            <v>ﾎｯｶｲｼﾞﾄﾞｳｼｬｺｳｷﾞｮｳ</v>
          </cell>
          <cell r="C2320" t="str">
            <v>北海自動車工業（株）</v>
          </cell>
          <cell r="D2320" t="str">
            <v>高薄 健</v>
          </cell>
          <cell r="E2320" t="str">
            <v>取締役社長</v>
          </cell>
          <cell r="F2320" t="str">
            <v>060-0041</v>
          </cell>
          <cell r="G2320" t="str">
            <v>中央区大通東４－１</v>
          </cell>
          <cell r="H2320" t="str">
            <v>241-2161</v>
          </cell>
          <cell r="I2320" t="str">
            <v>241-2168</v>
          </cell>
        </row>
        <row r="2321">
          <cell r="A2321" t="str">
            <v>25057N</v>
          </cell>
          <cell r="B2321" t="str">
            <v>ﾎｯｶｲｷｮｳｻﾞｲｼｬ</v>
          </cell>
          <cell r="C2321" t="str">
            <v>（株）北海教材社</v>
          </cell>
          <cell r="D2321" t="str">
            <v>三橋 宣由</v>
          </cell>
          <cell r="E2321" t="str">
            <v>代表取締役</v>
          </cell>
          <cell r="F2321" t="str">
            <v>065-0022</v>
          </cell>
          <cell r="G2321" t="str">
            <v>東区北２２東１－３－５</v>
          </cell>
          <cell r="H2321" t="str">
            <v>723-4545</v>
          </cell>
          <cell r="I2321" t="str">
            <v>723-6389</v>
          </cell>
        </row>
        <row r="2322">
          <cell r="A2322" t="str">
            <v>25058Y</v>
          </cell>
          <cell r="B2322" t="str">
            <v>ｴｱ･ｳｫｰﾀｰ</v>
          </cell>
          <cell r="C2322" t="str">
            <v>エア・ウォーター（株）北海道支社</v>
          </cell>
          <cell r="D2322" t="str">
            <v>山本 昭彦</v>
          </cell>
          <cell r="E2322" t="str">
            <v>常務執行役員北海道支社長</v>
          </cell>
          <cell r="F2322" t="str">
            <v>060-0003</v>
          </cell>
          <cell r="G2322" t="str">
            <v>中央区北３西１－２</v>
          </cell>
          <cell r="H2322" t="str">
            <v>212-2821</v>
          </cell>
          <cell r="I2322" t="str">
            <v>222-3217</v>
          </cell>
        </row>
        <row r="2323">
          <cell r="A2323" t="str">
            <v>25059W</v>
          </cell>
          <cell r="B2323" t="str">
            <v>ﾎｯｶｲﾄﾞｳﾐﾂｳﾛｺ</v>
          </cell>
          <cell r="C2323" t="str">
            <v>北海道ミツウロコ（株）</v>
          </cell>
          <cell r="D2323" t="str">
            <v>松阪 和人</v>
          </cell>
          <cell r="E2323" t="str">
            <v>取締役社長</v>
          </cell>
          <cell r="F2323" t="str">
            <v>062-0012</v>
          </cell>
          <cell r="G2323" t="str">
            <v>豊平区美園１２－６－１－１２</v>
          </cell>
          <cell r="H2323" t="str">
            <v>372-3305</v>
          </cell>
          <cell r="I2323" t="str">
            <v>372-3335</v>
          </cell>
        </row>
        <row r="2324">
          <cell r="A2324" t="str">
            <v>25061R</v>
          </cell>
          <cell r="B2324" t="str">
            <v>ﾎｯｶｲﾄﾞｳﾆｯｻﾝｼﾞﾄﾞｳｼｬ</v>
          </cell>
          <cell r="C2324" t="str">
            <v>北海道日産自動車（株）</v>
          </cell>
          <cell r="D2324" t="str">
            <v>原田 彦エ門</v>
          </cell>
          <cell r="E2324" t="str">
            <v>取締役社長</v>
          </cell>
          <cell r="F2324" t="str">
            <v>060-0806</v>
          </cell>
          <cell r="G2324" t="str">
            <v>北区北６西５－３</v>
          </cell>
          <cell r="H2324" t="str">
            <v>711-3111</v>
          </cell>
          <cell r="I2324" t="str">
            <v>711-5524</v>
          </cell>
        </row>
        <row r="2325">
          <cell r="A2325" t="str">
            <v>25062N</v>
          </cell>
          <cell r="B2325" t="str">
            <v>ﾎｯｶｲﾄﾞｳﾐﾂﾋﾞｼｼﾞﾄﾞｳｼｬﾊﾝﾊﾞｲ</v>
          </cell>
          <cell r="C2325" t="str">
            <v>北海道三菱自動車販売（株）</v>
          </cell>
          <cell r="D2325" t="str">
            <v>熊木 道郎</v>
          </cell>
          <cell r="E2325" t="str">
            <v>代表取締役社長</v>
          </cell>
          <cell r="F2325" t="str">
            <v>064-0810</v>
          </cell>
          <cell r="G2325" t="str">
            <v>中央区南１０西１０－１－１５</v>
          </cell>
          <cell r="H2325" t="str">
            <v>511-3111</v>
          </cell>
          <cell r="I2325" t="str">
            <v>511-3215</v>
          </cell>
        </row>
        <row r="2326">
          <cell r="A2326" t="str">
            <v>25064W</v>
          </cell>
          <cell r="B2326" t="str">
            <v>ﾎｸﾄﾃﾞﾝｷ</v>
          </cell>
          <cell r="C2326" t="str">
            <v>北都電機（株）</v>
          </cell>
          <cell r="D2326" t="str">
            <v>星谷 雅保</v>
          </cell>
          <cell r="E2326" t="str">
            <v>代表取締役社長</v>
          </cell>
          <cell r="F2326" t="str">
            <v>063-0832</v>
          </cell>
          <cell r="G2326" t="str">
            <v>西区発寒１２－１２－２－５０</v>
          </cell>
          <cell r="H2326" t="str">
            <v>663-7731</v>
          </cell>
          <cell r="I2326" t="str">
            <v>663-7734</v>
          </cell>
        </row>
        <row r="2327">
          <cell r="A2327" t="str">
            <v>25066P</v>
          </cell>
          <cell r="B2327" t="str">
            <v>ﾎｸﾒｲﾃﾞﾝｷｺｳｷﾞｮｳ</v>
          </cell>
          <cell r="C2327" t="str">
            <v>北明電気工業（株）</v>
          </cell>
          <cell r="D2327" t="str">
            <v>黒河内 セツ</v>
          </cell>
          <cell r="E2327" t="str">
            <v>代表取締役</v>
          </cell>
          <cell r="F2327" t="str">
            <v>003-0011</v>
          </cell>
          <cell r="G2327" t="str">
            <v>白石区中央１－２－３－３５</v>
          </cell>
          <cell r="H2327" t="str">
            <v>821-0931</v>
          </cell>
          <cell r="I2327" t="str">
            <v>822-6503</v>
          </cell>
        </row>
        <row r="2328">
          <cell r="A2328" t="str">
            <v>25068X</v>
          </cell>
          <cell r="B2328" t="str">
            <v>ﾎﾘｿﾞﾝﾄｱｰﾄ</v>
          </cell>
          <cell r="C2328" t="str">
            <v>（株）ほりぞんとあーと</v>
          </cell>
          <cell r="D2328" t="str">
            <v>大野 頌</v>
          </cell>
          <cell r="E2328" t="str">
            <v>代表取締役</v>
          </cell>
          <cell r="F2328" t="str">
            <v>060-0031</v>
          </cell>
          <cell r="G2328" t="str">
            <v>中央区北１東６－１０</v>
          </cell>
          <cell r="H2328" t="str">
            <v>221-3101</v>
          </cell>
          <cell r="I2328" t="str">
            <v>261-6712</v>
          </cell>
        </row>
        <row r="2329">
          <cell r="A2329" t="str">
            <v>25069V</v>
          </cell>
          <cell r="B2329" t="str">
            <v>ﾎｯｶｲﾄﾞｳﾌｼﾞﾃﾞﾝｷ</v>
          </cell>
          <cell r="C2329" t="str">
            <v>北海道富士電機（株）</v>
          </cell>
          <cell r="D2329" t="str">
            <v>佐藤 實</v>
          </cell>
          <cell r="E2329" t="str">
            <v>取締役社長</v>
          </cell>
          <cell r="F2329" t="str">
            <v>060-0041</v>
          </cell>
          <cell r="G2329" t="str">
            <v>中央区大通東７－１－１１８</v>
          </cell>
          <cell r="H2329" t="str">
            <v>221-5511</v>
          </cell>
          <cell r="I2329" t="str">
            <v>221-5897</v>
          </cell>
        </row>
        <row r="2330">
          <cell r="A2330" t="str">
            <v>25070S</v>
          </cell>
          <cell r="B2330" t="str">
            <v>ﾎﾝﾀﾞｻﾝｷﾞｮｳ</v>
          </cell>
          <cell r="C2330" t="str">
            <v>本多産業（株）札幌支店</v>
          </cell>
          <cell r="D2330" t="str">
            <v>田畑 敏之</v>
          </cell>
          <cell r="E2330" t="str">
            <v>常務取締役</v>
          </cell>
          <cell r="F2330" t="str">
            <v>060-0033</v>
          </cell>
          <cell r="G2330" t="str">
            <v>中央区北３東８－３５２</v>
          </cell>
          <cell r="H2330" t="str">
            <v>231-2105</v>
          </cell>
          <cell r="I2330" t="str">
            <v>251-0524</v>
          </cell>
        </row>
        <row r="2331">
          <cell r="A2331" t="str">
            <v>25071P</v>
          </cell>
          <cell r="B2331" t="str">
            <v>ﾎｯｶｲﾀﾞｲｲﾁﾑｾﾝ</v>
          </cell>
          <cell r="C2331" t="str">
            <v>（株）北海第一無線</v>
          </cell>
          <cell r="D2331" t="str">
            <v>浅田 富夫</v>
          </cell>
          <cell r="E2331" t="str">
            <v>代表取締役</v>
          </cell>
          <cell r="F2331" t="str">
            <v>065-0020</v>
          </cell>
          <cell r="G2331" t="str">
            <v>東区北２０東１０－４－１０</v>
          </cell>
          <cell r="H2331" t="str">
            <v>704-6201</v>
          </cell>
          <cell r="I2331" t="str">
            <v>704-6202</v>
          </cell>
        </row>
        <row r="2332">
          <cell r="A2332" t="str">
            <v>25072Z</v>
          </cell>
          <cell r="B2332" t="str">
            <v>ﾎｯｶｲﾄﾞｳｾｷﾕ</v>
          </cell>
          <cell r="C2332" t="str">
            <v>北海道石油（株）</v>
          </cell>
          <cell r="D2332" t="str">
            <v>藤田 龍朗</v>
          </cell>
          <cell r="E2332" t="str">
            <v>代表取締役社長</v>
          </cell>
          <cell r="F2332" t="str">
            <v>060-0054</v>
          </cell>
          <cell r="G2332" t="str">
            <v>中央区南４東４－７</v>
          </cell>
          <cell r="H2332" t="str">
            <v>261-0181</v>
          </cell>
          <cell r="I2332" t="str">
            <v>222-3007</v>
          </cell>
        </row>
        <row r="2333">
          <cell r="A2333" t="str">
            <v>25074V</v>
          </cell>
          <cell r="B2333" t="str">
            <v>ﾎｯｺｳｼｮｸﾋﾝ</v>
          </cell>
          <cell r="C2333" t="str">
            <v>（有）北光食品</v>
          </cell>
          <cell r="D2333" t="str">
            <v>宮崎 賢司</v>
          </cell>
          <cell r="E2333" t="str">
            <v>代表取締役</v>
          </cell>
          <cell r="F2333" t="str">
            <v>065-0015</v>
          </cell>
          <cell r="G2333" t="str">
            <v>東区北１５東１６－１－１２</v>
          </cell>
          <cell r="H2333" t="str">
            <v>781-5517</v>
          </cell>
          <cell r="I2333" t="str">
            <v>784-8513</v>
          </cell>
        </row>
        <row r="2334">
          <cell r="A2334" t="str">
            <v>25075R</v>
          </cell>
          <cell r="B2334" t="str">
            <v>ﾎｯｶｲﾄﾞｳﾖｺﾊﾏﾀｲﾔﾊﾝﾊﾞｲ</v>
          </cell>
          <cell r="C2334" t="str">
            <v>北海道ヨコハマタイヤ販売（株）</v>
          </cell>
          <cell r="D2334" t="str">
            <v>藤倉 肇</v>
          </cell>
          <cell r="E2334" t="str">
            <v>代表取締役</v>
          </cell>
          <cell r="F2334" t="str">
            <v>063-0061</v>
          </cell>
          <cell r="G2334" t="str">
            <v>西区西町北１２－２－１</v>
          </cell>
          <cell r="H2334" t="str">
            <v>661-1275</v>
          </cell>
          <cell r="I2334" t="str">
            <v>664-5957</v>
          </cell>
        </row>
        <row r="2335">
          <cell r="A2335" t="str">
            <v>25079T</v>
          </cell>
          <cell r="B2335" t="str">
            <v>ﾎｳｼｮｳｻﾝｷﾞｮｳ</v>
          </cell>
          <cell r="C2335" t="str">
            <v>宝生産業（株）</v>
          </cell>
          <cell r="D2335" t="str">
            <v>湯澤 俊明</v>
          </cell>
          <cell r="E2335" t="str">
            <v>代表取締役</v>
          </cell>
          <cell r="F2335" t="str">
            <v>060-0041</v>
          </cell>
          <cell r="G2335" t="str">
            <v>中央区大通東２－３ 松村ビル</v>
          </cell>
          <cell r="H2335" t="str">
            <v>221-8582</v>
          </cell>
          <cell r="I2335" t="str">
            <v>241-1624</v>
          </cell>
        </row>
        <row r="2336">
          <cell r="A2336" t="str">
            <v>25080R</v>
          </cell>
          <cell r="B2336" t="str">
            <v>ﾎｯｶｲﾄﾞｳﾆｯﾎﾟﾝﾃﾞﾝｷｿﾌﾄｳｪｱ</v>
          </cell>
          <cell r="C2336" t="str">
            <v>北海道日本電気ソフトウェア（株）</v>
          </cell>
          <cell r="D2336" t="str">
            <v>水谷 弘光</v>
          </cell>
          <cell r="E2336" t="str">
            <v>代表取締役</v>
          </cell>
          <cell r="F2336" t="str">
            <v>060-0808</v>
          </cell>
          <cell r="G2336" t="str">
            <v>北区北８西３－２８</v>
          </cell>
          <cell r="H2336" t="str">
            <v>746-6363</v>
          </cell>
          <cell r="I2336" t="str">
            <v>746-6369</v>
          </cell>
        </row>
        <row r="2337">
          <cell r="A2337" t="str">
            <v>25081N</v>
          </cell>
          <cell r="B2337" t="str">
            <v>ﾎｯｺｳｷｰｾﾝﾀｰ</v>
          </cell>
          <cell r="C2337" t="str">
            <v>（株）北光キーセンター</v>
          </cell>
          <cell r="D2337" t="str">
            <v>渡部 貞雄</v>
          </cell>
          <cell r="E2337" t="str">
            <v>代表取締役</v>
          </cell>
          <cell r="F2337" t="str">
            <v>062-0904</v>
          </cell>
          <cell r="G2337" t="str">
            <v>豊平区豊平４－３－１－１３</v>
          </cell>
          <cell r="H2337" t="str">
            <v>811-2218</v>
          </cell>
          <cell r="I2337" t="str">
            <v>811-5699</v>
          </cell>
        </row>
        <row r="2338">
          <cell r="A2338" t="str">
            <v>25082Y</v>
          </cell>
          <cell r="B2338" t="str">
            <v>ｴｲﾁ･ｱｲ･ﾃﾞｨ</v>
          </cell>
          <cell r="C2338" t="str">
            <v>（株）エイチ・アイ・ディ</v>
          </cell>
          <cell r="D2338" t="str">
            <v>磯場 泰彦</v>
          </cell>
          <cell r="E2338" t="str">
            <v>代表取締役</v>
          </cell>
          <cell r="F2338" t="str">
            <v>060-0001</v>
          </cell>
          <cell r="G2338" t="str">
            <v>中央区北１西８－２－１</v>
          </cell>
          <cell r="H2338" t="str">
            <v>272-3901</v>
          </cell>
          <cell r="I2338" t="str">
            <v>272-3928</v>
          </cell>
        </row>
        <row r="2339">
          <cell r="A2339" t="str">
            <v>25083W</v>
          </cell>
          <cell r="B2339" t="str">
            <v>ﾎｯｶｲﾄﾞｳｵﾌｨｽ･ｼｽﾃﾑ</v>
          </cell>
          <cell r="C2339" t="str">
            <v>北海道オフィス・システム（株）</v>
          </cell>
          <cell r="D2339" t="str">
            <v>片桐 理</v>
          </cell>
          <cell r="E2339" t="str">
            <v>代表取締役</v>
          </cell>
          <cell r="F2339" t="str">
            <v>003-0012</v>
          </cell>
          <cell r="G2339" t="str">
            <v>白石区中央２－３－７</v>
          </cell>
          <cell r="H2339" t="str">
            <v>822-3011</v>
          </cell>
          <cell r="I2339" t="str">
            <v>822-1177</v>
          </cell>
        </row>
        <row r="2340">
          <cell r="A2340" t="str">
            <v>25084T</v>
          </cell>
          <cell r="B2340" t="str">
            <v>ｶﾝｷｮｳﾘｻｰﾁ</v>
          </cell>
          <cell r="C2340" t="str">
            <v>（株）環境リサーチ</v>
          </cell>
          <cell r="D2340" t="str">
            <v>吉田 博</v>
          </cell>
          <cell r="E2340" t="str">
            <v>代表取締役</v>
          </cell>
          <cell r="F2340" t="str">
            <v>062-0922</v>
          </cell>
          <cell r="G2340" t="str">
            <v>豊平区中の島２－９－１－１</v>
          </cell>
          <cell r="H2340" t="str">
            <v>837-8780</v>
          </cell>
          <cell r="I2340" t="str">
            <v>837-8700</v>
          </cell>
        </row>
        <row r="2341">
          <cell r="A2341" t="str">
            <v>25086Z</v>
          </cell>
          <cell r="B2341" t="str">
            <v>ﾎｯｺｳｼｬ</v>
          </cell>
          <cell r="C2341" t="str">
            <v>（有）北光社</v>
          </cell>
          <cell r="D2341" t="str">
            <v>米田 純仁</v>
          </cell>
          <cell r="E2341" t="str">
            <v>代表取締役</v>
          </cell>
          <cell r="F2341" t="str">
            <v>065-0041</v>
          </cell>
          <cell r="G2341" t="str">
            <v>東区本町１－５－３－９</v>
          </cell>
          <cell r="H2341" t="str">
            <v>786-1300</v>
          </cell>
          <cell r="I2341" t="str">
            <v>786-1302</v>
          </cell>
        </row>
        <row r="2342">
          <cell r="A2342" t="str">
            <v>25087X</v>
          </cell>
          <cell r="B2342" t="str">
            <v>ﾎｸﾖｳｼﾞｬﾘ</v>
          </cell>
          <cell r="C2342" t="str">
            <v>北洋砂利（株）</v>
          </cell>
          <cell r="D2342" t="str">
            <v>佐々木 忠雄</v>
          </cell>
          <cell r="E2342" t="str">
            <v>代表取締役</v>
          </cell>
          <cell r="F2342" t="str">
            <v>064-0822</v>
          </cell>
          <cell r="G2342" t="str">
            <v>中央区北２西２０－１－１０</v>
          </cell>
          <cell r="H2342" t="str">
            <v>621-1371</v>
          </cell>
          <cell r="I2342" t="str">
            <v>644-0864</v>
          </cell>
        </row>
        <row r="2343">
          <cell r="A2343" t="str">
            <v>25091Z</v>
          </cell>
          <cell r="B2343" t="str">
            <v>ﾎｯｶｲﾄﾞｳﾜｺｳｼﾞｭﾝﾔｸ</v>
          </cell>
          <cell r="C2343" t="str">
            <v>北海道和光純薬（株）</v>
          </cell>
          <cell r="D2343" t="str">
            <v>横沢 龍朗</v>
          </cell>
          <cell r="E2343" t="str">
            <v>代表取締役</v>
          </cell>
          <cell r="F2343" t="str">
            <v>001-0015</v>
          </cell>
          <cell r="G2343" t="str">
            <v>北区北１５西４－１０</v>
          </cell>
          <cell r="H2343" t="str">
            <v>747-2811</v>
          </cell>
          <cell r="I2343" t="str">
            <v>747-2934</v>
          </cell>
        </row>
        <row r="2344">
          <cell r="A2344" t="str">
            <v>25093V</v>
          </cell>
          <cell r="B2344" t="str">
            <v>ｼﾝﾚｷ</v>
          </cell>
          <cell r="C2344" t="str">
            <v>（株）シンレキ</v>
          </cell>
          <cell r="D2344" t="str">
            <v>高荷 八百吉</v>
          </cell>
          <cell r="E2344" t="str">
            <v>代表取締役</v>
          </cell>
          <cell r="F2344" t="str">
            <v>065-0031</v>
          </cell>
          <cell r="G2344" t="str">
            <v>東区北３１東１－１－１５</v>
          </cell>
          <cell r="H2344" t="str">
            <v>752-8608</v>
          </cell>
          <cell r="I2344" t="str">
            <v>752-6227</v>
          </cell>
        </row>
        <row r="2345">
          <cell r="A2345" t="str">
            <v>25097W</v>
          </cell>
          <cell r="B2345" t="str">
            <v>ﾎｸｾｲｻﾝｷﾞｮｳ</v>
          </cell>
          <cell r="C2345" t="str">
            <v>北清産業（株）</v>
          </cell>
          <cell r="D2345" t="str">
            <v>中尾 美代松</v>
          </cell>
          <cell r="E2345" t="str">
            <v>代表取締役</v>
          </cell>
          <cell r="F2345" t="str">
            <v>001-0903</v>
          </cell>
          <cell r="G2345" t="str">
            <v>北区新琴似３－２－１４９－４１</v>
          </cell>
          <cell r="H2345" t="str">
            <v>761-8151</v>
          </cell>
          <cell r="I2345" t="str">
            <v>764-4693</v>
          </cell>
        </row>
        <row r="2346">
          <cell r="A2346" t="str">
            <v>25099R</v>
          </cell>
          <cell r="B2346" t="str">
            <v>ﾎｯｶｲﾄﾞｳｿｳﾌﾊﾝﾊﾞｲ</v>
          </cell>
          <cell r="C2346" t="str">
            <v>北海道相扶販売（株）</v>
          </cell>
          <cell r="D2346" t="str">
            <v>村田 憲治</v>
          </cell>
          <cell r="E2346" t="str">
            <v>代表取締役</v>
          </cell>
          <cell r="F2346" t="str">
            <v>060-0042</v>
          </cell>
          <cell r="G2346" t="str">
            <v>中央区大通西１－１４－２</v>
          </cell>
          <cell r="H2346" t="str">
            <v>231-5815</v>
          </cell>
          <cell r="I2346" t="str">
            <v>222-4082</v>
          </cell>
        </row>
        <row r="2347">
          <cell r="A2347" t="str">
            <v>25100Y</v>
          </cell>
          <cell r="B2347" t="str">
            <v>ﾎｯｶｲﾄﾞｳｶﾞｯｺｳｾｲｶﾂ</v>
          </cell>
          <cell r="C2347" t="str">
            <v>北海道学校生活（協）</v>
          </cell>
          <cell r="D2347" t="str">
            <v>中山 和則</v>
          </cell>
          <cell r="E2347" t="str">
            <v>理事長</v>
          </cell>
          <cell r="F2347" t="str">
            <v>060-0063</v>
          </cell>
          <cell r="G2347" t="str">
            <v>中央区南３西１２－１２９３</v>
          </cell>
          <cell r="H2347" t="str">
            <v>561-6493</v>
          </cell>
          <cell r="I2347" t="str">
            <v>563-7484</v>
          </cell>
        </row>
        <row r="2348">
          <cell r="A2348" t="str">
            <v>25101W</v>
          </cell>
          <cell r="B2348" t="str">
            <v>ﾎｯｶｲﾄﾞｳｷｬﾀﾋﾟﾗｰﾐﾂﾋﾞｼｹﾝｷﾊﾝﾊﾞｲ</v>
          </cell>
          <cell r="C2348" t="str">
            <v>北海道キャタピラー三菱建機販売（株）道央本店</v>
          </cell>
          <cell r="D2348" t="str">
            <v>下村 純行</v>
          </cell>
          <cell r="E2348" t="str">
            <v>取締役本店長</v>
          </cell>
          <cell r="F2348" t="str">
            <v>004-0802</v>
          </cell>
          <cell r="G2348" t="str">
            <v>清田区里塚２－６－３－５</v>
          </cell>
          <cell r="H2348" t="str">
            <v>881-2321</v>
          </cell>
          <cell r="I2348" t="str">
            <v>881-6615</v>
          </cell>
        </row>
        <row r="2349">
          <cell r="A2349" t="str">
            <v>25102T</v>
          </cell>
          <cell r="B2349" t="str">
            <v>ﾎｯｶｲﾄｸｼｬｻｰﾋﾞｽ</v>
          </cell>
          <cell r="C2349" t="str">
            <v>（株）北海特車サービス</v>
          </cell>
          <cell r="D2349" t="str">
            <v>安井 志州</v>
          </cell>
          <cell r="E2349" t="str">
            <v>取締役社長</v>
          </cell>
          <cell r="F2349" t="str">
            <v>003-0809</v>
          </cell>
          <cell r="G2349" t="str">
            <v>白石区菊水９－３－５－１９</v>
          </cell>
          <cell r="H2349" t="str">
            <v>812-1948</v>
          </cell>
          <cell r="I2349" t="str">
            <v>812-1242</v>
          </cell>
        </row>
        <row r="2350">
          <cell r="A2350" t="str">
            <v>25103R</v>
          </cell>
          <cell r="B2350" t="str">
            <v>ﾎｯｶｲﾄﾞｳｲｽｽﾞｼﾞﾄﾞｳｼｬ</v>
          </cell>
          <cell r="C2350" t="str">
            <v>北海道いすゞ自動車（株）</v>
          </cell>
          <cell r="D2350" t="str">
            <v>野原 弘也</v>
          </cell>
          <cell r="E2350" t="str">
            <v>代表取締役</v>
          </cell>
          <cell r="F2350" t="str">
            <v>064-8577</v>
          </cell>
          <cell r="G2350" t="str">
            <v>中央区宮の森２－１－２－５５</v>
          </cell>
          <cell r="H2350" t="str">
            <v>631-2141</v>
          </cell>
          <cell r="I2350" t="str">
            <v>612-8851</v>
          </cell>
        </row>
        <row r="2351">
          <cell r="A2351" t="str">
            <v>25104N</v>
          </cell>
          <cell r="B2351" t="str">
            <v>ﾎｯｶｲﾄﾞｳﾐﾂﾋﾞｼﾌｿｳｼﾞﾄﾞｳｼｬﾊﾝﾊﾞｲ</v>
          </cell>
          <cell r="C2351" t="str">
            <v>北海道三菱ふそう自動車販売（株）</v>
          </cell>
          <cell r="D2351" t="str">
            <v>松原 詩朗</v>
          </cell>
          <cell r="E2351" t="str">
            <v>代表取締役</v>
          </cell>
          <cell r="F2351" t="str">
            <v>003-0012</v>
          </cell>
          <cell r="G2351" t="str">
            <v>白石区中央２－１－１－９３</v>
          </cell>
          <cell r="H2351" t="str">
            <v>821-2222</v>
          </cell>
          <cell r="I2351" t="str">
            <v>820-4417</v>
          </cell>
        </row>
        <row r="2352">
          <cell r="A2352" t="str">
            <v>25105X</v>
          </cell>
          <cell r="B2352" t="str">
            <v>ﾎｯｶｲﾄﾞｳﾏﾂﾀﾞﾊﾝﾊﾞｲ</v>
          </cell>
          <cell r="C2352" t="str">
            <v>北海道マツダ販売（株）</v>
          </cell>
          <cell r="D2352" t="str">
            <v>横井 久</v>
          </cell>
          <cell r="E2352" t="str">
            <v>代表取締役</v>
          </cell>
          <cell r="F2352" t="str">
            <v>060-0032</v>
          </cell>
          <cell r="G2352" t="str">
            <v>中央区北２東１－１</v>
          </cell>
          <cell r="H2352" t="str">
            <v>221-9181</v>
          </cell>
          <cell r="I2352" t="str">
            <v>221-4929</v>
          </cell>
        </row>
        <row r="2353">
          <cell r="A2353" t="str">
            <v>25106V</v>
          </cell>
          <cell r="B2353" t="str">
            <v>ﾎｯｶｲﾌﾞﾝｸﾞ</v>
          </cell>
          <cell r="C2353" t="str">
            <v>北海文具（株）</v>
          </cell>
          <cell r="D2353" t="str">
            <v>葛西 克巳</v>
          </cell>
          <cell r="E2353" t="str">
            <v>代表取締役</v>
          </cell>
          <cell r="F2353" t="str">
            <v>001-0020</v>
          </cell>
          <cell r="G2353" t="str">
            <v>北区北２０西８－２０</v>
          </cell>
          <cell r="H2353" t="str">
            <v>726-9231</v>
          </cell>
          <cell r="I2353" t="str">
            <v>726-9233</v>
          </cell>
        </row>
        <row r="2354">
          <cell r="A2354" t="str">
            <v>25107S</v>
          </cell>
          <cell r="B2354" t="str">
            <v>ﾎｯｶｲｷｮｳｲｸﾋｮｳﾛﾝｼｬ</v>
          </cell>
          <cell r="C2354" t="str">
            <v>（株）北海教育評論社</v>
          </cell>
          <cell r="D2354" t="str">
            <v>土谷 敬豊</v>
          </cell>
          <cell r="E2354" t="str">
            <v>代表取締役</v>
          </cell>
          <cell r="F2354" t="str">
            <v>065-0041</v>
          </cell>
          <cell r="G2354" t="str">
            <v>東区本町１－１－１－１１</v>
          </cell>
          <cell r="H2354" t="str">
            <v>785-3231</v>
          </cell>
          <cell r="I2354" t="str">
            <v>785-3731</v>
          </cell>
        </row>
        <row r="2355">
          <cell r="A2355" t="str">
            <v>25109Z</v>
          </cell>
          <cell r="B2355" t="str">
            <v>ﾎｯｶｲﾄﾞｳﾛｯｸﾗｰﾊﾟｲﾌﾟ</v>
          </cell>
          <cell r="C2355" t="str">
            <v>北海道ロックラーパイプ（株）</v>
          </cell>
          <cell r="D2355" t="str">
            <v>草別 義昭</v>
          </cell>
          <cell r="E2355" t="str">
            <v>代表取締役</v>
          </cell>
          <cell r="F2355" t="str">
            <v>060-0063</v>
          </cell>
          <cell r="G2355" t="str">
            <v>中央区南３西１３－３２０</v>
          </cell>
          <cell r="H2355" t="str">
            <v>271-0666</v>
          </cell>
          <cell r="I2355" t="str">
            <v>271-3427</v>
          </cell>
        </row>
        <row r="2356">
          <cell r="A2356" t="str">
            <v>25111V</v>
          </cell>
          <cell r="B2356" t="str">
            <v>ﾎｯｶｲﾄﾞｳｹﾝｾﾂｼﾝﾌﾞﾝｼｬ</v>
          </cell>
          <cell r="C2356" t="str">
            <v>（株）北海道建設新聞社</v>
          </cell>
          <cell r="D2356" t="str">
            <v>松木 剛</v>
          </cell>
          <cell r="E2356" t="str">
            <v>代表取締役</v>
          </cell>
          <cell r="F2356" t="str">
            <v>060-0004</v>
          </cell>
          <cell r="G2356" t="str">
            <v>中央区北４西１９－１</v>
          </cell>
          <cell r="H2356" t="str">
            <v>611-6311</v>
          </cell>
          <cell r="I2356" t="str">
            <v>621-2913</v>
          </cell>
        </row>
        <row r="2357">
          <cell r="A2357" t="str">
            <v>25113P</v>
          </cell>
          <cell r="B2357" t="str">
            <v>ﾎｯｶｲｼｮｳｼﾞ</v>
          </cell>
          <cell r="C2357" t="str">
            <v>北海商事（株）</v>
          </cell>
          <cell r="D2357" t="str">
            <v>川嶋 泰弘</v>
          </cell>
          <cell r="E2357" t="str">
            <v>代表取締役</v>
          </cell>
          <cell r="F2357" t="str">
            <v>063-0833</v>
          </cell>
          <cell r="G2357" t="str">
            <v>西区発寒１３－３－７－２６</v>
          </cell>
          <cell r="H2357" t="str">
            <v>661-1111</v>
          </cell>
          <cell r="I2357" t="str">
            <v>661-0329</v>
          </cell>
        </row>
        <row r="2358">
          <cell r="A2358" t="str">
            <v>25114Z</v>
          </cell>
          <cell r="B2358" t="str">
            <v>ﾎｯｶｲｷｺｳ</v>
          </cell>
          <cell r="C2358" t="str">
            <v>北海機工（株）</v>
          </cell>
          <cell r="D2358" t="str">
            <v>小林 友虎</v>
          </cell>
          <cell r="E2358" t="str">
            <v>代表取締役</v>
          </cell>
          <cell r="F2358" t="str">
            <v>003-0859</v>
          </cell>
          <cell r="G2358" t="str">
            <v>白石区川北２３０２</v>
          </cell>
          <cell r="H2358" t="str">
            <v>871-3377</v>
          </cell>
          <cell r="I2358" t="str">
            <v>875-6850</v>
          </cell>
        </row>
        <row r="2359">
          <cell r="A2359" t="str">
            <v>25115W</v>
          </cell>
          <cell r="B2359" t="str">
            <v>ﾎｯｶｲﾄﾞｳｽﾐｼｮｳｾｷﾕ</v>
          </cell>
          <cell r="C2359" t="str">
            <v>北海道住商石油（株）</v>
          </cell>
          <cell r="D2359" t="str">
            <v>荒木 敏司</v>
          </cell>
          <cell r="E2359" t="str">
            <v>代表取締役</v>
          </cell>
          <cell r="F2359" t="str">
            <v>060-0042</v>
          </cell>
          <cell r="G2359" t="str">
            <v>中央区大通西８－２</v>
          </cell>
          <cell r="H2359" t="str">
            <v>221-1177</v>
          </cell>
          <cell r="I2359" t="str">
            <v>221-1130</v>
          </cell>
        </row>
        <row r="2360">
          <cell r="A2360" t="str">
            <v>25120W</v>
          </cell>
          <cell r="B2360" t="str">
            <v>ﾎｯｶｲﾄﾞｳｿｳｺﾞｳﾃｯｺｳ</v>
          </cell>
          <cell r="C2360" t="str">
            <v>北海道綜合鉄工（協）</v>
          </cell>
          <cell r="D2360" t="str">
            <v>飯田 日出温</v>
          </cell>
          <cell r="E2360" t="str">
            <v>代表理事</v>
          </cell>
          <cell r="F2360" t="str">
            <v>063-0802</v>
          </cell>
          <cell r="G2360" t="str">
            <v>西区二十四軒２－１－２－５</v>
          </cell>
          <cell r="H2360" t="str">
            <v>644-8351</v>
          </cell>
          <cell r="I2360" t="str">
            <v>644-8358</v>
          </cell>
        </row>
        <row r="2361">
          <cell r="A2361" t="str">
            <v>25122R</v>
          </cell>
          <cell r="B2361" t="str">
            <v>ﾒﾃﾞｨｱ･ﾌﾟﾛﾃﾞｭｰｽ</v>
          </cell>
          <cell r="C2361" t="str">
            <v>（株）メディア・プロデュース</v>
          </cell>
          <cell r="D2361" t="str">
            <v>北村 和裕</v>
          </cell>
          <cell r="E2361" t="str">
            <v>代表取締役</v>
          </cell>
          <cell r="F2361" t="str">
            <v>060-0005</v>
          </cell>
          <cell r="G2361" t="str">
            <v>中央区北５西９－４－１</v>
          </cell>
          <cell r="H2361" t="str">
            <v>272-5880</v>
          </cell>
          <cell r="I2361" t="str">
            <v>272-8777</v>
          </cell>
        </row>
        <row r="2362">
          <cell r="A2362" t="str">
            <v>25124Y</v>
          </cell>
          <cell r="B2362" t="str">
            <v>ﾎｯｶｲﾄﾞｳｼｶｻﾝｷﾞｮｳ</v>
          </cell>
          <cell r="C2362" t="str">
            <v>北海道歯科産業（株）</v>
          </cell>
          <cell r="D2362" t="str">
            <v>山田 哲哉</v>
          </cell>
          <cell r="E2362" t="str">
            <v>代表取締役</v>
          </cell>
          <cell r="F2362" t="str">
            <v>064-0808</v>
          </cell>
          <cell r="G2362" t="str">
            <v>中央区南８西２</v>
          </cell>
          <cell r="H2362" t="str">
            <v>511-0341</v>
          </cell>
          <cell r="I2362" t="str">
            <v>521-1241</v>
          </cell>
        </row>
        <row r="2363">
          <cell r="A2363" t="str">
            <v>25125V</v>
          </cell>
          <cell r="B2363" t="str">
            <v>ﾎｸﾎｳｳﾝﾕ</v>
          </cell>
          <cell r="C2363" t="str">
            <v>北豊運輸（株）</v>
          </cell>
          <cell r="D2363" t="str">
            <v>柳澤 昭三</v>
          </cell>
          <cell r="E2363" t="str">
            <v>代表取締役</v>
          </cell>
          <cell r="F2363" t="str">
            <v>005-0843</v>
          </cell>
          <cell r="G2363" t="str">
            <v>南区石山３－５－１２－１０</v>
          </cell>
          <cell r="H2363" t="str">
            <v>591-7171</v>
          </cell>
          <cell r="I2363" t="str">
            <v>591-5907</v>
          </cell>
        </row>
        <row r="2364">
          <cell r="A2364" t="str">
            <v>25126S</v>
          </cell>
          <cell r="B2364" t="str">
            <v>ﾎｸﾘｮｳｻﾝｷﾞｮｳ</v>
          </cell>
          <cell r="C2364" t="str">
            <v>北菱産業（株）</v>
          </cell>
          <cell r="D2364" t="str">
            <v>福田 豊</v>
          </cell>
          <cell r="E2364" t="str">
            <v>代表取締役</v>
          </cell>
          <cell r="F2364" t="str">
            <v>060-0005</v>
          </cell>
          <cell r="G2364" t="str">
            <v>中央区北５西６－２－２</v>
          </cell>
          <cell r="H2364" t="str">
            <v>205-5611</v>
          </cell>
          <cell r="I2364" t="str">
            <v>205-5610</v>
          </cell>
        </row>
        <row r="2365">
          <cell r="A2365" t="str">
            <v>25128Z</v>
          </cell>
          <cell r="B2365" t="str">
            <v>ﾄｰﾖｰﾀｲﾔﾎｯｶｲﾄﾞｳﾊﾝﾊﾞｲ</v>
          </cell>
          <cell r="C2365" t="str">
            <v>トーヨータイヤ北海道販売（株）</v>
          </cell>
          <cell r="D2365" t="str">
            <v>速水 音彦</v>
          </cell>
          <cell r="E2365" t="str">
            <v>代表取締役</v>
          </cell>
          <cell r="F2365" t="str">
            <v>062-0902</v>
          </cell>
          <cell r="G2365" t="str">
            <v>豊平区豊平２－３－１－２３</v>
          </cell>
          <cell r="H2365" t="str">
            <v>821-4100</v>
          </cell>
          <cell r="I2365" t="str">
            <v>813-8109</v>
          </cell>
        </row>
        <row r="2366">
          <cell r="A2366" t="str">
            <v>25129X</v>
          </cell>
          <cell r="B2366" t="str">
            <v>ﾄﾞｰﾘﾝ</v>
          </cell>
          <cell r="C2366" t="str">
            <v>（株）ドーリン</v>
          </cell>
          <cell r="D2366" t="str">
            <v>山田 耕市</v>
          </cell>
          <cell r="E2366" t="str">
            <v>代表取締役</v>
          </cell>
          <cell r="F2366" t="str">
            <v>003-0026</v>
          </cell>
          <cell r="G2366" t="str">
            <v>白石区本通１３南６－１０</v>
          </cell>
          <cell r="H2366" t="str">
            <v>865-2111</v>
          </cell>
          <cell r="I2366" t="str">
            <v>862-5963</v>
          </cell>
        </row>
        <row r="2367">
          <cell r="A2367" t="str">
            <v>25130V</v>
          </cell>
          <cell r="B2367" t="str">
            <v>ﾄﾞｰﾋﾟｰｹﾝｾﾂｺｳｷﾞｮｳ</v>
          </cell>
          <cell r="C2367" t="str">
            <v>ドーピー建設工業（株）北海道支社</v>
          </cell>
          <cell r="D2367" t="str">
            <v>沖田 勝美</v>
          </cell>
          <cell r="E2367" t="str">
            <v>常務取締役支社長</v>
          </cell>
          <cell r="F2367" t="str">
            <v>060-0001</v>
          </cell>
          <cell r="G2367" t="str">
            <v>中央区北１西６－２</v>
          </cell>
          <cell r="H2367" t="str">
            <v>221-1531</v>
          </cell>
          <cell r="I2367" t="str">
            <v>222-5526</v>
          </cell>
        </row>
        <row r="2368">
          <cell r="A2368" t="str">
            <v>25131S</v>
          </cell>
          <cell r="B2368" t="str">
            <v>ﾎｸﾖｳ</v>
          </cell>
          <cell r="C2368" t="str">
            <v>（株）北陽北海道支社</v>
          </cell>
          <cell r="D2368" t="str">
            <v>秋林 鉄雄　</v>
          </cell>
          <cell r="E2368" t="str">
            <v>支社長</v>
          </cell>
          <cell r="F2368" t="str">
            <v>003-0024</v>
          </cell>
          <cell r="G2368" t="str">
            <v>白石区本郷通４南１－５</v>
          </cell>
          <cell r="H2368" t="str">
            <v>865-3911</v>
          </cell>
          <cell r="I2368" t="str">
            <v>865-3917</v>
          </cell>
        </row>
        <row r="2369">
          <cell r="A2369" t="str">
            <v>25132P</v>
          </cell>
          <cell r="B2369" t="str">
            <v>ﾎｯｶｲﾄﾞｳﾀﾞﾙﾄﾝ</v>
          </cell>
          <cell r="C2369" t="str">
            <v>（株）北海道ダルトン</v>
          </cell>
          <cell r="D2369" t="str">
            <v>矢野 勇</v>
          </cell>
          <cell r="E2369" t="str">
            <v>代表取締役</v>
          </cell>
          <cell r="F2369" t="str">
            <v>060-0808</v>
          </cell>
          <cell r="G2369" t="str">
            <v>北区北８西５－１ サイエンスビル４</v>
          </cell>
          <cell r="H2369" t="str">
            <v>758-3131</v>
          </cell>
          <cell r="I2369" t="str">
            <v>758-3151</v>
          </cell>
        </row>
        <row r="2370">
          <cell r="A2370" t="str">
            <v>25133Z</v>
          </cell>
          <cell r="B2370" t="str">
            <v>ﾎｯｶｲﾄﾞｳｼﾞｪｲｱｰﾙﾌﾞﾂﾘｭｳ</v>
          </cell>
          <cell r="C2370" t="str">
            <v>北海道ジェイアール物流（株）</v>
          </cell>
          <cell r="D2370" t="str">
            <v>堀川 健夫</v>
          </cell>
          <cell r="E2370" t="str">
            <v>代表取締役社長</v>
          </cell>
          <cell r="F2370" t="str">
            <v>003-0030</v>
          </cell>
          <cell r="G2370" t="str">
            <v>白石区流通センター５－５－１８</v>
          </cell>
          <cell r="H2370" t="str">
            <v>846-1295</v>
          </cell>
          <cell r="I2370" t="str">
            <v>846-1298</v>
          </cell>
        </row>
        <row r="2371">
          <cell r="A2371" t="str">
            <v>25134X</v>
          </cell>
          <cell r="B2371" t="str">
            <v>ﾎｯｶｲﾄﾞｳｸﾗｳﾝ</v>
          </cell>
          <cell r="C2371" t="str">
            <v>（株）北海道クラウン</v>
          </cell>
          <cell r="D2371" t="str">
            <v>湯川 剛生</v>
          </cell>
          <cell r="E2371" t="str">
            <v>代表取締役</v>
          </cell>
          <cell r="F2371" t="str">
            <v>003-0805</v>
          </cell>
          <cell r="G2371" t="str">
            <v>白石区菊水５－３－３－６</v>
          </cell>
          <cell r="H2371" t="str">
            <v>841-1211</v>
          </cell>
          <cell r="I2371" t="str">
            <v>824-2518</v>
          </cell>
        </row>
        <row r="2372">
          <cell r="A2372" t="str">
            <v>25135T</v>
          </cell>
          <cell r="B2372" t="str">
            <v>ﾎｯｶｲﾄﾞｳｵﾌｨｽ･ﾏｼﾝ</v>
          </cell>
          <cell r="C2372" t="str">
            <v>北海道オフィス・マシン（株）</v>
          </cell>
          <cell r="D2372" t="str">
            <v>真島 光男</v>
          </cell>
          <cell r="E2372" t="str">
            <v>代表取締役</v>
          </cell>
          <cell r="F2372" t="str">
            <v>060-0042</v>
          </cell>
          <cell r="G2372" t="str">
            <v>中央区大通西１６－３</v>
          </cell>
          <cell r="H2372" t="str">
            <v>632-5005</v>
          </cell>
          <cell r="I2372" t="str">
            <v>632-5133</v>
          </cell>
        </row>
        <row r="2373">
          <cell r="A2373" t="str">
            <v>25138Y</v>
          </cell>
          <cell r="B2373" t="str">
            <v>ﾎｸﾘｮｳｾｷﾕ</v>
          </cell>
          <cell r="C2373" t="str">
            <v>北菱石油（株）</v>
          </cell>
          <cell r="D2373" t="str">
            <v>寺内 鴻悦</v>
          </cell>
          <cell r="E2373" t="str">
            <v>代表取締役</v>
          </cell>
          <cell r="F2373" t="str">
            <v>060-0005</v>
          </cell>
          <cell r="G2373" t="str">
            <v>中央区北５西６－２－２</v>
          </cell>
          <cell r="H2373" t="str">
            <v>205-5611</v>
          </cell>
          <cell r="I2373" t="str">
            <v>205-5610</v>
          </cell>
        </row>
        <row r="2374">
          <cell r="A2374" t="str">
            <v>25139W</v>
          </cell>
          <cell r="B2374" t="str">
            <v>ﾕﾀﾆﾎｯｶｲﾄﾞｳ</v>
          </cell>
          <cell r="C2374" t="str">
            <v>（株）ユタニ北海道</v>
          </cell>
          <cell r="D2374" t="str">
            <v>柴田 和広</v>
          </cell>
          <cell r="E2374" t="str">
            <v>代表取締役</v>
          </cell>
          <cell r="F2374" t="str">
            <v>065-0042</v>
          </cell>
          <cell r="G2374" t="str">
            <v>東区本町２－３－６－１１</v>
          </cell>
          <cell r="H2374" t="str">
            <v>781-4541</v>
          </cell>
          <cell r="I2374" t="str">
            <v>781-9898</v>
          </cell>
        </row>
        <row r="2375">
          <cell r="A2375" t="str">
            <v>25140T</v>
          </cell>
          <cell r="B2375" t="str">
            <v>ﾎｱﾝｺｳｷﾞｮｳ</v>
          </cell>
          <cell r="C2375" t="str">
            <v>保安工業（株）北海道支店</v>
          </cell>
          <cell r="D2375" t="str">
            <v>内田 忍</v>
          </cell>
          <cell r="E2375" t="str">
            <v>支店長</v>
          </cell>
          <cell r="F2375" t="str">
            <v>060-0031</v>
          </cell>
          <cell r="G2375" t="str">
            <v>中央区北１東１４－１－１２</v>
          </cell>
          <cell r="H2375" t="str">
            <v>241-2201</v>
          </cell>
          <cell r="I2375" t="str">
            <v>241-2204</v>
          </cell>
        </row>
        <row r="2376">
          <cell r="A2376" t="str">
            <v>25142N</v>
          </cell>
          <cell r="B2376" t="str">
            <v>ﾎｳｽﾞﾐﾒﾀﾙｼｮｳｶｲ</v>
          </cell>
          <cell r="C2376" t="str">
            <v>（株）宝住メタル商会</v>
          </cell>
          <cell r="D2376" t="str">
            <v>宝住 幹雄</v>
          </cell>
          <cell r="E2376" t="str">
            <v>代表取締役</v>
          </cell>
          <cell r="F2376" t="str">
            <v>065-0033</v>
          </cell>
          <cell r="G2376" t="str">
            <v>東区北３３東３－２－２１</v>
          </cell>
          <cell r="H2376" t="str">
            <v>751-3507</v>
          </cell>
          <cell r="I2376" t="str">
            <v>751-3488</v>
          </cell>
        </row>
        <row r="2377">
          <cell r="A2377" t="str">
            <v>25145S</v>
          </cell>
          <cell r="B2377" t="str">
            <v>ｿﾗﾝﾎｯｶｲﾄﾞｳ</v>
          </cell>
          <cell r="C2377" t="str">
            <v>ソラン北海道（株）</v>
          </cell>
          <cell r="D2377" t="str">
            <v>中島 章知</v>
          </cell>
          <cell r="E2377" t="str">
            <v>代表取締役</v>
          </cell>
          <cell r="F2377" t="str">
            <v>060-0051</v>
          </cell>
          <cell r="G2377" t="str">
            <v>中央区南１東１－３ パークイースト札幌</v>
          </cell>
          <cell r="H2377" t="str">
            <v>251-5514</v>
          </cell>
          <cell r="I2377" t="str">
            <v>251-5030</v>
          </cell>
        </row>
        <row r="2378">
          <cell r="A2378" t="str">
            <v>25146P</v>
          </cell>
          <cell r="B2378" t="str">
            <v>ｽﾐｼﾞｭｳｾｲﾊﾝﾎｯｶｲﾄﾞｳ</v>
          </cell>
          <cell r="C2378" t="str">
            <v>住重精販北海道（株）</v>
          </cell>
          <cell r="D2378" t="str">
            <v>歓崎 義晴</v>
          </cell>
          <cell r="E2378" t="str">
            <v>代表取締役</v>
          </cell>
          <cell r="F2378" t="str">
            <v>007-0847</v>
          </cell>
          <cell r="G2378" t="str">
            <v>東区北４７東１６－１－３８</v>
          </cell>
          <cell r="H2378" t="str">
            <v>781-9801</v>
          </cell>
          <cell r="I2378" t="str">
            <v>781-9807</v>
          </cell>
        </row>
        <row r="2379">
          <cell r="A2379" t="str">
            <v>25147Z</v>
          </cell>
          <cell r="B2379" t="str">
            <v>ﾎｯｶｲﾄﾞｳﾋﾞｼﾞｭﾂｾﾝﾀｰ</v>
          </cell>
          <cell r="C2379" t="str">
            <v>（株）北海道美術センター</v>
          </cell>
          <cell r="D2379" t="str">
            <v>金丸 譲</v>
          </cell>
          <cell r="E2379" t="str">
            <v>代表取締役</v>
          </cell>
          <cell r="F2379" t="str">
            <v>005-0037</v>
          </cell>
          <cell r="G2379" t="str">
            <v>南区南３７西１１－９－１</v>
          </cell>
          <cell r="H2379" t="str">
            <v>581-4536</v>
          </cell>
          <cell r="I2379" t="str">
            <v>583-8090</v>
          </cell>
        </row>
        <row r="2380">
          <cell r="A2380" t="str">
            <v>25148X</v>
          </cell>
          <cell r="B2380" t="str">
            <v>ﾎｸﾖｳｺｳｷﾞｮｳ</v>
          </cell>
          <cell r="C2380" t="str">
            <v>北陽工業（株）</v>
          </cell>
          <cell r="D2380" t="str">
            <v>中村 裕一</v>
          </cell>
          <cell r="E2380" t="str">
            <v>代表取締役</v>
          </cell>
          <cell r="F2380" t="str">
            <v>063-0012</v>
          </cell>
          <cell r="G2380" t="str">
            <v>西区福井４７５－９</v>
          </cell>
          <cell r="H2380" t="str">
            <v>661-2859</v>
          </cell>
          <cell r="I2380" t="str">
            <v>661-8593</v>
          </cell>
        </row>
        <row r="2381">
          <cell r="A2381" t="str">
            <v>25149V</v>
          </cell>
          <cell r="B2381" t="str">
            <v>ﾎｯｶｲﾄﾞｳﾀﾞﾝﾛｯﾌﾟﾊﾝﾊﾞｲ</v>
          </cell>
          <cell r="C2381" t="str">
            <v>北海道ダンロップ販売（株）</v>
          </cell>
          <cell r="D2381" t="str">
            <v>西口 豪一</v>
          </cell>
          <cell r="E2381" t="str">
            <v>代表取締役</v>
          </cell>
          <cell r="F2381" t="str">
            <v>003-0022</v>
          </cell>
          <cell r="G2381" t="str">
            <v>白石区南郷通２０南２－６</v>
          </cell>
          <cell r="H2381" t="str">
            <v>866-7777</v>
          </cell>
          <cell r="I2381" t="str">
            <v>866-7776</v>
          </cell>
        </row>
        <row r="2382">
          <cell r="A2382" t="str">
            <v>25151P</v>
          </cell>
          <cell r="B2382" t="str">
            <v>ﾎｯｶｲﾋﾞﾃﾞｵ</v>
          </cell>
          <cell r="C2382" t="str">
            <v>（株）北海ビデオ</v>
          </cell>
          <cell r="D2382" t="str">
            <v>清川 格</v>
          </cell>
          <cell r="E2382" t="str">
            <v>代表取締役</v>
          </cell>
          <cell r="F2382" t="str">
            <v>002-8004</v>
          </cell>
          <cell r="G2382" t="str">
            <v>北区太平４－１－４－１０</v>
          </cell>
          <cell r="H2382" t="str">
            <v>773-1000</v>
          </cell>
          <cell r="I2382" t="str">
            <v>773-1035</v>
          </cell>
        </row>
        <row r="2383">
          <cell r="A2383" t="str">
            <v>25153X</v>
          </cell>
          <cell r="B2383" t="str">
            <v>ﾎｸｾｲｼｮｳｼﾞ</v>
          </cell>
          <cell r="C2383" t="str">
            <v>北清商事（株）</v>
          </cell>
          <cell r="D2383" t="str">
            <v>大作 佳範</v>
          </cell>
          <cell r="E2383" t="str">
            <v>代表取締役</v>
          </cell>
          <cell r="F2383" t="str">
            <v>007-0884</v>
          </cell>
          <cell r="G2383" t="str">
            <v>東区北丘珠４－４－３－１２</v>
          </cell>
          <cell r="H2383" t="str">
            <v>791-0131</v>
          </cell>
          <cell r="I2383" t="str">
            <v>791-0154</v>
          </cell>
        </row>
        <row r="2384">
          <cell r="A2384" t="str">
            <v>25156N</v>
          </cell>
          <cell r="B2384" t="str">
            <v>ｻｯﾎﾟﾛｶｰﾄｸﾞﾗﾌｨｯｸ</v>
          </cell>
          <cell r="C2384" t="str">
            <v>（株）札幌カートグラフィック</v>
          </cell>
          <cell r="D2384" t="str">
            <v>澁谷 俊雄</v>
          </cell>
          <cell r="E2384" t="str">
            <v>代表取締役</v>
          </cell>
          <cell r="F2384" t="str">
            <v>065-0018</v>
          </cell>
          <cell r="G2384" t="str">
            <v>東区北１８東１５－３－１５</v>
          </cell>
          <cell r="H2384" t="str">
            <v>733-7332</v>
          </cell>
          <cell r="I2384" t="str">
            <v>733-3775</v>
          </cell>
        </row>
        <row r="2385">
          <cell r="A2385" t="str">
            <v>25158W</v>
          </cell>
          <cell r="B2385" t="str">
            <v>ﾎｯｺｳｼｬｻｲｶｲﾝｻﾂｼｮ</v>
          </cell>
          <cell r="C2385" t="str">
            <v>（株）北晃社斎加印刷所</v>
          </cell>
          <cell r="D2385" t="str">
            <v>斉加 紀夫</v>
          </cell>
          <cell r="E2385" t="str">
            <v>代表取締役</v>
          </cell>
          <cell r="F2385" t="str">
            <v>063-0861</v>
          </cell>
          <cell r="G2385" t="str">
            <v>西区八軒１東５－２－１５</v>
          </cell>
          <cell r="H2385" t="str">
            <v>631-1271</v>
          </cell>
          <cell r="I2385" t="str">
            <v>631-1399</v>
          </cell>
        </row>
        <row r="2386">
          <cell r="A2386" t="str">
            <v>25159T</v>
          </cell>
          <cell r="B2386" t="str">
            <v>ﾎｯｶｲﾄﾞｳｷｶﾝｼｲﾝｻﾂｼｮ</v>
          </cell>
          <cell r="C2386" t="str">
            <v>（株）北海道機関紙印刷所</v>
          </cell>
          <cell r="D2386" t="str">
            <v>中江 勝洋</v>
          </cell>
          <cell r="E2386" t="str">
            <v>代表取締役</v>
          </cell>
          <cell r="F2386" t="str">
            <v>060-0806</v>
          </cell>
          <cell r="G2386" t="str">
            <v>北区北６西７－１</v>
          </cell>
          <cell r="H2386" t="str">
            <v>716-6141</v>
          </cell>
          <cell r="I2386" t="str">
            <v>717-5431</v>
          </cell>
        </row>
        <row r="2387">
          <cell r="A2387" t="str">
            <v>25163W</v>
          </cell>
          <cell r="B2387" t="str">
            <v>ﾎｸｵｳｼﾞﾑｷ</v>
          </cell>
          <cell r="C2387" t="str">
            <v>（株）北央事務機</v>
          </cell>
          <cell r="D2387" t="str">
            <v>茅野 重夫</v>
          </cell>
          <cell r="E2387" t="str">
            <v>代表取締役</v>
          </cell>
          <cell r="F2387" t="str">
            <v>060-0052</v>
          </cell>
          <cell r="G2387" t="str">
            <v>中央区南２東５－２－２</v>
          </cell>
          <cell r="H2387" t="str">
            <v>271-1435</v>
          </cell>
          <cell r="I2387" t="str">
            <v>221-7702</v>
          </cell>
        </row>
        <row r="2388">
          <cell r="A2388" t="str">
            <v>25164T</v>
          </cell>
          <cell r="B2388" t="str">
            <v>ﾎｯｶｲﾄﾞｳｺｳﾂｳｲﾝｻﾂ</v>
          </cell>
          <cell r="C2388" t="str">
            <v>北海道交通印刷（株）</v>
          </cell>
          <cell r="D2388" t="str">
            <v>中林 昭人</v>
          </cell>
          <cell r="E2388" t="str">
            <v>代表取締役</v>
          </cell>
          <cell r="F2388" t="str">
            <v>003-0026</v>
          </cell>
          <cell r="G2388" t="str">
            <v>白石区本通６南２－１０</v>
          </cell>
          <cell r="H2388" t="str">
            <v>861-8385</v>
          </cell>
          <cell r="I2388" t="str">
            <v>861-8386</v>
          </cell>
        </row>
        <row r="2389">
          <cell r="A2389" t="str">
            <v>25166Z</v>
          </cell>
          <cell r="B2389" t="str">
            <v>ﾎｿﾔｴﾝｾｲﾁｬ</v>
          </cell>
          <cell r="C2389" t="str">
            <v>細谷園製茶（株）</v>
          </cell>
          <cell r="D2389" t="str">
            <v>細谷 守雄</v>
          </cell>
          <cell r="E2389" t="str">
            <v>代表取締役</v>
          </cell>
          <cell r="F2389" t="str">
            <v>064-0919</v>
          </cell>
          <cell r="G2389" t="str">
            <v>中央区南１９西１０－１－２２</v>
          </cell>
          <cell r="H2389" t="str">
            <v>513-0088</v>
          </cell>
          <cell r="I2389" t="str">
            <v>513-1101</v>
          </cell>
        </row>
        <row r="2390">
          <cell r="A2390" t="str">
            <v>25168V</v>
          </cell>
          <cell r="B2390" t="str">
            <v>ﾎｸｾｲｻﾝｷﾞｮｳ</v>
          </cell>
          <cell r="C2390" t="str">
            <v>北成産業（株）</v>
          </cell>
          <cell r="D2390" t="str">
            <v>阿波 重紀</v>
          </cell>
          <cell r="E2390" t="str">
            <v>代表取締役</v>
          </cell>
          <cell r="F2390" t="str">
            <v>062-0932</v>
          </cell>
          <cell r="G2390" t="str">
            <v>豊平区平岸２－５－２－１９</v>
          </cell>
          <cell r="H2390" t="str">
            <v>823-2221</v>
          </cell>
          <cell r="I2390" t="str">
            <v>822-5757</v>
          </cell>
        </row>
        <row r="2391">
          <cell r="A2391" t="str">
            <v>25169S</v>
          </cell>
          <cell r="B2391" t="str">
            <v>ﾎｯｶｲﾄﾞｳﾃﾚｺﾑｾﾝﾀｰ</v>
          </cell>
          <cell r="C2391" t="str">
            <v>（株）北海道テレコムセンター</v>
          </cell>
          <cell r="D2391" t="str">
            <v>杉本 拓</v>
          </cell>
          <cell r="E2391" t="str">
            <v>代表取締役社長</v>
          </cell>
          <cell r="F2391" t="str">
            <v>003-0801</v>
          </cell>
          <cell r="G2391" t="str">
            <v>白石区菊水１－３－１－５</v>
          </cell>
          <cell r="H2391" t="str">
            <v>816-9800</v>
          </cell>
          <cell r="I2391" t="str">
            <v>816-9820</v>
          </cell>
        </row>
        <row r="2392">
          <cell r="A2392" t="str">
            <v>25171Z</v>
          </cell>
          <cell r="B2392" t="str">
            <v>ﾎｯｶｲﾄﾞｳﾁｭｳｵｳﾊﾞｽ</v>
          </cell>
          <cell r="C2392" t="str">
            <v>北海道中央バス（株）札幌事業部</v>
          </cell>
          <cell r="D2392" t="str">
            <v>柿岡 四郎</v>
          </cell>
          <cell r="E2392" t="str">
            <v>取締役札幌事業部長</v>
          </cell>
          <cell r="F2392" t="str">
            <v>060-0041</v>
          </cell>
          <cell r="G2392" t="str">
            <v>中央区大通東１－３</v>
          </cell>
          <cell r="H2392" t="str">
            <v>221-5166</v>
          </cell>
          <cell r="I2392" t="str">
            <v>221-7466</v>
          </cell>
        </row>
        <row r="2393">
          <cell r="A2393" t="str">
            <v>25172X</v>
          </cell>
          <cell r="B2393" t="str">
            <v>ﾎｯｶｲｵﾝｷｮｳﾑｾﾝ</v>
          </cell>
          <cell r="C2393" t="str">
            <v>北海音響無線（株）</v>
          </cell>
          <cell r="D2393" t="str">
            <v>道下 洋助</v>
          </cell>
          <cell r="E2393" t="str">
            <v>代表取締役</v>
          </cell>
          <cell r="F2393" t="str">
            <v>060-0007</v>
          </cell>
          <cell r="G2393" t="str">
            <v>中央区北７西１５－１</v>
          </cell>
          <cell r="H2393" t="str">
            <v>631-1414</v>
          </cell>
          <cell r="I2393" t="str">
            <v>631-1415</v>
          </cell>
        </row>
        <row r="2394">
          <cell r="A2394" t="str">
            <v>25177W</v>
          </cell>
          <cell r="B2394" t="str">
            <v>ﾎｯｶｲﾄﾞｳﾎﾞｳｻｲｷﾞｼﾞｭﾂｾﾝﾀｰ</v>
          </cell>
          <cell r="C2394" t="str">
            <v>（株）北海道防災技術センター</v>
          </cell>
          <cell r="D2394" t="str">
            <v>指川 司</v>
          </cell>
          <cell r="E2394" t="str">
            <v>代表取締役</v>
          </cell>
          <cell r="F2394" t="str">
            <v>001-0010</v>
          </cell>
          <cell r="G2394" t="str">
            <v>北区北１０西４－１</v>
          </cell>
          <cell r="H2394" t="str">
            <v>736-1100</v>
          </cell>
          <cell r="I2394" t="str">
            <v>736-1101</v>
          </cell>
        </row>
        <row r="2395">
          <cell r="A2395" t="str">
            <v>25179R</v>
          </cell>
          <cell r="B2395" t="str">
            <v>ﾎｯｶｲﾄﾞｳﾌｼﾞｺｳ</v>
          </cell>
          <cell r="C2395" t="str">
            <v>（株）北海道不二工</v>
          </cell>
          <cell r="D2395" t="str">
            <v>及川 正一</v>
          </cell>
          <cell r="E2395" t="str">
            <v>代表取締役</v>
          </cell>
          <cell r="F2395" t="str">
            <v>007-0821</v>
          </cell>
          <cell r="G2395" t="str">
            <v>東区東雁来１－１－１－１２</v>
          </cell>
          <cell r="H2395" t="str">
            <v>781-2811</v>
          </cell>
          <cell r="I2395" t="str">
            <v>781-7332</v>
          </cell>
        </row>
        <row r="2396">
          <cell r="A2396" t="str">
            <v>25181Y</v>
          </cell>
          <cell r="B2396" t="str">
            <v>ﾎｯｷｻｰﾋﾞｽ</v>
          </cell>
          <cell r="C2396" t="str">
            <v>（株）北基サービス</v>
          </cell>
          <cell r="D2396" t="str">
            <v>井元 芳春</v>
          </cell>
          <cell r="E2396" t="str">
            <v>代表取締役</v>
          </cell>
          <cell r="F2396" t="str">
            <v>003-0022</v>
          </cell>
          <cell r="G2396" t="str">
            <v>白石区南郷通１南７－１４</v>
          </cell>
          <cell r="H2396" t="str">
            <v>864-6837</v>
          </cell>
          <cell r="I2396" t="str">
            <v>864-6837</v>
          </cell>
        </row>
        <row r="2397">
          <cell r="A2397" t="str">
            <v>25182W</v>
          </cell>
          <cell r="B2397" t="str">
            <v>ﾎｸﾈﾝ</v>
          </cell>
          <cell r="C2397" t="str">
            <v>（株）ほくねん</v>
          </cell>
          <cell r="D2397" t="str">
            <v>菊地 為次</v>
          </cell>
          <cell r="E2397" t="str">
            <v>代表取締役</v>
          </cell>
          <cell r="F2397" t="str">
            <v>001-0906</v>
          </cell>
          <cell r="G2397" t="str">
            <v>北区新琴似６－６－４－１５</v>
          </cell>
          <cell r="H2397" t="str">
            <v>761-6668</v>
          </cell>
          <cell r="I2397" t="str">
            <v>761-6566</v>
          </cell>
        </row>
        <row r="2398">
          <cell r="A2398" t="str">
            <v>25183T</v>
          </cell>
          <cell r="B2398" t="str">
            <v>ﾎｯｶｲﾄﾞｳﾌｧｲﾌﾞｽﾀｰｺｳｷﾞｮｳ</v>
          </cell>
          <cell r="C2398" t="str">
            <v>（株）北海道ファイブスター工業</v>
          </cell>
          <cell r="D2398" t="str">
            <v>村中 由勝</v>
          </cell>
          <cell r="E2398" t="str">
            <v>代表取締役</v>
          </cell>
          <cell r="F2398" t="str">
            <v>007-0873</v>
          </cell>
          <cell r="G2398" t="str">
            <v>東区伏古１３－４－４－１１</v>
          </cell>
          <cell r="H2398" t="str">
            <v>782-2781</v>
          </cell>
          <cell r="I2398" t="str">
            <v>786-2688</v>
          </cell>
        </row>
        <row r="2399">
          <cell r="A2399" t="str">
            <v>25184R</v>
          </cell>
          <cell r="B2399" t="str">
            <v>ﾎｸﾌﾞｹﾝｷｭｳｼｮ</v>
          </cell>
          <cell r="C2399" t="str">
            <v>（株）北武研究所</v>
          </cell>
          <cell r="D2399" t="str">
            <v>小西 政秀</v>
          </cell>
          <cell r="E2399" t="str">
            <v>代表取締役</v>
          </cell>
          <cell r="F2399" t="str">
            <v>062-0020</v>
          </cell>
          <cell r="G2399" t="str">
            <v>豊平区月寒中央通６－１－１５</v>
          </cell>
          <cell r="H2399" t="str">
            <v>859-5233</v>
          </cell>
          <cell r="I2399" t="str">
            <v>859-5234</v>
          </cell>
        </row>
        <row r="2400">
          <cell r="A2400" t="str">
            <v>25185Z</v>
          </cell>
          <cell r="B2400" t="str">
            <v>ﾎｯｶｲｺｳｿｸ</v>
          </cell>
          <cell r="C2400" t="str">
            <v>北海航測（株）</v>
          </cell>
          <cell r="D2400" t="str">
            <v>矢橋 潤一郎</v>
          </cell>
          <cell r="E2400" t="str">
            <v>代表取締役社長</v>
          </cell>
          <cell r="F2400" t="str">
            <v>060-0003</v>
          </cell>
          <cell r="G2400" t="str">
            <v>中央区北３西１７－２－３６</v>
          </cell>
          <cell r="H2400" t="str">
            <v>611-3225</v>
          </cell>
          <cell r="I2400" t="str">
            <v>631-1791</v>
          </cell>
        </row>
        <row r="2401">
          <cell r="A2401" t="str">
            <v>25186X</v>
          </cell>
          <cell r="B2401" t="str">
            <v>ﾎｯｺｳｶﾝﾘｻｰﾋﾞｽ</v>
          </cell>
          <cell r="C2401" t="str">
            <v>北光管理サービス（株）</v>
          </cell>
          <cell r="D2401" t="str">
            <v>尾崎 和紀</v>
          </cell>
          <cell r="E2401" t="str">
            <v>代表取締役</v>
          </cell>
          <cell r="F2401" t="str">
            <v>060-0061</v>
          </cell>
          <cell r="G2401" t="str">
            <v>中央区南１西７－１２</v>
          </cell>
          <cell r="H2401" t="str">
            <v>271-5038</v>
          </cell>
          <cell r="I2401" t="str">
            <v>271-6014</v>
          </cell>
        </row>
        <row r="2402">
          <cell r="A2402" t="str">
            <v>25187V</v>
          </cell>
          <cell r="B2402" t="str">
            <v>ﾎｯｶｲｼｶﾝ</v>
          </cell>
          <cell r="C2402" t="str">
            <v>北海紙管（株）菊水営業所</v>
          </cell>
          <cell r="D2402" t="str">
            <v>柴田 忠則</v>
          </cell>
          <cell r="E2402" t="str">
            <v>所長</v>
          </cell>
          <cell r="F2402" t="str">
            <v>003-0811</v>
          </cell>
          <cell r="G2402" t="str">
            <v>白石区菊水上町１－４－２０２－１１</v>
          </cell>
          <cell r="H2402" t="str">
            <v>841-4660</v>
          </cell>
          <cell r="I2402" t="str">
            <v>841-5321</v>
          </cell>
        </row>
        <row r="2403">
          <cell r="A2403" t="str">
            <v>25190Z</v>
          </cell>
          <cell r="B2403" t="str">
            <v>ﾎｯｶｲﾄﾞｳｷｭｳｼｮｸｼｻﾞｲ</v>
          </cell>
          <cell r="C2403" t="str">
            <v>北海道給食資材（株）</v>
          </cell>
          <cell r="D2403" t="str">
            <v>河合 芳夫</v>
          </cell>
          <cell r="E2403" t="str">
            <v>代表取締役</v>
          </cell>
          <cell r="F2403" t="str">
            <v>064-0917</v>
          </cell>
          <cell r="G2403" t="str">
            <v>中央区南１７西６－３</v>
          </cell>
          <cell r="H2403" t="str">
            <v>521-0225</v>
          </cell>
          <cell r="I2403" t="str">
            <v>521-0465</v>
          </cell>
        </row>
        <row r="2404">
          <cell r="A2404" t="str">
            <v>25191X</v>
          </cell>
          <cell r="B2404" t="str">
            <v>ﾎｸﾄｴｰｼﾞｪﾝｼｰ</v>
          </cell>
          <cell r="C2404" t="str">
            <v>（有）北斗エージェンシー</v>
          </cell>
          <cell r="D2404" t="str">
            <v>小林 茂幸</v>
          </cell>
          <cell r="E2404" t="str">
            <v>代表取締役</v>
          </cell>
          <cell r="F2404" t="str">
            <v>001-0020</v>
          </cell>
          <cell r="G2404" t="str">
            <v>北区北２０西５－１－２９</v>
          </cell>
          <cell r="H2404" t="str">
            <v>747-2223</v>
          </cell>
          <cell r="I2404" t="str">
            <v>747-5495</v>
          </cell>
        </row>
        <row r="2405">
          <cell r="A2405" t="str">
            <v>25192V</v>
          </cell>
          <cell r="B2405" t="str">
            <v>ﾎﾝﾀﾞﾌﾟﾘﾓｻｯﾎﾟﾛﾆｼ</v>
          </cell>
          <cell r="C2405" t="str">
            <v>（株）ホンダプリモ札幌西</v>
          </cell>
          <cell r="D2405" t="str">
            <v>帰山 誠</v>
          </cell>
          <cell r="E2405" t="str">
            <v>代表取締役</v>
          </cell>
          <cell r="F2405" t="str">
            <v>063-0846</v>
          </cell>
          <cell r="G2405" t="str">
            <v>西区八軒６西１０－１－２</v>
          </cell>
          <cell r="H2405" t="str">
            <v>612-5111</v>
          </cell>
          <cell r="I2405" t="str">
            <v>612-5050</v>
          </cell>
        </row>
        <row r="2406">
          <cell r="A2406" t="str">
            <v>25193S</v>
          </cell>
          <cell r="B2406" t="str">
            <v>ﾎｯｶｲﾄﾞｳｿｳｺﾞｳｹｲﾋﾞﾎｼｮｳ</v>
          </cell>
          <cell r="C2406" t="str">
            <v>北海道綜合警備保障（株）</v>
          </cell>
          <cell r="D2406" t="str">
            <v>中村 雅臣</v>
          </cell>
          <cell r="E2406" t="str">
            <v>代表取締役</v>
          </cell>
          <cell r="F2406" t="str">
            <v>060-0807</v>
          </cell>
          <cell r="G2406" t="str">
            <v>北区北７西２－８ 北ビル</v>
          </cell>
          <cell r="H2406" t="str">
            <v>747-2203</v>
          </cell>
          <cell r="I2406" t="str">
            <v>758-2830</v>
          </cell>
        </row>
        <row r="2407">
          <cell r="A2407" t="str">
            <v>25194P</v>
          </cell>
          <cell r="B2407" t="str">
            <v>ﾎﾟﾆｰｾｲｶ</v>
          </cell>
          <cell r="C2407" t="str">
            <v>ポニー青果（株）</v>
          </cell>
          <cell r="D2407" t="str">
            <v>計良 昌範</v>
          </cell>
          <cell r="E2407" t="str">
            <v>代表取締役</v>
          </cell>
          <cell r="F2407" t="str">
            <v>005-0012</v>
          </cell>
          <cell r="G2407" t="str">
            <v>南区真駒内上町３－２－１４</v>
          </cell>
          <cell r="H2407" t="str">
            <v>583-1275</v>
          </cell>
          <cell r="I2407" t="str">
            <v>583-1275</v>
          </cell>
        </row>
        <row r="2408">
          <cell r="A2408" t="str">
            <v>25195Y</v>
          </cell>
          <cell r="B2408" t="str">
            <v>ｼﾞｪｲ･ｱｰﾙﾎｯｶｲﾄﾞｳﾊﾞｽ</v>
          </cell>
          <cell r="C2408" t="str">
            <v>ジェイ・アール北海道バス（株）</v>
          </cell>
          <cell r="D2408" t="str">
            <v>小森 宏明</v>
          </cell>
          <cell r="E2408" t="str">
            <v>代表取締役社長</v>
          </cell>
          <cell r="F2408" t="str">
            <v>060-0906</v>
          </cell>
          <cell r="G2408" t="str">
            <v>東区北６東３－３－２０</v>
          </cell>
          <cell r="H2408" t="str">
            <v>753-2315</v>
          </cell>
          <cell r="I2408" t="str">
            <v>741-7595</v>
          </cell>
        </row>
        <row r="2409">
          <cell r="A2409" t="str">
            <v>25199N</v>
          </cell>
          <cell r="B2409" t="str">
            <v>ﾎｯｶｲﾄﾞｳｼﾝﾌﾞﾝｼﾞｮｳﾎｳｹﾝｷｭｳｼｮ</v>
          </cell>
          <cell r="C2409" t="str">
            <v>（株）北海道新聞情報研究所</v>
          </cell>
          <cell r="D2409" t="str">
            <v>金子 国彦</v>
          </cell>
          <cell r="E2409" t="str">
            <v>代表取締役社長</v>
          </cell>
          <cell r="F2409" t="str">
            <v>001-0010</v>
          </cell>
          <cell r="G2409" t="str">
            <v>北区北１０西４－１－３</v>
          </cell>
          <cell r="H2409" t="str">
            <v>707-0339</v>
          </cell>
          <cell r="I2409" t="str">
            <v>707-0340</v>
          </cell>
        </row>
        <row r="2410">
          <cell r="A2410" t="str">
            <v>25202R</v>
          </cell>
          <cell r="B2410" t="str">
            <v>ﾎﾟｰﾗｽﾀｰ</v>
          </cell>
          <cell r="C2410" t="str">
            <v>（株）ポーラスター</v>
          </cell>
          <cell r="D2410" t="str">
            <v>石川 茂</v>
          </cell>
          <cell r="E2410" t="str">
            <v>代表取締役</v>
          </cell>
          <cell r="F2410" t="str">
            <v>007-0880</v>
          </cell>
          <cell r="G2410" t="str">
            <v>東区丘珠町５６６－２</v>
          </cell>
          <cell r="H2410" t="str">
            <v>789-6755</v>
          </cell>
          <cell r="I2410" t="str">
            <v>787-1766</v>
          </cell>
        </row>
        <row r="2411">
          <cell r="A2411" t="str">
            <v>25205V</v>
          </cell>
          <cell r="B2411" t="str">
            <v>ﾎｯｶｲﾄﾞｳﾄﾝﾎﾞﾌｸｿｳ</v>
          </cell>
          <cell r="C2411" t="str">
            <v>北海道トンボ服装（株）</v>
          </cell>
          <cell r="D2411" t="str">
            <v>千田 博</v>
          </cell>
          <cell r="E2411" t="str">
            <v>代表取締役</v>
          </cell>
          <cell r="F2411" t="str">
            <v>060-0906</v>
          </cell>
          <cell r="G2411" t="str">
            <v>東区北６東５－１－４</v>
          </cell>
          <cell r="H2411" t="str">
            <v>741-6711</v>
          </cell>
          <cell r="I2411" t="str">
            <v>731-1176</v>
          </cell>
        </row>
        <row r="2412">
          <cell r="A2412" t="str">
            <v>25206S</v>
          </cell>
          <cell r="B2412" t="str">
            <v>ﾎｸｼﾝ</v>
          </cell>
          <cell r="C2412" t="str">
            <v>（株）北辰</v>
          </cell>
          <cell r="D2412" t="str">
            <v>佐藤 義文</v>
          </cell>
          <cell r="E2412" t="str">
            <v>代表取締役</v>
          </cell>
          <cell r="F2412" t="str">
            <v>002-0854</v>
          </cell>
          <cell r="G2412" t="str">
            <v>北区屯田４－２－３－１５</v>
          </cell>
          <cell r="H2412" t="str">
            <v>772-0500</v>
          </cell>
          <cell r="I2412" t="str">
            <v>0133-64-5558</v>
          </cell>
        </row>
        <row r="2413">
          <cell r="A2413" t="str">
            <v>25208Z</v>
          </cell>
          <cell r="B2413" t="str">
            <v>ﾎｯｶｲﾄﾞｳｶﾐｼｮｳｼﾞ</v>
          </cell>
          <cell r="C2413" t="str">
            <v>北海道紙商事（株）</v>
          </cell>
          <cell r="D2413" t="str">
            <v>高橋 清剛</v>
          </cell>
          <cell r="E2413" t="str">
            <v>代表取締役社長</v>
          </cell>
          <cell r="F2413" t="str">
            <v>063-0804</v>
          </cell>
          <cell r="G2413" t="str">
            <v>西区二十四軒４－３－１－１</v>
          </cell>
          <cell r="H2413" t="str">
            <v>641-6331</v>
          </cell>
          <cell r="I2413" t="str">
            <v>641-6340</v>
          </cell>
        </row>
        <row r="2414">
          <cell r="A2414" t="str">
            <v>25211S</v>
          </cell>
          <cell r="B2414" t="str">
            <v>ﾎｸﾖｳ</v>
          </cell>
          <cell r="C2414" t="str">
            <v>（株）北洋</v>
          </cell>
          <cell r="D2414" t="str">
            <v>安丸 定則</v>
          </cell>
          <cell r="E2414" t="str">
            <v>代表取締役</v>
          </cell>
          <cell r="F2414" t="str">
            <v>002-0855</v>
          </cell>
          <cell r="G2414" t="str">
            <v>北区屯田５－１２－４－５</v>
          </cell>
          <cell r="H2414" t="str">
            <v>773-0101</v>
          </cell>
          <cell r="I2414" t="str">
            <v>771-7524</v>
          </cell>
        </row>
        <row r="2415">
          <cell r="A2415" t="str">
            <v>25220T</v>
          </cell>
          <cell r="B2415" t="str">
            <v>ﾎｯｶｲﾄﾞｳｴｲｿﾞｳｷﾛｸ</v>
          </cell>
          <cell r="C2415" t="str">
            <v>北海道映像記録（株）</v>
          </cell>
          <cell r="D2415" t="str">
            <v>馬場 勉</v>
          </cell>
          <cell r="E2415" t="str">
            <v>代表取締役</v>
          </cell>
          <cell r="F2415" t="str">
            <v>064-0808</v>
          </cell>
          <cell r="G2415" t="str">
            <v>中央区南８西１５－４－１</v>
          </cell>
          <cell r="H2415" t="str">
            <v>520-1101</v>
          </cell>
          <cell r="I2415" t="str">
            <v>520-1103</v>
          </cell>
        </row>
        <row r="2416">
          <cell r="A2416" t="str">
            <v>25225S</v>
          </cell>
          <cell r="B2416" t="str">
            <v>ﾎｯｺｳﾄﾘｮｳﾃﾝ</v>
          </cell>
          <cell r="C2416" t="str">
            <v>（株）北浩塗料店</v>
          </cell>
          <cell r="D2416" t="str">
            <v>中村 守</v>
          </cell>
          <cell r="E2416" t="str">
            <v>代表取締役</v>
          </cell>
          <cell r="F2416" t="str">
            <v>060-0054</v>
          </cell>
          <cell r="G2416" t="str">
            <v>中央区南４東３－１２</v>
          </cell>
          <cell r="H2416" t="str">
            <v>241-7056</v>
          </cell>
          <cell r="I2416" t="str">
            <v>251-0760</v>
          </cell>
        </row>
        <row r="2417">
          <cell r="A2417" t="str">
            <v>25229V</v>
          </cell>
          <cell r="B2417" t="str">
            <v>ﾎｯｶｲﾄﾞｳｶﾜｻｷﾃﾂﾓｳ</v>
          </cell>
          <cell r="C2417" t="str">
            <v>北海道川崎鐵網（株）</v>
          </cell>
          <cell r="D2417" t="str">
            <v>平田 廣ニ</v>
          </cell>
          <cell r="E2417" t="str">
            <v>代表取締役</v>
          </cell>
          <cell r="F2417" t="str">
            <v>003-0029</v>
          </cell>
          <cell r="G2417" t="str">
            <v>白石区平和通２北８－３２</v>
          </cell>
          <cell r="H2417" t="str">
            <v>861-8321</v>
          </cell>
          <cell r="I2417" t="str">
            <v>864-5813</v>
          </cell>
        </row>
        <row r="2418">
          <cell r="A2418" t="str">
            <v>25230S</v>
          </cell>
          <cell r="B2418" t="str">
            <v>ﾎｯｶｲｺｳｻﾞｲ</v>
          </cell>
          <cell r="C2418" t="str">
            <v>北海鋼材（株）</v>
          </cell>
          <cell r="D2418" t="str">
            <v>北野 則男</v>
          </cell>
          <cell r="E2418" t="str">
            <v>代表取締役</v>
          </cell>
          <cell r="F2418" t="str">
            <v>060-0002</v>
          </cell>
          <cell r="G2418" t="str">
            <v>中央区北２西３－１</v>
          </cell>
          <cell r="H2418" t="str">
            <v>241-5261</v>
          </cell>
          <cell r="I2418" t="str">
            <v>222-7179</v>
          </cell>
        </row>
        <row r="2419">
          <cell r="A2419" t="str">
            <v>25241N</v>
          </cell>
          <cell r="B2419" t="str">
            <v>ﾎｯｶｲﾄﾞｳｽｲﾄﾞｳｷｻﾞｲ</v>
          </cell>
          <cell r="C2419" t="str">
            <v>北海道水道機材（株）札幌支店</v>
          </cell>
          <cell r="D2419" t="str">
            <v>金谷 清治</v>
          </cell>
          <cell r="E2419" t="str">
            <v>支店長</v>
          </cell>
          <cell r="F2419" t="str">
            <v>001-0923</v>
          </cell>
          <cell r="G2419" t="str">
            <v>北区新川３－１８－２－６</v>
          </cell>
          <cell r="H2419" t="str">
            <v>764-5550</v>
          </cell>
          <cell r="I2419" t="str">
            <v>764-1010</v>
          </cell>
        </row>
        <row r="2420">
          <cell r="A2420" t="str">
            <v>25242Y</v>
          </cell>
          <cell r="B2420" t="str">
            <v>ﾎｸﾄｺﾞﾑｾｲｻｸｼｮ</v>
          </cell>
          <cell r="C2420" t="str">
            <v>（株）北斗ゴム製作所</v>
          </cell>
          <cell r="D2420" t="str">
            <v>宮谷 明</v>
          </cell>
          <cell r="E2420" t="str">
            <v>代表取締役</v>
          </cell>
          <cell r="F2420" t="str">
            <v>047-0261</v>
          </cell>
          <cell r="G2420" t="str">
            <v>小樽市銭函３－２７４－５</v>
          </cell>
          <cell r="H2420" t="str">
            <v>0134-62-6663</v>
          </cell>
          <cell r="I2420" t="str">
            <v>0134-62-7739</v>
          </cell>
        </row>
        <row r="2421">
          <cell r="A2421" t="str">
            <v>25243W</v>
          </cell>
          <cell r="B2421" t="str">
            <v>ﾄｳﾄｳﾎｯｶｲﾄﾞｳﾊﾝﾊﾞｲ</v>
          </cell>
          <cell r="C2421" t="str">
            <v>東陶北海道販売（株）</v>
          </cell>
          <cell r="D2421" t="str">
            <v>豊田 宏隆</v>
          </cell>
          <cell r="E2421" t="str">
            <v>代表取締役社長</v>
          </cell>
          <cell r="F2421" t="str">
            <v>060-0031</v>
          </cell>
          <cell r="G2421" t="str">
            <v>中央区北１東１０－１５－４６</v>
          </cell>
          <cell r="H2421" t="str">
            <v>221-2551</v>
          </cell>
          <cell r="I2421" t="str">
            <v>221-2501</v>
          </cell>
        </row>
        <row r="2422">
          <cell r="A2422" t="str">
            <v>25246Z</v>
          </cell>
          <cell r="B2422" t="str">
            <v>ﾎｯｶｲﾒﾃﾞｨｶﾙ</v>
          </cell>
          <cell r="C2422" t="str">
            <v>（株）北海メディカル</v>
          </cell>
          <cell r="D2422" t="str">
            <v>村太 悦郎</v>
          </cell>
          <cell r="E2422" t="str">
            <v>代表取締役</v>
          </cell>
          <cell r="F2422" t="str">
            <v>065-0026</v>
          </cell>
          <cell r="G2422" t="str">
            <v>東区北２６東６－２－１</v>
          </cell>
          <cell r="H2422" t="str">
            <v>712-0381</v>
          </cell>
          <cell r="I2422" t="str">
            <v>712-0084</v>
          </cell>
        </row>
        <row r="2423">
          <cell r="A2423" t="str">
            <v>25250P</v>
          </cell>
          <cell r="B2423" t="str">
            <v>ﾎｸﾄｳ</v>
          </cell>
          <cell r="C2423" t="str">
            <v>（株）ほくとう</v>
          </cell>
          <cell r="D2423" t="str">
            <v>下澤 敏也</v>
          </cell>
          <cell r="E2423" t="str">
            <v>代表取締役</v>
          </cell>
          <cell r="F2423" t="str">
            <v>065-0016</v>
          </cell>
          <cell r="G2423" t="str">
            <v>東区北１６東７－２３１</v>
          </cell>
          <cell r="H2423" t="str">
            <v>723-6236</v>
          </cell>
          <cell r="I2423" t="str">
            <v>723-6238</v>
          </cell>
        </row>
        <row r="2424">
          <cell r="A2424" t="str">
            <v>25251Z</v>
          </cell>
          <cell r="B2424" t="str">
            <v>ｶｰﾄﾞｯｸｻｯﾎﾟﾛ</v>
          </cell>
          <cell r="C2424" t="str">
            <v>（株）カードック札幌</v>
          </cell>
          <cell r="D2424" t="str">
            <v>村田 敏幸</v>
          </cell>
          <cell r="E2424" t="str">
            <v>代表取締役</v>
          </cell>
          <cell r="F2424" t="str">
            <v>065-0030</v>
          </cell>
          <cell r="G2424" t="str">
            <v>東区北３０東１－１－２３</v>
          </cell>
          <cell r="H2424" t="str">
            <v>721-7211</v>
          </cell>
          <cell r="I2424" t="str">
            <v>722-2297</v>
          </cell>
        </row>
        <row r="2425">
          <cell r="A2425" t="str">
            <v>25258T</v>
          </cell>
          <cell r="B2425" t="str">
            <v>ﾎｯｶｲﾄﾞｳｿｳｺﾞｳﾎﾞｳｻｲｾﾂﾋﾞ</v>
          </cell>
          <cell r="C2425" t="str">
            <v>北海道総合防災設備（株）</v>
          </cell>
          <cell r="D2425" t="str">
            <v>岡田 健治</v>
          </cell>
          <cell r="E2425" t="str">
            <v>代表取締役</v>
          </cell>
          <cell r="F2425" t="str">
            <v>007-0852</v>
          </cell>
          <cell r="G2425" t="str">
            <v>東区栄町９１１－４２</v>
          </cell>
          <cell r="H2425" t="str">
            <v>786-5151</v>
          </cell>
          <cell r="I2425" t="str">
            <v>786-3232</v>
          </cell>
        </row>
        <row r="2426">
          <cell r="A2426" t="str">
            <v>25260N</v>
          </cell>
          <cell r="B2426" t="str">
            <v>ﾎｯｶｲﾄﾞｳﾆｯﾀﾝｻｰﾋﾞｽｾﾝﾀｰ</v>
          </cell>
          <cell r="C2426" t="str">
            <v>（株）北海道ニッタンサービスセンター</v>
          </cell>
          <cell r="D2426" t="str">
            <v>伊藤 俊一</v>
          </cell>
          <cell r="E2426" t="str">
            <v>代表取締役</v>
          </cell>
          <cell r="F2426" t="str">
            <v>064-0922</v>
          </cell>
          <cell r="G2426" t="str">
            <v>中央区南２２西６－２－２２</v>
          </cell>
          <cell r="H2426" t="str">
            <v>531-5161</v>
          </cell>
          <cell r="I2426" t="str">
            <v>531-5430</v>
          </cell>
        </row>
        <row r="2427">
          <cell r="A2427" t="str">
            <v>25266X</v>
          </cell>
          <cell r="B2427" t="str">
            <v>ﾎｯｶｲﾁｮｳﾘｷ</v>
          </cell>
          <cell r="C2427" t="str">
            <v>北海調理機（株）</v>
          </cell>
          <cell r="D2427" t="str">
            <v>後藤 憲寛</v>
          </cell>
          <cell r="E2427" t="str">
            <v>代表取締役</v>
          </cell>
          <cell r="F2427" t="str">
            <v>063-0831</v>
          </cell>
          <cell r="G2427" t="str">
            <v>西区発寒１１－３－６－３１</v>
          </cell>
          <cell r="H2427" t="str">
            <v>666-7577</v>
          </cell>
          <cell r="I2427" t="str">
            <v>666-7578</v>
          </cell>
        </row>
        <row r="2428">
          <cell r="A2428" t="str">
            <v>25270Z</v>
          </cell>
          <cell r="B2428" t="str">
            <v>ﾎｯｶｲﾄﾞｳﾎｼｮｳｷﾞｭｳﾆｭｳ</v>
          </cell>
          <cell r="C2428" t="str">
            <v>北海道保証牛乳（株）</v>
          </cell>
          <cell r="D2428" t="str">
            <v>末武 勉</v>
          </cell>
          <cell r="E2428" t="str">
            <v>代表取締役社長</v>
          </cell>
          <cell r="F2428" t="str">
            <v>047-0264</v>
          </cell>
          <cell r="G2428" t="str">
            <v>小樽市桂岡町３－８</v>
          </cell>
          <cell r="H2428" t="str">
            <v>0134-62-2225</v>
          </cell>
          <cell r="I2428" t="str">
            <v>0134-62-2819</v>
          </cell>
        </row>
        <row r="2429">
          <cell r="A2429" t="str">
            <v>25272V</v>
          </cell>
          <cell r="B2429" t="str">
            <v>ﾎｸﾖｳﾋﾞｼﾞﾈｽﾌｫｰﾑ</v>
          </cell>
          <cell r="C2429" t="str">
            <v>北陽ビジネスフォーム（株）</v>
          </cell>
          <cell r="D2429" t="str">
            <v>岡部 康彦</v>
          </cell>
          <cell r="E2429" t="str">
            <v>代表取締役</v>
          </cell>
          <cell r="F2429" t="str">
            <v>007-0868</v>
          </cell>
          <cell r="G2429" t="str">
            <v>東区伏古８－２－２－２１</v>
          </cell>
          <cell r="H2429" t="str">
            <v>785-6767</v>
          </cell>
          <cell r="I2429" t="str">
            <v>784-3344</v>
          </cell>
        </row>
        <row r="2430">
          <cell r="A2430" t="str">
            <v>25277T</v>
          </cell>
          <cell r="B2430" t="str">
            <v>ﾎｯｶｲﾄﾞｳｹｲｷｺｳｷﾞｮｳ</v>
          </cell>
          <cell r="C2430" t="str">
            <v>北海道計器工業（株）</v>
          </cell>
          <cell r="D2430" t="str">
            <v>岩浪 國洋</v>
          </cell>
          <cell r="E2430" t="str">
            <v>取締役社長</v>
          </cell>
          <cell r="F2430" t="str">
            <v>060-0005</v>
          </cell>
          <cell r="G2430" t="str">
            <v>中央区北５西１７－１３</v>
          </cell>
          <cell r="H2430" t="str">
            <v>621-3561</v>
          </cell>
          <cell r="I2430" t="str">
            <v>641-6427</v>
          </cell>
        </row>
        <row r="2431">
          <cell r="A2431" t="str">
            <v>25280Y</v>
          </cell>
          <cell r="B2431" t="str">
            <v>ﾎｯｶｲﾄﾞｳｵﾘｵﾝ</v>
          </cell>
          <cell r="C2431" t="str">
            <v>北海道オリオン（株）</v>
          </cell>
          <cell r="D2431" t="str">
            <v>太田 哲郎</v>
          </cell>
          <cell r="E2431" t="str">
            <v>代表取締役</v>
          </cell>
          <cell r="F2431" t="str">
            <v>003-0027</v>
          </cell>
          <cell r="G2431" t="str">
            <v>白石区本通１８北３－６６</v>
          </cell>
          <cell r="H2431" t="str">
            <v>865-3111</v>
          </cell>
          <cell r="I2431" t="str">
            <v>865-3113</v>
          </cell>
        </row>
        <row r="2432">
          <cell r="A2432" t="str">
            <v>25281W</v>
          </cell>
          <cell r="B2432" t="str">
            <v>ﾎｯｶｲﾄﾞｳｹﾝｻｾﾝﾀｰ</v>
          </cell>
          <cell r="C2432" t="str">
            <v>北海道検査センター（株）</v>
          </cell>
          <cell r="D2432" t="str">
            <v>冲田 幹</v>
          </cell>
          <cell r="E2432" t="str">
            <v>代表取締役</v>
          </cell>
          <cell r="F2432" t="str">
            <v>003-0814</v>
          </cell>
          <cell r="G2432" t="str">
            <v>白石区菊水上町４－４－１４３－１６</v>
          </cell>
          <cell r="H2432" t="str">
            <v>892-5100</v>
          </cell>
          <cell r="I2432" t="str">
            <v>842-8555</v>
          </cell>
        </row>
        <row r="2433">
          <cell r="A2433" t="str">
            <v>25282T</v>
          </cell>
          <cell r="B2433" t="str">
            <v>ﾎｸｻﾝｼﾞｭｳｹﾝ</v>
          </cell>
          <cell r="C2433" t="str">
            <v>北三重建（有）</v>
          </cell>
          <cell r="D2433" t="str">
            <v>三澤 弘美</v>
          </cell>
          <cell r="E2433" t="str">
            <v>代表取締役</v>
          </cell>
          <cell r="F2433" t="str">
            <v>001-0019</v>
          </cell>
          <cell r="G2433" t="str">
            <v>北区北１９西３－１－２９</v>
          </cell>
          <cell r="H2433" t="str">
            <v>737-5000</v>
          </cell>
          <cell r="I2433" t="str">
            <v>737-5399</v>
          </cell>
        </row>
        <row r="2434">
          <cell r="A2434" t="str">
            <v>25289Z</v>
          </cell>
          <cell r="B2434" t="str">
            <v>ﾎｸｼﾝ</v>
          </cell>
          <cell r="C2434" t="str">
            <v>（株）北真</v>
          </cell>
          <cell r="D2434" t="str">
            <v>岩本 康喜</v>
          </cell>
          <cell r="E2434" t="str">
            <v>代表取締役</v>
          </cell>
          <cell r="F2434" t="str">
            <v>060-0001</v>
          </cell>
          <cell r="G2434" t="str">
            <v>中央区北１西１８－１</v>
          </cell>
          <cell r="H2434" t="str">
            <v>641-2466</v>
          </cell>
          <cell r="I2434" t="str">
            <v>641-2496</v>
          </cell>
        </row>
        <row r="2435">
          <cell r="A2435" t="str">
            <v>25291V</v>
          </cell>
          <cell r="B2435" t="str">
            <v>ﾎｯｶｲﾄﾞｳｷｮｳｶｼｮｷｮｳｷｭｳｼﾞｮ</v>
          </cell>
          <cell r="C2435" t="str">
            <v>（株）北海道教科書供給所</v>
          </cell>
          <cell r="D2435" t="str">
            <v>成田 勇吉</v>
          </cell>
          <cell r="E2435" t="str">
            <v>代表取締役社長</v>
          </cell>
          <cell r="F2435" t="str">
            <v>061-3241</v>
          </cell>
          <cell r="G2435" t="str">
            <v>石狩市新港西１－７１９－１４</v>
          </cell>
          <cell r="H2435" t="str">
            <v>0133-74-9971</v>
          </cell>
          <cell r="I2435" t="str">
            <v>0133-74-0061</v>
          </cell>
        </row>
        <row r="2436">
          <cell r="A2436" t="str">
            <v>25292S</v>
          </cell>
          <cell r="B2436" t="str">
            <v>ﾎｸﾕｳﾄﾞｳｼｮﾃﾝ</v>
          </cell>
          <cell r="C2436" t="str">
            <v>（有）北友堂書店</v>
          </cell>
          <cell r="D2436" t="str">
            <v>佐藤 光信</v>
          </cell>
          <cell r="E2436" t="str">
            <v>代表取締役</v>
          </cell>
          <cell r="F2436" t="str">
            <v>003-0833</v>
          </cell>
          <cell r="G2436" t="str">
            <v>白石区北郷３－４－１－５</v>
          </cell>
          <cell r="H2436" t="str">
            <v>873-6947</v>
          </cell>
          <cell r="I2436" t="str">
            <v>873-6947</v>
          </cell>
        </row>
        <row r="2437">
          <cell r="A2437" t="str">
            <v>25294Z</v>
          </cell>
          <cell r="B2437" t="str">
            <v>ﾎｳｾﾝﾄﾞｵ</v>
          </cell>
          <cell r="C2437" t="str">
            <v>（有）鳳泉堂</v>
          </cell>
          <cell r="D2437" t="str">
            <v>藤田 亨</v>
          </cell>
          <cell r="E2437" t="str">
            <v>代表取締役</v>
          </cell>
          <cell r="F2437" t="str">
            <v>002-8011</v>
          </cell>
          <cell r="G2437" t="str">
            <v>北区太平１１－６－７－１２</v>
          </cell>
          <cell r="H2437" t="str">
            <v>771-1894</v>
          </cell>
          <cell r="I2437" t="str">
            <v>773-0890</v>
          </cell>
        </row>
        <row r="2438">
          <cell r="A2438" t="str">
            <v>25296T</v>
          </cell>
          <cell r="B2438" t="str">
            <v>ﾎｯｶｲﾌﾟﾘﾝﾄ</v>
          </cell>
          <cell r="C2438" t="str">
            <v>（株）北海プリント</v>
          </cell>
          <cell r="D2438" t="str">
            <v>藤野戸 宏</v>
          </cell>
          <cell r="E2438" t="str">
            <v>代表取締役</v>
          </cell>
          <cell r="F2438" t="str">
            <v>062-0904</v>
          </cell>
          <cell r="G2438" t="str">
            <v>豊平区豊平４－１１－５－２</v>
          </cell>
          <cell r="H2438" t="str">
            <v>811-2396</v>
          </cell>
          <cell r="I2438" t="str">
            <v>831-5017</v>
          </cell>
        </row>
        <row r="2439">
          <cell r="A2439" t="str">
            <v>25300T</v>
          </cell>
          <cell r="B2439" t="str">
            <v>ﾋｶﾘｺｳｹﾞｲｼｬ</v>
          </cell>
          <cell r="C2439" t="str">
            <v>（有）光工芸社</v>
          </cell>
          <cell r="D2439" t="str">
            <v>瀧ヶ平 勲</v>
          </cell>
          <cell r="E2439" t="str">
            <v>代表取締役</v>
          </cell>
          <cell r="F2439" t="str">
            <v>065-0022</v>
          </cell>
          <cell r="G2439" t="str">
            <v>東区北２２東９－５－１</v>
          </cell>
          <cell r="H2439" t="str">
            <v>711-1142</v>
          </cell>
          <cell r="I2439" t="str">
            <v>711-4042</v>
          </cell>
        </row>
        <row r="2440">
          <cell r="A2440" t="str">
            <v>25302N</v>
          </cell>
          <cell r="B2440" t="str">
            <v>ｻﾝｷｷ</v>
          </cell>
          <cell r="C2440" t="str">
            <v>（株）サンキキ</v>
          </cell>
          <cell r="D2440" t="str">
            <v>吉田 美樹</v>
          </cell>
          <cell r="E2440" t="str">
            <v>代表取締役</v>
          </cell>
          <cell r="F2440" t="str">
            <v>063-0062</v>
          </cell>
          <cell r="G2440" t="str">
            <v>西区西町南１２－５－１３</v>
          </cell>
          <cell r="H2440" t="str">
            <v>662-6299</v>
          </cell>
          <cell r="I2440" t="str">
            <v>662-6399</v>
          </cell>
        </row>
        <row r="2441">
          <cell r="A2441" t="str">
            <v>25309V</v>
          </cell>
          <cell r="B2441" t="str">
            <v>ﾎｸﾄｽﾎﾟｰﾂ</v>
          </cell>
          <cell r="C2441" t="str">
            <v>（株）ホクトスポーツ</v>
          </cell>
          <cell r="D2441" t="str">
            <v>木賊 俊雄</v>
          </cell>
          <cell r="E2441" t="str">
            <v>代表取締役</v>
          </cell>
          <cell r="F2441" t="str">
            <v>872-3527</v>
          </cell>
          <cell r="G2441" t="str">
            <v>白石区川北１－３－１４－１５</v>
          </cell>
          <cell r="H2441" t="str">
            <v>872-3527</v>
          </cell>
          <cell r="I2441" t="str">
            <v>872-3546</v>
          </cell>
        </row>
        <row r="2442">
          <cell r="A2442" t="str">
            <v>25318W</v>
          </cell>
          <cell r="B2442" t="str">
            <v>ﾎｯｶｲﾄﾞｳｷｮｳﾘﾂ</v>
          </cell>
          <cell r="C2442" t="str">
            <v>（株）北海道共立</v>
          </cell>
          <cell r="D2442" t="str">
            <v>大野 廣吉</v>
          </cell>
          <cell r="E2442" t="str">
            <v>代表取締役</v>
          </cell>
          <cell r="F2442" t="str">
            <v>060-0007</v>
          </cell>
          <cell r="G2442" t="str">
            <v>中央区北７西１５－２８－１０</v>
          </cell>
          <cell r="H2442" t="str">
            <v>643-0292</v>
          </cell>
          <cell r="I2442" t="str">
            <v>644-9721</v>
          </cell>
        </row>
        <row r="2443">
          <cell r="A2443" t="str">
            <v>25322Y</v>
          </cell>
          <cell r="B2443" t="str">
            <v>ﾎｯｶｲﾄﾞｳｼﾞﾄﾞｳｼｬﾘｰｽ</v>
          </cell>
          <cell r="C2443" t="str">
            <v>北海道自動車リース（株）</v>
          </cell>
          <cell r="D2443" t="str">
            <v>小林 信恒</v>
          </cell>
          <cell r="E2443" t="str">
            <v>代表取締役</v>
          </cell>
          <cell r="F2443" t="str">
            <v>003-0026</v>
          </cell>
          <cell r="G2443" t="str">
            <v>白石区本通１４南５－１５</v>
          </cell>
          <cell r="H2443" t="str">
            <v>868-8111</v>
          </cell>
          <cell r="I2443" t="str">
            <v>866-2211</v>
          </cell>
        </row>
        <row r="2444">
          <cell r="A2444" t="str">
            <v>25323W</v>
          </cell>
          <cell r="B2444" t="str">
            <v>ﾎｯｶｲﾄﾞｳｶﾜｼﾞｭｳｹﾝｷ</v>
          </cell>
          <cell r="C2444" t="str">
            <v>北海道川重建機（株）札幌支店</v>
          </cell>
          <cell r="D2444" t="str">
            <v>小林 晴男</v>
          </cell>
          <cell r="E2444" t="str">
            <v>支店長</v>
          </cell>
          <cell r="F2444" t="str">
            <v>061-1271</v>
          </cell>
          <cell r="G2444" t="str">
            <v>区北広島市大曲中央１－２－２</v>
          </cell>
          <cell r="H2444" t="str">
            <v>376-2321</v>
          </cell>
          <cell r="I2444" t="str">
            <v>370-3323</v>
          </cell>
        </row>
        <row r="2445">
          <cell r="A2445" t="str">
            <v>25332X</v>
          </cell>
          <cell r="B2445" t="str">
            <v>ﾎｸｵｳﾃﾞﾝｷｺｳｷﾞｮｳ</v>
          </cell>
          <cell r="C2445" t="str">
            <v>北央電機工業（株）</v>
          </cell>
          <cell r="D2445" t="str">
            <v>中村 良輝</v>
          </cell>
          <cell r="E2445" t="str">
            <v>代表取締役社長</v>
          </cell>
          <cell r="F2445" t="str">
            <v>047-0261</v>
          </cell>
          <cell r="G2445" t="str">
            <v>小樽市銭函３－５０５－１</v>
          </cell>
          <cell r="H2445" t="str">
            <v>0134-62-3222</v>
          </cell>
          <cell r="I2445" t="str">
            <v>0134-62-4190</v>
          </cell>
        </row>
        <row r="2446">
          <cell r="A2446" t="str">
            <v>25334S</v>
          </cell>
          <cell r="B2446" t="str">
            <v>ﾎｯｶｲｱｻﾉｺﾝｸﾘｰﾄ</v>
          </cell>
          <cell r="C2446" t="str">
            <v>北海アサノコンクリート（株）</v>
          </cell>
          <cell r="D2446" t="str">
            <v>桜庭 健</v>
          </cell>
          <cell r="E2446" t="str">
            <v>代表取締役</v>
          </cell>
          <cell r="F2446" t="str">
            <v>095-0024</v>
          </cell>
          <cell r="G2446" t="str">
            <v>士別市西４－１１－２１</v>
          </cell>
          <cell r="H2446" t="str">
            <v>01652-3-5181</v>
          </cell>
          <cell r="I2446" t="str">
            <v>01652-2-1813</v>
          </cell>
        </row>
        <row r="2447">
          <cell r="A2447" t="str">
            <v>25338T</v>
          </cell>
          <cell r="B2447" t="str">
            <v>ﾎｯｶｲﾄﾞｳｶﾞｿﾝ</v>
          </cell>
          <cell r="C2447" t="str">
            <v>北海道ガソン（株）札幌本店</v>
          </cell>
          <cell r="D2447" t="str">
            <v>菊地 徹</v>
          </cell>
          <cell r="E2447" t="str">
            <v>専務取締役札幌本店長</v>
          </cell>
          <cell r="F2447" t="str">
            <v>062-0020</v>
          </cell>
          <cell r="G2447" t="str">
            <v>豊平区月寒中央通６－１－１５</v>
          </cell>
          <cell r="H2447" t="str">
            <v>851-8866</v>
          </cell>
          <cell r="I2447" t="str">
            <v>851-7773</v>
          </cell>
        </row>
        <row r="2448">
          <cell r="A2448" t="str">
            <v>25339R</v>
          </cell>
          <cell r="B2448" t="str">
            <v>ｸﾎﾞﾀｹﾝｷﾎｯｶｲﾄﾞｳ</v>
          </cell>
          <cell r="C2448" t="str">
            <v>（株）クボタ建機北海道</v>
          </cell>
          <cell r="D2448" t="str">
            <v>高木 敏行</v>
          </cell>
          <cell r="E2448" t="str">
            <v>代表取締役</v>
          </cell>
          <cell r="F2448" t="str">
            <v>061-1274</v>
          </cell>
          <cell r="G2448" t="str">
            <v>北広島市大曲工業団地３－１</v>
          </cell>
          <cell r="H2448" t="str">
            <v>377-5511</v>
          </cell>
          <cell r="I2448" t="str">
            <v>377-5518</v>
          </cell>
        </row>
        <row r="2449">
          <cell r="A2449" t="str">
            <v>25344R</v>
          </cell>
          <cell r="B2449" t="str">
            <v>ﾎｯｶｲﾄﾞｳﾆｯｺｳﾂｳｼﾝ</v>
          </cell>
          <cell r="C2449" t="str">
            <v>北海道日興通信（株）</v>
          </cell>
          <cell r="D2449" t="str">
            <v>高間 猛</v>
          </cell>
          <cell r="E2449" t="str">
            <v>代表取締役</v>
          </cell>
          <cell r="F2449" t="str">
            <v>060-0041</v>
          </cell>
          <cell r="G2449" t="str">
            <v>中央区大通東７－１２－３３</v>
          </cell>
          <cell r="H2449" t="str">
            <v>251-4251</v>
          </cell>
          <cell r="I2449" t="str">
            <v>251-4564</v>
          </cell>
        </row>
        <row r="2450">
          <cell r="A2450" t="str">
            <v>25345Z</v>
          </cell>
          <cell r="B2450" t="str">
            <v>ﾎｯｶｲﾄﾞｳﾘｰｽ</v>
          </cell>
          <cell r="C2450" t="str">
            <v>北海道リース（株）</v>
          </cell>
          <cell r="D2450" t="str">
            <v>安達 嘉夫</v>
          </cell>
          <cell r="E2450" t="str">
            <v>代表取締役</v>
          </cell>
          <cell r="F2450" t="str">
            <v>060-0061</v>
          </cell>
          <cell r="G2450" t="str">
            <v>中央区南１西１０－３</v>
          </cell>
          <cell r="H2450" t="str">
            <v>281-2255</v>
          </cell>
          <cell r="I2450" t="str">
            <v>261-1816</v>
          </cell>
        </row>
        <row r="2451">
          <cell r="A2451" t="str">
            <v>25350Z</v>
          </cell>
          <cell r="B2451" t="str">
            <v>ﾎｯｹﾝｼｮｳｼﾞ</v>
          </cell>
          <cell r="C2451" t="str">
            <v>北建商事（株）</v>
          </cell>
          <cell r="D2451" t="str">
            <v>荒巻 義貴</v>
          </cell>
          <cell r="E2451" t="str">
            <v>代表取締役</v>
          </cell>
          <cell r="F2451" t="str">
            <v>060-0001</v>
          </cell>
          <cell r="G2451" t="str">
            <v>中央区北１西３－２</v>
          </cell>
          <cell r="H2451" t="str">
            <v>261-8971</v>
          </cell>
          <cell r="I2451" t="str">
            <v>241-0984</v>
          </cell>
        </row>
        <row r="2452">
          <cell r="A2452" t="str">
            <v>25353S</v>
          </cell>
          <cell r="B2452" t="str">
            <v>ﾎｳｿｳｱｰﾄｾﾝﾀｰ</v>
          </cell>
          <cell r="C2452" t="str">
            <v>（有）放送アートセンター</v>
          </cell>
          <cell r="D2452" t="str">
            <v>松田 洋司</v>
          </cell>
          <cell r="E2452" t="str">
            <v>代表取締役</v>
          </cell>
          <cell r="F2452" t="str">
            <v>060-0033</v>
          </cell>
          <cell r="G2452" t="str">
            <v>中央区北３東３－１－４</v>
          </cell>
          <cell r="H2452" t="str">
            <v>221-3337</v>
          </cell>
          <cell r="I2452" t="str">
            <v>231-5264</v>
          </cell>
        </row>
        <row r="2453">
          <cell r="A2453" t="str">
            <v>25356W</v>
          </cell>
          <cell r="B2453" t="str">
            <v>ﾎｸｼｮｳｺｳｷﾞｮｳ</v>
          </cell>
          <cell r="C2453" t="str">
            <v>北昭興業（株）札幌事業所</v>
          </cell>
          <cell r="D2453" t="str">
            <v>鈴木 信雄</v>
          </cell>
          <cell r="E2453" t="str">
            <v>所長</v>
          </cell>
          <cell r="F2453" t="str">
            <v>007-0820</v>
          </cell>
          <cell r="G2453" t="str">
            <v>東区東雁来町３９４</v>
          </cell>
          <cell r="H2453" t="str">
            <v>791-5051</v>
          </cell>
          <cell r="I2453" t="str">
            <v>791-5321</v>
          </cell>
        </row>
        <row r="2454">
          <cell r="A2454" t="str">
            <v>25359N</v>
          </cell>
          <cell r="B2454" t="str">
            <v>ﾎｸﾄｷｼｮｳ</v>
          </cell>
          <cell r="C2454" t="str">
            <v>北斗徽章（株）</v>
          </cell>
          <cell r="D2454" t="str">
            <v>奈良 充芳</v>
          </cell>
          <cell r="E2454" t="str">
            <v>代表取締役</v>
          </cell>
          <cell r="F2454" t="str">
            <v>062-0934</v>
          </cell>
          <cell r="G2454" t="str">
            <v>豊平区平岸４－９－２－１３</v>
          </cell>
          <cell r="H2454" t="str">
            <v>823-8393</v>
          </cell>
          <cell r="I2454" t="str">
            <v>823-8356</v>
          </cell>
        </row>
        <row r="2455">
          <cell r="A2455" t="str">
            <v>25364N</v>
          </cell>
          <cell r="B2455" t="str">
            <v>ﾎｯｶｲﾄﾞｳｱｵｷｶｶﾞｸ</v>
          </cell>
          <cell r="C2455" t="str">
            <v>北海道アオキ化学（株）</v>
          </cell>
          <cell r="D2455" t="str">
            <v>佐藤 正好</v>
          </cell>
          <cell r="E2455" t="str">
            <v>代表取締役</v>
          </cell>
          <cell r="F2455" t="str">
            <v>003-0029</v>
          </cell>
          <cell r="G2455" t="str">
            <v>白石区平和通１０北６－１７</v>
          </cell>
          <cell r="H2455" t="str">
            <v>862-6161</v>
          </cell>
          <cell r="I2455" t="str">
            <v>862-6306</v>
          </cell>
        </row>
        <row r="2456">
          <cell r="A2456" t="str">
            <v>25370X</v>
          </cell>
          <cell r="B2456" t="str">
            <v>ﾎｯｶｲﾄﾞｳｾﾝﾄﾗﾙｶﾝｷｮｳｶｲﾊﾂ</v>
          </cell>
          <cell r="C2456" t="str">
            <v>北海道セントラル環境開発（株）</v>
          </cell>
          <cell r="D2456" t="str">
            <v>南 茂夫</v>
          </cell>
          <cell r="E2456" t="str">
            <v>代表取締役</v>
          </cell>
          <cell r="F2456" t="str">
            <v>063-0004</v>
          </cell>
          <cell r="G2456" t="str">
            <v>西区山の手４－６－３－２０</v>
          </cell>
          <cell r="H2456" t="str">
            <v>644-5250</v>
          </cell>
          <cell r="I2456" t="str">
            <v>611-4536</v>
          </cell>
        </row>
        <row r="2457">
          <cell r="A2457" t="str">
            <v>25373P</v>
          </cell>
          <cell r="B2457" t="str">
            <v>ﾏﾂｼﾀﾘｰｽ･ｸﾚｼﾞｯﾄ</v>
          </cell>
          <cell r="C2457" t="str">
            <v>松下リース・クレジット（株）北海道支店</v>
          </cell>
          <cell r="D2457" t="str">
            <v>林 明</v>
          </cell>
          <cell r="E2457" t="str">
            <v>支店長</v>
          </cell>
          <cell r="F2457" t="str">
            <v>060-0034</v>
          </cell>
          <cell r="G2457" t="str">
            <v>中央区北４東１－１０</v>
          </cell>
          <cell r="H2457" t="str">
            <v>242-8001</v>
          </cell>
          <cell r="I2457" t="str">
            <v>222-3112</v>
          </cell>
        </row>
        <row r="2458">
          <cell r="A2458" t="str">
            <v>25374Z</v>
          </cell>
          <cell r="B2458" t="str">
            <v>ﾖﾂﾊﾞﾆｭｳｷﾞｮｳ</v>
          </cell>
          <cell r="C2458" t="str">
            <v>よつ葉乳業（株）北海道支店</v>
          </cell>
          <cell r="D2458" t="str">
            <v>上村 充</v>
          </cell>
          <cell r="E2458" t="str">
            <v>支店長</v>
          </cell>
          <cell r="F2458" t="str">
            <v>060-0004</v>
          </cell>
          <cell r="G2458" t="str">
            <v>中央区北４西１－１－４</v>
          </cell>
          <cell r="H2458" t="str">
            <v>221-9227</v>
          </cell>
          <cell r="I2458" t="str">
            <v>252-0652</v>
          </cell>
        </row>
        <row r="2459">
          <cell r="A2459" t="str">
            <v>25385V</v>
          </cell>
          <cell r="B2459" t="str">
            <v>ﾎｯｶｲﾄﾞｳｵﾙｶﾞﾉｼｮｳｼﾞ</v>
          </cell>
          <cell r="C2459" t="str">
            <v>北海道オルガノ商事（株）</v>
          </cell>
          <cell r="D2459" t="str">
            <v>後 尚克</v>
          </cell>
          <cell r="E2459" t="str">
            <v>代表取締役</v>
          </cell>
          <cell r="F2459" t="str">
            <v>060-0907</v>
          </cell>
          <cell r="G2459" t="str">
            <v>東区北７東５－８－３７</v>
          </cell>
          <cell r="H2459" t="str">
            <v>733-4132</v>
          </cell>
          <cell r="I2459" t="str">
            <v>733-1377</v>
          </cell>
        </row>
        <row r="2460">
          <cell r="A2460" t="str">
            <v>25386S</v>
          </cell>
          <cell r="B2460" t="str">
            <v>ﾆﾎﾝｺﾑﾃｯｸ</v>
          </cell>
          <cell r="C2460" t="str">
            <v>日本コムテック（株）</v>
          </cell>
          <cell r="D2460" t="str">
            <v>北村 保</v>
          </cell>
          <cell r="E2460" t="str">
            <v>代表取締役社長</v>
          </cell>
          <cell r="F2460" t="str">
            <v>064-0808</v>
          </cell>
          <cell r="G2460" t="str">
            <v>中央区南８西１３－３－６０</v>
          </cell>
          <cell r="H2460" t="str">
            <v>562-0838</v>
          </cell>
          <cell r="I2460" t="str">
            <v>562-1550</v>
          </cell>
        </row>
        <row r="2461">
          <cell r="A2461" t="str">
            <v>25390V</v>
          </cell>
          <cell r="B2461" t="str">
            <v>ﾎｯｶｲﾄﾞｳｿｳｺﾞｳﾋﾞｼﾞﾈｽ</v>
          </cell>
          <cell r="C2461" t="str">
            <v>北海道綜合ビジネス（株）</v>
          </cell>
          <cell r="D2461" t="str">
            <v>松田 照雄</v>
          </cell>
          <cell r="E2461" t="str">
            <v>代表取締役</v>
          </cell>
          <cell r="F2461" t="str">
            <v>003-0029</v>
          </cell>
          <cell r="G2461" t="str">
            <v>白石区平和通１６北３－９</v>
          </cell>
          <cell r="H2461" t="str">
            <v>864-6537</v>
          </cell>
          <cell r="I2461" t="str">
            <v>864-3162</v>
          </cell>
        </row>
        <row r="2462">
          <cell r="A2462" t="str">
            <v>25400R</v>
          </cell>
          <cell r="B2462" t="str">
            <v>ﾎｯｶｲﾄﾞｳｷｷｭｳ</v>
          </cell>
          <cell r="C2462" t="str">
            <v>北海道気球（有）</v>
          </cell>
          <cell r="D2462" t="str">
            <v>佐々木 晴</v>
          </cell>
          <cell r="E2462" t="str">
            <v>代表取締役</v>
          </cell>
          <cell r="F2462" t="str">
            <v>062-0051</v>
          </cell>
          <cell r="G2462" t="str">
            <v>豊平区月寒東１－６－６－１１</v>
          </cell>
          <cell r="H2462" t="str">
            <v>852-8622</v>
          </cell>
          <cell r="I2462" t="str">
            <v>856-5008</v>
          </cell>
        </row>
        <row r="2463">
          <cell r="A2463" t="str">
            <v>25401N</v>
          </cell>
          <cell r="B2463" t="str">
            <v>ｴﾇｴｲﾁｹｲﾎｯｶｲﾄﾞｳﾋﾞｼﾞｮﾝ</v>
          </cell>
          <cell r="C2463" t="str">
            <v>（株）エヌエイチケイ北海道ビジョン</v>
          </cell>
          <cell r="D2463" t="str">
            <v>七戸 恒俊</v>
          </cell>
          <cell r="E2463" t="str">
            <v>代表取締役</v>
          </cell>
          <cell r="F2463" t="str">
            <v>060-8703</v>
          </cell>
          <cell r="G2463" t="str">
            <v>中央区南１西１－１３－１</v>
          </cell>
          <cell r="H2463" t="str">
            <v>251-3121</v>
          </cell>
          <cell r="I2463" t="str">
            <v>251-9193</v>
          </cell>
        </row>
        <row r="2464">
          <cell r="A2464" t="str">
            <v>25402Y</v>
          </cell>
          <cell r="B2464" t="str">
            <v>ﾎｯｶｲﾄﾞｳｺｳｾｲｼｬ</v>
          </cell>
          <cell r="C2464" t="str">
            <v>（社福）北海道光生舎札幌営業所</v>
          </cell>
          <cell r="D2464" t="str">
            <v>鈴木 淳</v>
          </cell>
          <cell r="E2464" t="str">
            <v>所長</v>
          </cell>
          <cell r="F2464" t="str">
            <v>007-0839</v>
          </cell>
          <cell r="G2464" t="str">
            <v>東区北３９東１５－１－１９</v>
          </cell>
          <cell r="H2464" t="str">
            <v>753-4921</v>
          </cell>
          <cell r="I2464" t="str">
            <v>742-3810</v>
          </cell>
        </row>
        <row r="2465">
          <cell r="A2465" t="str">
            <v>25404T</v>
          </cell>
          <cell r="B2465" t="str">
            <v>ﾎｸｴｲｼｬ</v>
          </cell>
          <cell r="C2465" t="str">
            <v>（株）北栄社</v>
          </cell>
          <cell r="D2465" t="str">
            <v>種市 奎慈</v>
          </cell>
          <cell r="E2465" t="str">
            <v>代表取締役</v>
          </cell>
          <cell r="F2465" t="str">
            <v>007-0865</v>
          </cell>
          <cell r="G2465" t="str">
            <v>東区伏古５－４－４－１０</v>
          </cell>
          <cell r="H2465" t="str">
            <v>783-0220</v>
          </cell>
          <cell r="I2465" t="str">
            <v>784-5566</v>
          </cell>
        </row>
        <row r="2466">
          <cell r="A2466" t="str">
            <v>25406Z</v>
          </cell>
          <cell r="B2466" t="str">
            <v>ﾎｯｶｲﾄﾞｳｿｳｺﾞｳｷﾞｼﾞｭﾂｹﾝｷｭｳｼｮ</v>
          </cell>
          <cell r="C2466" t="str">
            <v>（株）北海道総合技術研究所</v>
          </cell>
          <cell r="D2466" t="str">
            <v>萱場 利通</v>
          </cell>
          <cell r="E2466" t="str">
            <v>代表取締役社長</v>
          </cell>
          <cell r="F2466" t="str">
            <v>060-0010</v>
          </cell>
          <cell r="G2466" t="str">
            <v>中央区北１０西２４－２－１ ＡＫＫビル</v>
          </cell>
          <cell r="H2466" t="str">
            <v>631-2841</v>
          </cell>
          <cell r="I2466" t="str">
            <v>631-2855</v>
          </cell>
        </row>
        <row r="2467">
          <cell r="A2467" t="str">
            <v>25411Z</v>
          </cell>
          <cell r="B2467" t="str">
            <v>ﾎｯｶｲﾄﾞｳﾄｸｼｭｼﾞﾊﾝ</v>
          </cell>
          <cell r="C2467" t="str">
            <v>北海道特殊自販（株）</v>
          </cell>
          <cell r="D2467" t="str">
            <v>柚洞 郁雄</v>
          </cell>
          <cell r="E2467" t="str">
            <v>代表取締役社長</v>
          </cell>
          <cell r="F2467" t="str">
            <v>007-0884</v>
          </cell>
          <cell r="G2467" t="str">
            <v>東区北丘珠４－４－３－２０</v>
          </cell>
          <cell r="H2467" t="str">
            <v>791-1578</v>
          </cell>
          <cell r="I2467" t="str">
            <v>791-8756</v>
          </cell>
        </row>
        <row r="2468">
          <cell r="A2468" t="str">
            <v>25412X</v>
          </cell>
          <cell r="B2468" t="str">
            <v>ﾎｯｶｲﾄﾞｳｶﾞｸｼｭｳｼﾝｺｳ</v>
          </cell>
          <cell r="C2468" t="str">
            <v>北海道学習振興（株）</v>
          </cell>
          <cell r="D2468" t="str">
            <v>田口 昭夫</v>
          </cell>
          <cell r="E2468" t="str">
            <v>代表取締役</v>
          </cell>
          <cell r="F2468" t="str">
            <v>061-3241</v>
          </cell>
          <cell r="G2468" t="str">
            <v>石狩市新港西１－７１９－１４</v>
          </cell>
          <cell r="H2468" t="str">
            <v>0133-74-9962</v>
          </cell>
          <cell r="I2468" t="str">
            <v>0133-74-9965</v>
          </cell>
        </row>
        <row r="2469">
          <cell r="A2469" t="str">
            <v>25418T</v>
          </cell>
          <cell r="B2469" t="str">
            <v>ﾎｯｶｲﾄﾞｳﾋﾟｰｱﾙﾂｳｼﾝｼｬ</v>
          </cell>
          <cell r="C2469" t="str">
            <v>（株）北海道ピーアル通信社</v>
          </cell>
          <cell r="D2469" t="str">
            <v>松田 進</v>
          </cell>
          <cell r="E2469" t="str">
            <v>代表取締役</v>
          </cell>
          <cell r="F2469" t="str">
            <v>060-0061</v>
          </cell>
          <cell r="G2469" t="str">
            <v>中央区南１西２－４ 第５藤井ビル９</v>
          </cell>
          <cell r="H2469" t="str">
            <v>271-2033</v>
          </cell>
          <cell r="I2469" t="str">
            <v>271-7998</v>
          </cell>
        </row>
        <row r="2470">
          <cell r="A2470" t="str">
            <v>25420N</v>
          </cell>
          <cell r="B2470" t="str">
            <v>ﾎｯｶｲﾄﾞｳｶﾝｼｮﾌｷｭｳ</v>
          </cell>
          <cell r="C2470" t="str">
            <v>北海道官書普及（株）</v>
          </cell>
          <cell r="D2470" t="str">
            <v>森 晃一</v>
          </cell>
          <cell r="E2470" t="str">
            <v>代表取締役</v>
          </cell>
          <cell r="F2470" t="str">
            <v>060-0042</v>
          </cell>
          <cell r="G2470" t="str">
            <v>中央区大通西１１－４－２３ 大通パークビル</v>
          </cell>
          <cell r="H2470" t="str">
            <v>231-0975</v>
          </cell>
          <cell r="I2470" t="str">
            <v>271-0904</v>
          </cell>
        </row>
        <row r="2471">
          <cell r="A2471" t="str">
            <v>25421Y</v>
          </cell>
          <cell r="B2471" t="str">
            <v>ﾎｯｶｲﾄﾞｳﾚｲﾝﾎﾞｰ</v>
          </cell>
          <cell r="C2471" t="str">
            <v>（株）北海道レインボー</v>
          </cell>
          <cell r="D2471" t="str">
            <v>野口 武照</v>
          </cell>
          <cell r="E2471" t="str">
            <v>代表取締役</v>
          </cell>
          <cell r="F2471" t="str">
            <v>003-0826</v>
          </cell>
          <cell r="G2471" t="str">
            <v>白石区菊水元町６－１－７－１６</v>
          </cell>
          <cell r="H2471" t="str">
            <v>873-1217</v>
          </cell>
          <cell r="I2471" t="str">
            <v>873-1210</v>
          </cell>
        </row>
        <row r="2472">
          <cell r="A2472" t="str">
            <v>25429P</v>
          </cell>
          <cell r="B2472" t="str">
            <v>ﾎｸｵｰｼｮｳｼﾞ</v>
          </cell>
          <cell r="C2472" t="str">
            <v>（有）ホクオー商事</v>
          </cell>
          <cell r="D2472" t="str">
            <v>在原 耕吉</v>
          </cell>
          <cell r="E2472" t="str">
            <v>代表取締役</v>
          </cell>
          <cell r="F2472" t="str">
            <v>060-0006</v>
          </cell>
          <cell r="G2472" t="str">
            <v>中央区北６西１５－３－９ 第２原ビル３</v>
          </cell>
          <cell r="H2472" t="str">
            <v>618-6211</v>
          </cell>
          <cell r="I2472" t="str">
            <v>618-6212</v>
          </cell>
        </row>
        <row r="2473">
          <cell r="A2473" t="str">
            <v>25442T</v>
          </cell>
          <cell r="B2473" t="str">
            <v>ﾆﾎﾝﾕﾆｼｽ･ｿﾘｭｰｼｮﾝ</v>
          </cell>
          <cell r="C2473" t="str">
            <v>日本ユニシス・ソリューション（株）</v>
          </cell>
          <cell r="D2473" t="str">
            <v>丸山 修</v>
          </cell>
          <cell r="E2473" t="str">
            <v>代表取締役社長</v>
          </cell>
          <cell r="F2473" t="str">
            <v>135-8560</v>
          </cell>
          <cell r="G2473" t="str">
            <v>東京都江東区豊洲１－１－１</v>
          </cell>
          <cell r="H2473" t="str">
            <v>03-5560-5111</v>
          </cell>
          <cell r="I2473" t="str">
            <v>03-5560-5299</v>
          </cell>
        </row>
        <row r="2474">
          <cell r="A2474" t="str">
            <v>25443R</v>
          </cell>
          <cell r="B2474" t="str">
            <v>ﾎｯｶｲﾄﾞｳｷﾞｼﾞｭﾂｻｰﾋﾞｽｾﾝﾀｰ</v>
          </cell>
          <cell r="C2474" t="str">
            <v>北海道技術サービスセンター（株）</v>
          </cell>
          <cell r="D2474" t="str">
            <v>三熊 勝征</v>
          </cell>
          <cell r="E2474" t="str">
            <v>代表取締役</v>
          </cell>
          <cell r="F2474" t="str">
            <v>062-0002</v>
          </cell>
          <cell r="G2474" t="str">
            <v>豊平区美園２－４－１－１８</v>
          </cell>
          <cell r="H2474" t="str">
            <v>823-8981</v>
          </cell>
          <cell r="I2474" t="str">
            <v>823-8107</v>
          </cell>
        </row>
        <row r="2475">
          <cell r="A2475" t="str">
            <v>25454Z</v>
          </cell>
          <cell r="B2475" t="str">
            <v>ﾎｯｶｲﾄﾞｳﾎﾝﾀﾞﾊﾝﾊﾞｲ</v>
          </cell>
          <cell r="C2475" t="str">
            <v>北海道ホンダ販売（株）</v>
          </cell>
          <cell r="D2475" t="str">
            <v>佐藤 芳男</v>
          </cell>
          <cell r="E2475" t="str">
            <v>代表取締役</v>
          </cell>
          <cell r="F2475" t="str">
            <v>004-0042</v>
          </cell>
          <cell r="G2475" t="str">
            <v>厚別区大谷地西６－３－１</v>
          </cell>
          <cell r="H2475" t="str">
            <v>895-6627</v>
          </cell>
          <cell r="I2475" t="str">
            <v>895-7021</v>
          </cell>
        </row>
        <row r="2476">
          <cell r="A2476" t="str">
            <v>25455W</v>
          </cell>
          <cell r="B2476" t="str">
            <v>ﾎﾝﾏｼｮｳﾃﾝ</v>
          </cell>
          <cell r="C2476" t="str">
            <v>（株）本間商店</v>
          </cell>
          <cell r="D2476" t="str">
            <v>本間 裕章</v>
          </cell>
          <cell r="E2476" t="str">
            <v>代表取締役</v>
          </cell>
          <cell r="F2476" t="str">
            <v>062-0904</v>
          </cell>
          <cell r="G2476" t="str">
            <v>豊平区豊平４－１３－１－２４</v>
          </cell>
          <cell r="H2476" t="str">
            <v>811-2256</v>
          </cell>
          <cell r="I2476" t="str">
            <v>811-2996</v>
          </cell>
        </row>
        <row r="2477">
          <cell r="A2477" t="str">
            <v>25456T</v>
          </cell>
          <cell r="B2477" t="str">
            <v>ﾎｸｼﾝｴﾝﾀｰﾌﾟﾗｲｽﾞ</v>
          </cell>
          <cell r="C2477" t="str">
            <v>（株）ホクシンエンタープライズ</v>
          </cell>
          <cell r="D2477" t="str">
            <v>高橋 留雄</v>
          </cell>
          <cell r="E2477" t="str">
            <v>代表取締役</v>
          </cell>
          <cell r="F2477" t="str">
            <v>003-0011</v>
          </cell>
          <cell r="G2477" t="str">
            <v>白石区中央１－７－１０－２３</v>
          </cell>
          <cell r="H2477" t="str">
            <v>864-5288</v>
          </cell>
          <cell r="I2477" t="str">
            <v>865-1505</v>
          </cell>
        </row>
        <row r="2478">
          <cell r="A2478" t="str">
            <v>25457R</v>
          </cell>
          <cell r="B2478" t="str">
            <v>ﾎｸｴｲﾍﾞﾋﾞｰｻｰﾋﾞｽ</v>
          </cell>
          <cell r="C2478" t="str">
            <v>（株）北栄ベビーサービス</v>
          </cell>
          <cell r="D2478" t="str">
            <v>吉田 信一</v>
          </cell>
          <cell r="E2478" t="str">
            <v>代表取締役</v>
          </cell>
          <cell r="F2478" t="str">
            <v>065-0032</v>
          </cell>
          <cell r="G2478" t="str">
            <v>東区北３２東９－２－１５</v>
          </cell>
          <cell r="H2478" t="str">
            <v>751-6116</v>
          </cell>
          <cell r="I2478" t="str">
            <v>721-4419</v>
          </cell>
        </row>
        <row r="2479">
          <cell r="A2479" t="str">
            <v>25458N</v>
          </cell>
          <cell r="B2479" t="str">
            <v>ﾎｯｶｲﾄﾞｳｶﾞｯｺｳﾖｳﾋﾝｷｮｳｶｲ</v>
          </cell>
          <cell r="C2479" t="str">
            <v>（有）北海道学校用品協会</v>
          </cell>
          <cell r="D2479" t="str">
            <v>若松 範夫</v>
          </cell>
          <cell r="E2479" t="str">
            <v>代表取締役</v>
          </cell>
          <cell r="F2479" t="str">
            <v>060-0063</v>
          </cell>
          <cell r="G2479" t="str">
            <v>中央区南３西１２－１２９３</v>
          </cell>
          <cell r="H2479" t="str">
            <v>561-6493</v>
          </cell>
          <cell r="I2479" t="str">
            <v>563-7484</v>
          </cell>
        </row>
        <row r="2480">
          <cell r="A2480" t="str">
            <v>25459Y</v>
          </cell>
          <cell r="B2480" t="str">
            <v>ﾎｯｶｲﾄﾞｳﾋﾀﾁｼﾞｮｳﾎｳｼｽﾃﾑｽﾞ</v>
          </cell>
          <cell r="C2480" t="str">
            <v>（株）北海道日立情報システムズ</v>
          </cell>
          <cell r="D2480" t="str">
            <v>武田 憲一</v>
          </cell>
          <cell r="E2480" t="str">
            <v>代表取締役</v>
          </cell>
          <cell r="F2480" t="str">
            <v>064-0808</v>
          </cell>
          <cell r="G2480" t="str">
            <v>中央区南８西４－４２２－５</v>
          </cell>
          <cell r="H2480" t="str">
            <v>512-8241</v>
          </cell>
          <cell r="I2480" t="str">
            <v>511-1305</v>
          </cell>
        </row>
        <row r="2481">
          <cell r="A2481" t="str">
            <v>25462R</v>
          </cell>
          <cell r="B2481" t="str">
            <v>ﾎﾝﾏｲﾝｻﾂ</v>
          </cell>
          <cell r="C2481" t="str">
            <v>（株）本間印刷</v>
          </cell>
          <cell r="D2481" t="str">
            <v>本間 忠夫</v>
          </cell>
          <cell r="E2481" t="str">
            <v>代表取締役</v>
          </cell>
          <cell r="F2481" t="str">
            <v>065-0021</v>
          </cell>
          <cell r="G2481" t="str">
            <v>東区北２１東１－４－６</v>
          </cell>
          <cell r="H2481" t="str">
            <v>712-1355</v>
          </cell>
          <cell r="I2481" t="str">
            <v>712-1221</v>
          </cell>
        </row>
        <row r="2482">
          <cell r="A2482" t="str">
            <v>25470V</v>
          </cell>
          <cell r="B2482" t="str">
            <v>ﾎｸﾕｳｾｲｺｳ</v>
          </cell>
          <cell r="C2482" t="str">
            <v>（株）北祐精工</v>
          </cell>
          <cell r="D2482" t="str">
            <v>藤本 貞男</v>
          </cell>
          <cell r="E2482" t="str">
            <v>代表取締役</v>
          </cell>
          <cell r="F2482" t="str">
            <v>061-3244</v>
          </cell>
          <cell r="G2482" t="str">
            <v>石狩市新港南１－１９－５３</v>
          </cell>
          <cell r="H2482" t="str">
            <v>0133-64-3115</v>
          </cell>
          <cell r="I2482" t="str">
            <v>0133-64-3116</v>
          </cell>
        </row>
        <row r="2483">
          <cell r="A2483" t="str">
            <v>25471S</v>
          </cell>
          <cell r="B2483" t="str">
            <v>ﾎｸﾚﾝｼｮｳｼﾞ</v>
          </cell>
          <cell r="C2483" t="str">
            <v>（株）ホクレン商事</v>
          </cell>
          <cell r="D2483" t="str">
            <v>菱谷 巖</v>
          </cell>
          <cell r="E2483" t="str">
            <v>代表取締役</v>
          </cell>
          <cell r="F2483" t="str">
            <v>060-8550</v>
          </cell>
          <cell r="G2483" t="str">
            <v>北区北７西１－２－６</v>
          </cell>
          <cell r="H2483" t="str">
            <v>756-3211</v>
          </cell>
          <cell r="I2483" t="str">
            <v>756-7098</v>
          </cell>
        </row>
        <row r="2484">
          <cell r="A2484" t="str">
            <v>25474X</v>
          </cell>
          <cell r="B2484" t="str">
            <v>ﾀｸﾏﾃｸﾉｽﾎｯｶｲﾄﾞｳ</v>
          </cell>
          <cell r="C2484" t="str">
            <v>（株）タクマテクノス北海道</v>
          </cell>
          <cell r="D2484" t="str">
            <v>吉岡 武彦</v>
          </cell>
          <cell r="E2484" t="str">
            <v>代表取締役</v>
          </cell>
          <cell r="F2484" t="str">
            <v>060-0042</v>
          </cell>
          <cell r="G2484" t="str">
            <v>中央区大通西５－１１ （大五ビル）</v>
          </cell>
          <cell r="H2484" t="str">
            <v>221-4128</v>
          </cell>
          <cell r="I2484" t="str">
            <v>221-1030</v>
          </cell>
        </row>
        <row r="2485">
          <cell r="A2485" t="str">
            <v>25476R</v>
          </cell>
          <cell r="B2485" t="str">
            <v>ﾎｯｶｲﾄﾞｳｼｰｴﾑｼｰ</v>
          </cell>
          <cell r="C2485" t="str">
            <v>北海道ＣＭＣ（株）</v>
          </cell>
          <cell r="D2485" t="str">
            <v>黒田 信一</v>
          </cell>
          <cell r="E2485" t="str">
            <v>代表取締役</v>
          </cell>
          <cell r="F2485" t="str">
            <v>063-0061</v>
          </cell>
          <cell r="G2485" t="str">
            <v>西区西町北１８－３－２２</v>
          </cell>
          <cell r="H2485" t="str">
            <v>666-0666</v>
          </cell>
          <cell r="I2485" t="str">
            <v>666-0066</v>
          </cell>
        </row>
        <row r="2486">
          <cell r="A2486" t="str">
            <v>25478Y</v>
          </cell>
          <cell r="B2486" t="str">
            <v>ﾎｯｶｲﾄﾞｳﾋﾟｱﾉｷﾞｼﾞｭﾂｻｰﾋﾞｽ</v>
          </cell>
          <cell r="C2486" t="str">
            <v>北海道ピアノ技術サービス</v>
          </cell>
          <cell r="D2486" t="str">
            <v>小川 永光</v>
          </cell>
          <cell r="E2486" t="str">
            <v>代表</v>
          </cell>
          <cell r="F2486" t="str">
            <v>064-0954</v>
          </cell>
          <cell r="G2486" t="str">
            <v>中央区宮の森４－５－１－１－２０１</v>
          </cell>
          <cell r="H2486" t="str">
            <v>644-0381</v>
          </cell>
          <cell r="I2486" t="str">
            <v>644-6573</v>
          </cell>
        </row>
        <row r="2487">
          <cell r="A2487" t="str">
            <v>25479W</v>
          </cell>
          <cell r="B2487" t="str">
            <v>ｸﾘﾀｽ</v>
          </cell>
          <cell r="C2487" t="str">
            <v>（株）クリタス北海道支店</v>
          </cell>
          <cell r="D2487" t="str">
            <v>北村 亮二</v>
          </cell>
          <cell r="E2487" t="str">
            <v>支店長</v>
          </cell>
          <cell r="F2487" t="str">
            <v>003-0029</v>
          </cell>
          <cell r="G2487" t="str">
            <v>白石区平和通４北２－３３</v>
          </cell>
          <cell r="H2487" t="str">
            <v>865-0606</v>
          </cell>
          <cell r="I2487" t="str">
            <v>866-8050</v>
          </cell>
        </row>
        <row r="2488">
          <cell r="A2488" t="str">
            <v>25482N</v>
          </cell>
          <cell r="B2488" t="str">
            <v>ﾎｯｶｲﾄﾞｳｶﾝｷ</v>
          </cell>
          <cell r="C2488" t="str">
            <v>北海道換気（株）</v>
          </cell>
          <cell r="D2488" t="str">
            <v>枡澤 浩</v>
          </cell>
          <cell r="E2488" t="str">
            <v>代表取締役</v>
          </cell>
          <cell r="F2488" t="str">
            <v>064-8515</v>
          </cell>
          <cell r="G2488" t="str">
            <v>中央区南１４西１５－２－２</v>
          </cell>
          <cell r="H2488" t="str">
            <v>561-3753</v>
          </cell>
          <cell r="I2488" t="str">
            <v>561-0618</v>
          </cell>
        </row>
        <row r="2489">
          <cell r="A2489" t="str">
            <v>25483Y</v>
          </cell>
          <cell r="B2489" t="str">
            <v>ﾎｼｻﾞｷﾎｯｶｲﾄﾞｳ</v>
          </cell>
          <cell r="C2489" t="str">
            <v>ホシザキ北海道（株）</v>
          </cell>
          <cell r="D2489" t="str">
            <v>冨田 誠</v>
          </cell>
          <cell r="E2489" t="str">
            <v>代表取締役</v>
          </cell>
          <cell r="F2489" t="str">
            <v>003-0801</v>
          </cell>
          <cell r="G2489" t="str">
            <v>白石区菊水１－４－１－８</v>
          </cell>
          <cell r="H2489" t="str">
            <v>841-4433</v>
          </cell>
          <cell r="I2489" t="str">
            <v>841-4419</v>
          </cell>
        </row>
        <row r="2490">
          <cell r="A2490" t="str">
            <v>25487Z</v>
          </cell>
          <cell r="B2490" t="str">
            <v>ﾎｯｶｲﾄﾞｳｱｲﾎｰﾁｮｳﾘｷ</v>
          </cell>
          <cell r="C2490" t="str">
            <v>北海道アイホー調理機（株）</v>
          </cell>
          <cell r="D2490" t="str">
            <v>山本 忠正</v>
          </cell>
          <cell r="E2490" t="str">
            <v>代表取締役</v>
          </cell>
          <cell r="F2490" t="str">
            <v>062-0034</v>
          </cell>
          <cell r="G2490" t="str">
            <v>豊平区西岡４－１３－４５０－４２</v>
          </cell>
          <cell r="H2490" t="str">
            <v>581-6088</v>
          </cell>
          <cell r="I2490" t="str">
            <v>581-6101</v>
          </cell>
        </row>
        <row r="2491">
          <cell r="A2491" t="str">
            <v>25489V</v>
          </cell>
          <cell r="B2491" t="str">
            <v>ﾎｸｾｰｺｳﾎﾞｳ</v>
          </cell>
          <cell r="C2491" t="str">
            <v>（有）ホクセー工房</v>
          </cell>
          <cell r="D2491" t="str">
            <v>成田 満</v>
          </cell>
          <cell r="E2491" t="str">
            <v>代表取締役</v>
          </cell>
          <cell r="F2491" t="str">
            <v>063-0868</v>
          </cell>
          <cell r="G2491" t="str">
            <v>西区八軒８東３－１－１７</v>
          </cell>
          <cell r="H2491" t="str">
            <v>746-1110</v>
          </cell>
          <cell r="I2491" t="str">
            <v>746-1307</v>
          </cell>
        </row>
        <row r="2492">
          <cell r="A2492" t="str">
            <v>25490S</v>
          </cell>
          <cell r="B2492" t="str">
            <v>ﾎｯｶｲｱﾎﾟﾛ</v>
          </cell>
          <cell r="C2492" t="str">
            <v>北海アポロ（株）</v>
          </cell>
          <cell r="D2492" t="str">
            <v>根岸 雄幸</v>
          </cell>
          <cell r="E2492" t="str">
            <v>代表取締役</v>
          </cell>
          <cell r="F2492" t="str">
            <v>060-0033</v>
          </cell>
          <cell r="G2492" t="str">
            <v>中央区北３東２－２－３８</v>
          </cell>
          <cell r="H2492" t="str">
            <v>251-3901</v>
          </cell>
          <cell r="I2492" t="str">
            <v>251-3905</v>
          </cell>
        </row>
        <row r="2493">
          <cell r="A2493" t="str">
            <v>25493X</v>
          </cell>
          <cell r="B2493" t="str">
            <v>ﾎｯｶｲﾄﾞｳｷﾞｭｳﾆｭｳｼﾞｷﾞｮｳ</v>
          </cell>
          <cell r="C2493" t="str">
            <v>北海道牛乳事業（協）</v>
          </cell>
          <cell r="D2493" t="str">
            <v>末武 勉</v>
          </cell>
          <cell r="E2493" t="str">
            <v>理事長</v>
          </cell>
          <cell r="F2493" t="str">
            <v>060-0003</v>
          </cell>
          <cell r="G2493" t="str">
            <v>中央区北３西７ 酪農センター２階</v>
          </cell>
          <cell r="H2493" t="str">
            <v>251-2561</v>
          </cell>
          <cell r="I2493" t="str">
            <v>251-2581</v>
          </cell>
        </row>
        <row r="2494">
          <cell r="A2494" t="str">
            <v>25495R</v>
          </cell>
          <cell r="B2494" t="str">
            <v>ﾎｯｶｲﾄﾞｳﾎｳｼｬｾﾝｶﾝﾘｾﾝﾀｰ</v>
          </cell>
          <cell r="C2494" t="str">
            <v>（株）北海道放射線管理センター</v>
          </cell>
          <cell r="D2494" t="str">
            <v>山川 武</v>
          </cell>
          <cell r="E2494" t="str">
            <v>代表取締役</v>
          </cell>
          <cell r="F2494" t="str">
            <v>001-0022</v>
          </cell>
          <cell r="G2494" t="str">
            <v>北区北２２西９－１－１</v>
          </cell>
          <cell r="H2494" t="str">
            <v>726-8211</v>
          </cell>
          <cell r="I2494" t="str">
            <v>726-8233</v>
          </cell>
        </row>
        <row r="2495">
          <cell r="A2495" t="str">
            <v>25496N</v>
          </cell>
          <cell r="B2495" t="str">
            <v>ﾎｯｶｲﾄﾞｳﾂｷﾎｼｼｮｳｼﾞ</v>
          </cell>
          <cell r="C2495" t="str">
            <v>北海道月星商事（株）</v>
          </cell>
          <cell r="D2495" t="str">
            <v>井形 文治</v>
          </cell>
          <cell r="E2495" t="str">
            <v>代表取締役</v>
          </cell>
          <cell r="F2495" t="str">
            <v>003-0011</v>
          </cell>
          <cell r="G2495" t="str">
            <v>白石区中央１－３－１－２３</v>
          </cell>
          <cell r="H2495" t="str">
            <v>821-5145</v>
          </cell>
          <cell r="I2495" t="str">
            <v>820-2456</v>
          </cell>
        </row>
        <row r="2496">
          <cell r="A2496" t="str">
            <v>25500Z</v>
          </cell>
          <cell r="B2496" t="str">
            <v>ﾎｸﾖｳｴｲｶﾞｼｬ</v>
          </cell>
          <cell r="C2496" t="str">
            <v>（株）北洋映画社</v>
          </cell>
          <cell r="D2496" t="str">
            <v>栃木 吉彦</v>
          </cell>
          <cell r="E2496" t="str">
            <v>代表取締役</v>
          </cell>
          <cell r="F2496" t="str">
            <v>004-0005</v>
          </cell>
          <cell r="G2496" t="str">
            <v>厚別区厚別東５－４－１－６</v>
          </cell>
          <cell r="H2496" t="str">
            <v>897-6848</v>
          </cell>
          <cell r="I2496" t="str">
            <v>897-8260</v>
          </cell>
        </row>
        <row r="2497">
          <cell r="A2497" t="str">
            <v>25501X</v>
          </cell>
          <cell r="B2497" t="str">
            <v>ｼﾞﾁﾀｲﾑｽｼｬ</v>
          </cell>
          <cell r="C2497" t="str">
            <v>（株）自治タイムス社</v>
          </cell>
          <cell r="D2497" t="str">
            <v>千葉 敏一</v>
          </cell>
          <cell r="E2497" t="str">
            <v>代表取締役</v>
          </cell>
          <cell r="F2497" t="str">
            <v>060-0061</v>
          </cell>
          <cell r="G2497" t="str">
            <v>中央区南１西１３－３１７－２ 三誠ビル２Ｆ</v>
          </cell>
          <cell r="H2497" t="str">
            <v>272-3248</v>
          </cell>
          <cell r="I2497" t="str">
            <v>272-3251</v>
          </cell>
        </row>
        <row r="2498">
          <cell r="A2498" t="str">
            <v>25504P</v>
          </cell>
          <cell r="B2498" t="str">
            <v>ﾎｯｶｲﾄﾞｳﾊｲﾑ</v>
          </cell>
          <cell r="C2498" t="str">
            <v>（株）北海道ハイム</v>
          </cell>
          <cell r="D2498" t="str">
            <v>葛生 和彦</v>
          </cell>
          <cell r="E2498" t="str">
            <v>代表取締役</v>
          </cell>
          <cell r="F2498" t="str">
            <v>003-0806</v>
          </cell>
          <cell r="G2498" t="str">
            <v>白石区菊水６－２－６－３０ シャンブルドロア菊</v>
          </cell>
          <cell r="H2498" t="str">
            <v>821-2247</v>
          </cell>
          <cell r="I2498" t="str">
            <v>841-5819</v>
          </cell>
        </row>
        <row r="2499">
          <cell r="A2499" t="str">
            <v>25505Y</v>
          </cell>
          <cell r="B2499" t="str">
            <v>ﾎｯｶｲｼﾞｼﾞﾎｳｾｲｼｬ</v>
          </cell>
          <cell r="C2499" t="str">
            <v>（株）北海時事放声社</v>
          </cell>
          <cell r="D2499" t="str">
            <v>内木 博美</v>
          </cell>
          <cell r="E2499" t="str">
            <v>代表取締役</v>
          </cell>
          <cell r="F2499" t="str">
            <v>060-0061</v>
          </cell>
          <cell r="G2499" t="str">
            <v>中央区南１西１－７</v>
          </cell>
          <cell r="H2499" t="str">
            <v>231-2424</v>
          </cell>
          <cell r="I2499" t="str">
            <v>221-6554</v>
          </cell>
        </row>
        <row r="2500">
          <cell r="A2500" t="str">
            <v>25510Y</v>
          </cell>
          <cell r="B2500" t="str">
            <v>ﾎｯｶｲﾄﾞｳｼﾞｷｲﾝｻﾂ</v>
          </cell>
          <cell r="C2500" t="str">
            <v>北海道磁気印刷（株）</v>
          </cell>
          <cell r="D2500" t="str">
            <v>佐々木 徹</v>
          </cell>
          <cell r="E2500" t="str">
            <v>代表取締役</v>
          </cell>
          <cell r="F2500" t="str">
            <v>064-0822</v>
          </cell>
          <cell r="G2500" t="str">
            <v>中央区北２西２０－２－３３</v>
          </cell>
          <cell r="H2500" t="str">
            <v>640-2221</v>
          </cell>
          <cell r="I2500" t="str">
            <v>640-2111</v>
          </cell>
        </row>
        <row r="2501">
          <cell r="A2501" t="str">
            <v>25513R</v>
          </cell>
          <cell r="B2501" t="str">
            <v>ﾎｸｼﾝｻﾝｷﾞｮｳ</v>
          </cell>
          <cell r="C2501" t="str">
            <v>北信産業（株）</v>
          </cell>
          <cell r="D2501" t="str">
            <v>岡本 厚三</v>
          </cell>
          <cell r="E2501" t="str">
            <v>代表取締役</v>
          </cell>
          <cell r="F2501" t="str">
            <v>005-8585</v>
          </cell>
          <cell r="G2501" t="str">
            <v>南区真駒内本町１－１－１</v>
          </cell>
          <cell r="H2501" t="str">
            <v>812-4770</v>
          </cell>
          <cell r="I2501" t="str">
            <v>812-0743</v>
          </cell>
        </row>
        <row r="2502">
          <cell r="A2502" t="str">
            <v>25518P</v>
          </cell>
          <cell r="B2502" t="str">
            <v>ﾖｺﾊﾏﾀｲﾔｻｰﾋﾞｽﾎｯｶｲﾄﾞｳ</v>
          </cell>
          <cell r="C2502" t="str">
            <v>（株）ヨコハマタイヤサービス北海道</v>
          </cell>
          <cell r="D2502" t="str">
            <v>中田 敏文</v>
          </cell>
          <cell r="E2502" t="str">
            <v>代表取締役社長</v>
          </cell>
          <cell r="F2502" t="str">
            <v>003-0028</v>
          </cell>
          <cell r="G2502" t="str">
            <v>白石区平和通１７南１－１３</v>
          </cell>
          <cell r="H2502" t="str">
            <v>862-9811</v>
          </cell>
          <cell r="I2502" t="str">
            <v>862-9849</v>
          </cell>
        </row>
        <row r="2503">
          <cell r="A2503" t="str">
            <v>25519Z</v>
          </cell>
          <cell r="B2503" t="str">
            <v>ﾎｯｶｲﾄﾞｳｼﾞｪｲｱｰﾙｼｮｳｼﾞ</v>
          </cell>
          <cell r="C2503" t="str">
            <v>（株）北海道ジェイ・アール商事</v>
          </cell>
          <cell r="D2503" t="str">
            <v>中田 裕友</v>
          </cell>
          <cell r="E2503" t="str">
            <v>代表取締役社長</v>
          </cell>
          <cell r="F2503" t="str">
            <v>060-0906</v>
          </cell>
          <cell r="G2503" t="str">
            <v>東区北６東４－１－４</v>
          </cell>
          <cell r="H2503" t="str">
            <v>753-6408</v>
          </cell>
          <cell r="I2503" t="str">
            <v>753-1325</v>
          </cell>
        </row>
        <row r="2504">
          <cell r="A2504" t="str">
            <v>25520X</v>
          </cell>
          <cell r="B2504" t="str">
            <v>ﾎｯｶｲﾄﾞｳﾁｸﾚﾝﾉｳｷﾞｮｳ</v>
          </cell>
          <cell r="C2504" t="str">
            <v>北海道チクレン農業（協連）</v>
          </cell>
          <cell r="D2504" t="str">
            <v>上神田 幸夫</v>
          </cell>
          <cell r="E2504" t="str">
            <v>代表理事理事長</v>
          </cell>
          <cell r="F2504" t="str">
            <v>060-0005</v>
          </cell>
          <cell r="G2504" t="str">
            <v>中央区北５西２－５ ＪＲﾀﾜｰｵﾌｨｽﾌﾟﾗｻﾞさっぽろ11</v>
          </cell>
          <cell r="H2504" t="str">
            <v>233-5125</v>
          </cell>
          <cell r="I2504" t="str">
            <v>233-5129</v>
          </cell>
        </row>
        <row r="2505">
          <cell r="A2505" t="str">
            <v>25521V</v>
          </cell>
          <cell r="B2505" t="str">
            <v>ﾎｸﾄﾔﾝﾏｰ</v>
          </cell>
          <cell r="C2505" t="str">
            <v>ホクトヤンマー（株）江別支店</v>
          </cell>
          <cell r="D2505" t="str">
            <v>汲川 伸二</v>
          </cell>
          <cell r="E2505" t="str">
            <v>支店長</v>
          </cell>
          <cell r="F2505" t="str">
            <v>067-0051</v>
          </cell>
          <cell r="G2505" t="str">
            <v>区江別市工栄町１０－６</v>
          </cell>
          <cell r="H2505" t="str">
            <v>381-3500</v>
          </cell>
          <cell r="I2505" t="str">
            <v>381-3502</v>
          </cell>
        </row>
        <row r="2506">
          <cell r="A2506" t="str">
            <v>25523P</v>
          </cell>
          <cell r="B2506" t="str">
            <v>ﾎｯﾎﾟｳﾚﾝ</v>
          </cell>
          <cell r="C2506" t="str">
            <v>北包連（株）</v>
          </cell>
          <cell r="D2506" t="str">
            <v>菅野 修二</v>
          </cell>
          <cell r="E2506" t="str">
            <v>代表取締役</v>
          </cell>
          <cell r="F2506" t="str">
            <v>060-0906</v>
          </cell>
          <cell r="G2506" t="str">
            <v>東区北６東２－３－６</v>
          </cell>
          <cell r="H2506" t="str">
            <v>722-3900</v>
          </cell>
          <cell r="I2506" t="str">
            <v>742-2523</v>
          </cell>
        </row>
        <row r="2507">
          <cell r="A2507" t="str">
            <v>25524Z</v>
          </cell>
          <cell r="B2507" t="str">
            <v>ﾎｯｶｲｼｺｳｼｬ</v>
          </cell>
          <cell r="C2507" t="str">
            <v>（株）北海紙工社</v>
          </cell>
          <cell r="D2507" t="str">
            <v>梅田 和宏</v>
          </cell>
          <cell r="E2507" t="str">
            <v>代表取締役</v>
          </cell>
          <cell r="F2507" t="str">
            <v>064-0809</v>
          </cell>
          <cell r="G2507" t="str">
            <v>中央区南９西１５－３－１２</v>
          </cell>
          <cell r="H2507" t="str">
            <v>561-5744</v>
          </cell>
          <cell r="I2507" t="str">
            <v>561-9733</v>
          </cell>
        </row>
        <row r="2508">
          <cell r="A2508" t="str">
            <v>25526T</v>
          </cell>
          <cell r="B2508" t="str">
            <v>ｳﾉｼｮｳｶｲ</v>
          </cell>
          <cell r="C2508" t="str">
            <v>宇野商会</v>
          </cell>
          <cell r="D2508" t="str">
            <v>宇野 寿雄</v>
          </cell>
          <cell r="E2508" t="str">
            <v>代表</v>
          </cell>
          <cell r="F2508" t="str">
            <v>065-0022</v>
          </cell>
          <cell r="G2508" t="str">
            <v>東区北２２東７－１－２５ 三善第２ﾋﾞﾙ４０６号</v>
          </cell>
          <cell r="H2508" t="str">
            <v>711-1790</v>
          </cell>
          <cell r="I2508" t="str">
            <v>711-1792</v>
          </cell>
        </row>
        <row r="2509">
          <cell r="A2509" t="str">
            <v>25527R</v>
          </cell>
          <cell r="B2509" t="str">
            <v>ﾎｯｶｲﾄﾞｳｻｻｷｼｮｳｶｲ</v>
          </cell>
          <cell r="C2509" t="str">
            <v>（株）北海道佐々木商会</v>
          </cell>
          <cell r="D2509" t="str">
            <v>津川 雅良</v>
          </cell>
          <cell r="E2509" t="str">
            <v>取締役社長</v>
          </cell>
          <cell r="F2509" t="str">
            <v>064-0915</v>
          </cell>
          <cell r="G2509" t="str">
            <v>中央区南１５西１０－４－１２</v>
          </cell>
          <cell r="H2509" t="str">
            <v>511-7191</v>
          </cell>
          <cell r="I2509" t="str">
            <v>531-7694</v>
          </cell>
        </row>
        <row r="2510">
          <cell r="A2510" t="str">
            <v>25531T</v>
          </cell>
          <cell r="B2510" t="str">
            <v>ﾎｯｶｲｹﾐｶﾙ</v>
          </cell>
          <cell r="C2510" t="str">
            <v>（株）北海ケミカル</v>
          </cell>
          <cell r="D2510" t="str">
            <v>杉尾 國好</v>
          </cell>
          <cell r="E2510" t="str">
            <v>代表取締役</v>
          </cell>
          <cell r="F2510" t="str">
            <v>004-0022</v>
          </cell>
          <cell r="G2510" t="str">
            <v>厚別区厚別南４－２－３０</v>
          </cell>
          <cell r="H2510" t="str">
            <v>892-9677</v>
          </cell>
          <cell r="I2510" t="str">
            <v>892-9643</v>
          </cell>
        </row>
        <row r="2511">
          <cell r="A2511" t="str">
            <v>25536S</v>
          </cell>
          <cell r="B2511" t="str">
            <v>ﾎｯｶｲﾄﾞｳｲﾝｻﾂｾﾝﾀｰ</v>
          </cell>
          <cell r="C2511" t="str">
            <v>（株）北海道印刷センター</v>
          </cell>
          <cell r="D2511" t="str">
            <v>猪狩 弥末弘</v>
          </cell>
          <cell r="E2511" t="str">
            <v>代表取締役</v>
          </cell>
          <cell r="F2511" t="str">
            <v>063-0051</v>
          </cell>
          <cell r="G2511" t="str">
            <v>西区宮の沢１－２－７－８</v>
          </cell>
          <cell r="H2511" t="str">
            <v>662-0723</v>
          </cell>
          <cell r="I2511" t="str">
            <v>662-1013</v>
          </cell>
        </row>
        <row r="2512">
          <cell r="A2512" t="str">
            <v>25537P</v>
          </cell>
          <cell r="B2512" t="str">
            <v>ﾎｯｶｲﾄﾞｳﾋﾞﾃﾞｵｴｲｿﾞｳ</v>
          </cell>
          <cell r="C2512" t="str">
            <v>（株）北海道ビデオ映像</v>
          </cell>
          <cell r="D2512" t="str">
            <v>竹川 吉光</v>
          </cell>
          <cell r="E2512" t="str">
            <v>代表取締役</v>
          </cell>
          <cell r="F2512" t="str">
            <v>065-0023</v>
          </cell>
          <cell r="G2512" t="str">
            <v>東区北２３東６－５－１１</v>
          </cell>
          <cell r="H2512" t="str">
            <v>751-2128</v>
          </cell>
          <cell r="I2512" t="str">
            <v>751-2158</v>
          </cell>
        </row>
        <row r="2513">
          <cell r="A2513" t="str">
            <v>25538Z</v>
          </cell>
          <cell r="B2513" t="str">
            <v>ﾎｸｴｲｼｮｳｼﾞ</v>
          </cell>
          <cell r="C2513" t="str">
            <v>北栄商事（株）</v>
          </cell>
          <cell r="D2513" t="str">
            <v>峯吉 達夫</v>
          </cell>
          <cell r="E2513" t="str">
            <v>代表取締役</v>
          </cell>
          <cell r="F2513" t="str">
            <v>003-0030</v>
          </cell>
          <cell r="G2513" t="str">
            <v>白石区流通センター１－４－２３</v>
          </cell>
          <cell r="H2513" t="str">
            <v>864-0261</v>
          </cell>
          <cell r="I2513" t="str">
            <v>865-5773</v>
          </cell>
        </row>
        <row r="2514">
          <cell r="A2514" t="str">
            <v>25546R</v>
          </cell>
          <cell r="B2514" t="str">
            <v>ﾎｸﾃﾞﾝﾗｲﾌｼｽﾃﾑ</v>
          </cell>
          <cell r="C2514" t="str">
            <v>（株）ほくでんライフシステム</v>
          </cell>
          <cell r="D2514" t="str">
            <v>松藤 哲夫</v>
          </cell>
          <cell r="E2514" t="str">
            <v>代表取締役</v>
          </cell>
          <cell r="F2514" t="str">
            <v>060-0031</v>
          </cell>
          <cell r="G2514" t="str">
            <v>中央区北１東１－６</v>
          </cell>
          <cell r="H2514" t="str">
            <v>207-6611</v>
          </cell>
          <cell r="I2514" t="str">
            <v>207-6458</v>
          </cell>
        </row>
        <row r="2515">
          <cell r="A2515" t="str">
            <v>25548Y</v>
          </cell>
          <cell r="B2515" t="str">
            <v>ﾎｯｶｲﾄﾞｳﾀﾞｲｴｨﾃｯｸ</v>
          </cell>
          <cell r="C2515" t="str">
            <v>（株）北海道ダイエィテック</v>
          </cell>
          <cell r="D2515" t="str">
            <v>塩田 敏彦</v>
          </cell>
          <cell r="E2515" t="str">
            <v>代表取締役</v>
          </cell>
          <cell r="F2515" t="str">
            <v>063-0828</v>
          </cell>
          <cell r="G2515" t="str">
            <v>西区発寒８－１４－５１６－２９３</v>
          </cell>
          <cell r="H2515" t="str">
            <v>667-1020</v>
          </cell>
          <cell r="I2515" t="str">
            <v>667-1021</v>
          </cell>
        </row>
        <row r="2516">
          <cell r="A2516" t="str">
            <v>25549W</v>
          </cell>
          <cell r="B2516" t="str">
            <v>ﾎｸﾒｲｼｽﾃﾑ</v>
          </cell>
          <cell r="C2516" t="str">
            <v>北明システム（株）</v>
          </cell>
          <cell r="D2516" t="str">
            <v>佐藤 正輝</v>
          </cell>
          <cell r="E2516" t="str">
            <v>代表取締役</v>
          </cell>
          <cell r="F2516" t="str">
            <v>060-0062</v>
          </cell>
          <cell r="G2516" t="str">
            <v>中央区南２西１３－３１９</v>
          </cell>
          <cell r="H2516" t="str">
            <v>222-3636</v>
          </cell>
          <cell r="I2516" t="str">
            <v>222-0099</v>
          </cell>
        </row>
        <row r="2517">
          <cell r="A2517" t="str">
            <v>25553Y</v>
          </cell>
          <cell r="B2517" t="str">
            <v>ﾎｸﾈﾝｼｮｳｼﾞ</v>
          </cell>
          <cell r="C2517" t="str">
            <v>北燃商事（株）</v>
          </cell>
          <cell r="D2517" t="str">
            <v>藤本 新一</v>
          </cell>
          <cell r="E2517" t="str">
            <v>代表取締役</v>
          </cell>
          <cell r="F2517" t="str">
            <v>068-0008</v>
          </cell>
          <cell r="G2517" t="str">
            <v>岩見沢市８東１－３</v>
          </cell>
          <cell r="H2517" t="str">
            <v>0126-23-3340</v>
          </cell>
          <cell r="I2517" t="str">
            <v>0126-23-3337</v>
          </cell>
        </row>
        <row r="2518">
          <cell r="A2518" t="str">
            <v>25554W</v>
          </cell>
          <cell r="B2518" t="str">
            <v>ﾎｸﾄｼｽﾃﾑ</v>
          </cell>
          <cell r="C2518" t="str">
            <v>北都システム（株）</v>
          </cell>
          <cell r="D2518" t="str">
            <v>大庭 浩司</v>
          </cell>
          <cell r="E2518" t="str">
            <v>代表取締役社長</v>
          </cell>
          <cell r="F2518" t="str">
            <v>004-0051</v>
          </cell>
          <cell r="G2518" t="str">
            <v>厚別区厚別中央１－６－３－１</v>
          </cell>
          <cell r="H2518" t="str">
            <v>896-7571</v>
          </cell>
          <cell r="I2518" t="str">
            <v>896-7576</v>
          </cell>
        </row>
        <row r="2519">
          <cell r="A2519" t="str">
            <v>25555S</v>
          </cell>
          <cell r="B2519" t="str">
            <v>ﾎｸﾖｳﾘﾈﾝｻﾌﾟﾗｲ</v>
          </cell>
          <cell r="C2519" t="str">
            <v>北洋リネンサプライ（株）</v>
          </cell>
          <cell r="D2519" t="str">
            <v>柳沢 進</v>
          </cell>
          <cell r="E2519" t="str">
            <v>代表取締役社長</v>
          </cell>
          <cell r="F2519" t="str">
            <v>060-0906</v>
          </cell>
          <cell r="G2519" t="str">
            <v>東区北６東５－１－６</v>
          </cell>
          <cell r="H2519" t="str">
            <v>741-7585</v>
          </cell>
          <cell r="I2519" t="str">
            <v>741-7613</v>
          </cell>
        </row>
        <row r="2520">
          <cell r="A2520" t="str">
            <v>25556P</v>
          </cell>
          <cell r="B2520" t="str">
            <v>ﾎｯｶｲﾄﾞｳﾘｮｸｺｳ</v>
          </cell>
          <cell r="C2520" t="str">
            <v>北海道緑興（株）</v>
          </cell>
          <cell r="D2520" t="str">
            <v>村瀬 孝夫</v>
          </cell>
          <cell r="E2520" t="str">
            <v>代表取締役</v>
          </cell>
          <cell r="F2520" t="str">
            <v>003-0024</v>
          </cell>
          <cell r="G2520" t="str">
            <v>白石区本郷通４南２－２８</v>
          </cell>
          <cell r="H2520" t="str">
            <v>861-0021</v>
          </cell>
          <cell r="I2520" t="str">
            <v>861-4730</v>
          </cell>
        </row>
        <row r="2521">
          <cell r="A2521" t="str">
            <v>25558X</v>
          </cell>
          <cell r="B2521" t="str">
            <v>ﾎｯｶｲﾄﾞｳｼﾞｭｳｹﾝｷｺｳ</v>
          </cell>
          <cell r="C2521" t="str">
            <v>北海道重建機工（株）</v>
          </cell>
          <cell r="D2521" t="str">
            <v>小寺 正彦</v>
          </cell>
          <cell r="E2521" t="str">
            <v>代表取締役</v>
          </cell>
          <cell r="F2521" t="str">
            <v>061-1271</v>
          </cell>
          <cell r="G2521" t="str">
            <v>北広島市大曲中央１－２－６</v>
          </cell>
          <cell r="H2521" t="str">
            <v>377-4557</v>
          </cell>
          <cell r="I2521" t="str">
            <v>377-4559</v>
          </cell>
        </row>
        <row r="2522">
          <cell r="A2522" t="str">
            <v>25560S</v>
          </cell>
          <cell r="B2522" t="str">
            <v>ﾎｯｶｲﾊｸｾｲﾋｮｳﾎﾝｼｬ</v>
          </cell>
          <cell r="C2522" t="str">
            <v>（株）北海剥製標本社</v>
          </cell>
          <cell r="D2522" t="str">
            <v>信田 誠</v>
          </cell>
          <cell r="E2522" t="str">
            <v>代表取締役</v>
          </cell>
          <cell r="F2522" t="str">
            <v>060-0018</v>
          </cell>
          <cell r="G2522" t="str">
            <v>中央区北１８西１５－３３－３４</v>
          </cell>
          <cell r="H2522" t="str">
            <v>716-4578</v>
          </cell>
          <cell r="I2522" t="str">
            <v>717-1888</v>
          </cell>
        </row>
        <row r="2523">
          <cell r="A2523" t="str">
            <v>25562Z</v>
          </cell>
          <cell r="B2523" t="str">
            <v>ﾎｯｶｲﾄﾞｳﾄｳｷｭｳﾋﾞﾙﾒﾝﾃﾅﾝｽ</v>
          </cell>
          <cell r="C2523" t="str">
            <v>北海道東急ビルメンテナンス（株）</v>
          </cell>
          <cell r="D2523" t="str">
            <v>熊澤 東</v>
          </cell>
          <cell r="E2523" t="str">
            <v>取締役社長</v>
          </cell>
          <cell r="F2523" t="str">
            <v>060-0061</v>
          </cell>
          <cell r="G2523" t="str">
            <v>中央区南１西９－１－２</v>
          </cell>
          <cell r="H2523" t="str">
            <v>272-9650</v>
          </cell>
          <cell r="I2523" t="str">
            <v>272-9665</v>
          </cell>
        </row>
        <row r="2524">
          <cell r="A2524" t="str">
            <v>25563X</v>
          </cell>
          <cell r="B2524" t="str">
            <v>ﾎｯｶｲﾄﾞｳﾄｸｼｭｲﾝｻﾂｺｳｹﾞｲ</v>
          </cell>
          <cell r="C2524" t="str">
            <v>（株）北海道特殊印刷工芸</v>
          </cell>
          <cell r="D2524" t="str">
            <v>大本 愼</v>
          </cell>
          <cell r="E2524" t="str">
            <v>代表取締役</v>
          </cell>
          <cell r="F2524" t="str">
            <v>065-0043</v>
          </cell>
          <cell r="G2524" t="str">
            <v>東区苗穂町３－４２</v>
          </cell>
          <cell r="H2524" t="str">
            <v>753-3688</v>
          </cell>
          <cell r="I2524" t="str">
            <v>753-3923</v>
          </cell>
        </row>
        <row r="2525">
          <cell r="A2525" t="str">
            <v>25565R</v>
          </cell>
          <cell r="B2525" t="str">
            <v>ﾎｯｶｲﾄﾞｳｿｳｺﾞｳﾂｳｼﾝﾓｳ</v>
          </cell>
          <cell r="C2525" t="str">
            <v>北海道総合通信網（株）</v>
          </cell>
          <cell r="D2525" t="str">
            <v>瀬山 幸二</v>
          </cell>
          <cell r="E2525" t="str">
            <v>取締役社長</v>
          </cell>
          <cell r="F2525" t="str">
            <v>060-0031</v>
          </cell>
          <cell r="G2525" t="str">
            <v>中央区北１東２－５－３</v>
          </cell>
          <cell r="H2525" t="str">
            <v>341-3000</v>
          </cell>
          <cell r="I2525" t="str">
            <v>341-3240</v>
          </cell>
        </row>
        <row r="2526">
          <cell r="A2526" t="str">
            <v>25566N</v>
          </cell>
          <cell r="B2526" t="str">
            <v>ﾎｯｶｲ</v>
          </cell>
          <cell r="C2526" t="str">
            <v>（株）ほっかい</v>
          </cell>
          <cell r="D2526" t="str">
            <v>老松 陽一</v>
          </cell>
          <cell r="E2526" t="str">
            <v>代表取締役</v>
          </cell>
          <cell r="F2526" t="str">
            <v>001-0902</v>
          </cell>
          <cell r="G2526" t="str">
            <v>北区新琴似２－１－１－４９</v>
          </cell>
          <cell r="H2526" t="str">
            <v>707-2345</v>
          </cell>
          <cell r="I2526" t="str">
            <v>707-2353</v>
          </cell>
        </row>
        <row r="2527">
          <cell r="A2527" t="str">
            <v>25567Y</v>
          </cell>
          <cell r="B2527" t="str">
            <v>ﾎｯｶｲﾄﾞｳﾏﾙｾﾞﾝ</v>
          </cell>
          <cell r="C2527" t="str">
            <v>北海道丸善（株）</v>
          </cell>
          <cell r="D2527" t="str">
            <v>佐藤 啓一</v>
          </cell>
          <cell r="E2527" t="str">
            <v>代表取締役</v>
          </cell>
          <cell r="F2527" t="str">
            <v>062-0055</v>
          </cell>
          <cell r="G2527" t="str">
            <v>豊平区月寒東５－９－４</v>
          </cell>
          <cell r="H2527" t="str">
            <v>852-2015</v>
          </cell>
          <cell r="I2527" t="str">
            <v>852-3134</v>
          </cell>
        </row>
        <row r="2528">
          <cell r="A2528" t="str">
            <v>25570R</v>
          </cell>
          <cell r="B2528" t="str">
            <v>ﾎｯｶﾝﾒﾝﾃﾅﾝｽ</v>
          </cell>
          <cell r="C2528" t="str">
            <v>北関メンテナンス（株）</v>
          </cell>
          <cell r="D2528" t="str">
            <v>成田 正普</v>
          </cell>
          <cell r="E2528" t="str">
            <v>代表取締役</v>
          </cell>
          <cell r="F2528" t="str">
            <v>064-0805</v>
          </cell>
          <cell r="G2528" t="str">
            <v>中央区南５西８－９札幌後楽園ビル</v>
          </cell>
          <cell r="H2528" t="str">
            <v>521-5220</v>
          </cell>
          <cell r="I2528" t="str">
            <v>521-5227</v>
          </cell>
        </row>
        <row r="2529">
          <cell r="A2529" t="str">
            <v>25571N</v>
          </cell>
          <cell r="B2529" t="str">
            <v>ﾎｯｶｲﾄﾞｳｼﾞｪｲ･ｱｰﾙ･ｴｰｼﾞｪﾝｼｰ</v>
          </cell>
          <cell r="C2529" t="str">
            <v>（株）北海道ｼﾞｪｲ・ｱｰﾙ・ｴｰｼﾞｪﾝｼｰ</v>
          </cell>
          <cell r="D2529" t="str">
            <v>千葉 律雄</v>
          </cell>
          <cell r="E2529" t="str">
            <v>代表取締役社長</v>
          </cell>
          <cell r="F2529" t="str">
            <v>060-0906</v>
          </cell>
          <cell r="G2529" t="str">
            <v>東区北６東４－１－４ ＮＥ６・４ビル６Ｆ</v>
          </cell>
          <cell r="H2529" t="str">
            <v>751-7205</v>
          </cell>
          <cell r="I2529" t="str">
            <v>751-7209</v>
          </cell>
        </row>
        <row r="2530">
          <cell r="A2530" t="str">
            <v>25573W</v>
          </cell>
          <cell r="B2530" t="str">
            <v>ﾎｯｶｲｲﾝｻﾂ</v>
          </cell>
          <cell r="C2530" t="str">
            <v>北海印刷（株）</v>
          </cell>
          <cell r="D2530" t="str">
            <v>徳永 賢二</v>
          </cell>
          <cell r="E2530" t="str">
            <v>代表取締役</v>
          </cell>
          <cell r="F2530" t="str">
            <v>050-0074</v>
          </cell>
          <cell r="G2530" t="str">
            <v>室蘭市中島町４－１２－１５</v>
          </cell>
          <cell r="H2530" t="str">
            <v>0143-43-2121</v>
          </cell>
          <cell r="I2530" t="str">
            <v>0143-43-2191</v>
          </cell>
        </row>
        <row r="2531">
          <cell r="A2531" t="str">
            <v>25574T</v>
          </cell>
          <cell r="B2531" t="str">
            <v>ﾎｳﾌﾞﾝｼｬ</v>
          </cell>
          <cell r="C2531" t="str">
            <v>（株）豊文社</v>
          </cell>
          <cell r="D2531" t="str">
            <v>神戸 直樹</v>
          </cell>
          <cell r="E2531" t="str">
            <v>代表取締役</v>
          </cell>
          <cell r="F2531" t="str">
            <v>060-0041</v>
          </cell>
          <cell r="G2531" t="str">
            <v>中央区大通東７－１２</v>
          </cell>
          <cell r="H2531" t="str">
            <v>231-6688</v>
          </cell>
          <cell r="I2531" t="str">
            <v>231-3052</v>
          </cell>
        </row>
        <row r="2532">
          <cell r="A2532" t="str">
            <v>25575P</v>
          </cell>
          <cell r="B2532" t="str">
            <v>ﾎｯｶｲﾄﾞｳｾﾞﾛｯｸｽ</v>
          </cell>
          <cell r="C2532" t="str">
            <v>北海道ゼロックス（株）</v>
          </cell>
          <cell r="D2532" t="str">
            <v>大久保 宰雄</v>
          </cell>
          <cell r="E2532" t="str">
            <v>代表取締役</v>
          </cell>
          <cell r="F2532" t="str">
            <v>060-0042</v>
          </cell>
          <cell r="G2532" t="str">
            <v>中央区大通西１０－４－１３３</v>
          </cell>
          <cell r="H2532" t="str">
            <v>271-4533</v>
          </cell>
          <cell r="I2532" t="str">
            <v>271-5029</v>
          </cell>
        </row>
        <row r="2533">
          <cell r="A2533" t="str">
            <v>25576Z</v>
          </cell>
          <cell r="B2533" t="str">
            <v>ﾎｯｺｳﾄﾞｳ</v>
          </cell>
          <cell r="C2533" t="str">
            <v>（株）北光堂札幌支店</v>
          </cell>
          <cell r="D2533" t="str">
            <v>桜井 直樹</v>
          </cell>
          <cell r="E2533" t="str">
            <v>支店長</v>
          </cell>
          <cell r="F2533" t="str">
            <v>064-0806</v>
          </cell>
          <cell r="G2533" t="str">
            <v>中央区南６西２２－３－３７</v>
          </cell>
          <cell r="H2533" t="str">
            <v>551-5533</v>
          </cell>
          <cell r="I2533" t="str">
            <v>551-4624</v>
          </cell>
        </row>
        <row r="2534">
          <cell r="A2534" t="str">
            <v>25578V</v>
          </cell>
          <cell r="B2534" t="str">
            <v>ﾎｸﾕｳﾌﾟﾗﾝﾆﾝｸﾞ</v>
          </cell>
          <cell r="C2534" t="str">
            <v>（株）北雄プランニング</v>
          </cell>
          <cell r="D2534" t="str">
            <v>梅野 敏雄</v>
          </cell>
          <cell r="E2534" t="str">
            <v>代表取締役</v>
          </cell>
          <cell r="F2534" t="str">
            <v>078-8330</v>
          </cell>
          <cell r="G2534" t="str">
            <v>旭川市宮下通１９－８０６－１</v>
          </cell>
          <cell r="H2534" t="str">
            <v>0166-37-5507</v>
          </cell>
          <cell r="I2534" t="str">
            <v>0166-33-0955</v>
          </cell>
        </row>
        <row r="2535">
          <cell r="A2535" t="str">
            <v>25580P</v>
          </cell>
          <cell r="B2535" t="str">
            <v>ﾎｸｱｲ</v>
          </cell>
          <cell r="C2535" t="str">
            <v>（株）ホクアイ</v>
          </cell>
          <cell r="D2535" t="str">
            <v>寺島 利夫</v>
          </cell>
          <cell r="E2535" t="str">
            <v>代表取締役</v>
          </cell>
          <cell r="F2535" t="str">
            <v>063-0834</v>
          </cell>
          <cell r="G2535" t="str">
            <v>西区発寒１４－１２－１－５</v>
          </cell>
          <cell r="H2535" t="str">
            <v>665-8241</v>
          </cell>
          <cell r="I2535" t="str">
            <v>661-3452</v>
          </cell>
        </row>
        <row r="2536">
          <cell r="A2536" t="str">
            <v>25582X</v>
          </cell>
          <cell r="B2536" t="str">
            <v>ﾎｯｶｲｶﾝｺｳﾊﾞｽ</v>
          </cell>
          <cell r="C2536" t="str">
            <v>（株）北海観光バス</v>
          </cell>
          <cell r="D2536" t="str">
            <v>須藤 栄二</v>
          </cell>
          <cell r="E2536" t="str">
            <v>代表取締役</v>
          </cell>
          <cell r="F2536" t="str">
            <v>004-0802</v>
          </cell>
          <cell r="G2536" t="str">
            <v>清田区里塚２－５－３－３</v>
          </cell>
          <cell r="H2536" t="str">
            <v>882-1111</v>
          </cell>
          <cell r="I2536" t="str">
            <v>882-2111</v>
          </cell>
        </row>
        <row r="2537">
          <cell r="A2537" t="str">
            <v>25583V</v>
          </cell>
          <cell r="B2537" t="str">
            <v>ﾎｯｶｲﾄﾞｳｳｻﾐ</v>
          </cell>
          <cell r="C2537" t="str">
            <v>（株）北海道宇佐美</v>
          </cell>
          <cell r="D2537" t="str">
            <v>宇佐美 史郎</v>
          </cell>
          <cell r="E2537" t="str">
            <v>代表取締役</v>
          </cell>
          <cell r="F2537" t="str">
            <v>007-0827</v>
          </cell>
          <cell r="G2537" t="str">
            <v>東区東雁来７－１－４－２３</v>
          </cell>
          <cell r="H2537" t="str">
            <v>780-2921</v>
          </cell>
          <cell r="I2537" t="str">
            <v>780-2988</v>
          </cell>
        </row>
        <row r="2538">
          <cell r="A2538" t="str">
            <v>25584S</v>
          </cell>
          <cell r="B2538" t="str">
            <v>ﾎｯｶｲﾄﾞｳｴｱｳｫｰﾀｰ</v>
          </cell>
          <cell r="C2538" t="str">
            <v>北海道エア・ウォーター（株）</v>
          </cell>
          <cell r="D2538" t="str">
            <v>田村 輝孝</v>
          </cell>
          <cell r="E2538" t="str">
            <v>代表取締役</v>
          </cell>
          <cell r="F2538" t="str">
            <v>003-0805</v>
          </cell>
          <cell r="G2538" t="str">
            <v>白石区菊水５－２－３－１２</v>
          </cell>
          <cell r="H2538" t="str">
            <v>811-0200</v>
          </cell>
          <cell r="I2538" t="str">
            <v>811-0600</v>
          </cell>
        </row>
        <row r="2539">
          <cell r="A2539" t="str">
            <v>25585N</v>
          </cell>
          <cell r="B2539" t="str">
            <v>ﾎｸﾄｺｳﾂｳ</v>
          </cell>
          <cell r="C2539" t="str">
            <v>北都交通（株）</v>
          </cell>
          <cell r="D2539" t="str">
            <v>武田 裕幸</v>
          </cell>
          <cell r="E2539" t="str">
            <v>代表取締役</v>
          </cell>
          <cell r="F2539" t="str">
            <v>061-1274</v>
          </cell>
          <cell r="G2539" t="str">
            <v>北広島市大曲工業団地１－７－１</v>
          </cell>
          <cell r="H2539" t="str">
            <v>377-1470</v>
          </cell>
          <cell r="I2539" t="str">
            <v>377-1460</v>
          </cell>
        </row>
        <row r="2540">
          <cell r="A2540" t="str">
            <v>25586Y</v>
          </cell>
          <cell r="B2540" t="str">
            <v>ﾎｯｶｲﾄﾞｳﾗｯﾌﾟ</v>
          </cell>
          <cell r="C2540" t="str">
            <v>北海道ラップ（株）</v>
          </cell>
          <cell r="D2540" t="str">
            <v>菅原 路人</v>
          </cell>
          <cell r="E2540" t="str">
            <v>代表取締役</v>
          </cell>
          <cell r="F2540" t="str">
            <v>063-0850</v>
          </cell>
          <cell r="G2540" t="str">
            <v>西区八軒１０西１１－１－３０</v>
          </cell>
          <cell r="H2540" t="str">
            <v>612-2146</v>
          </cell>
          <cell r="I2540" t="str">
            <v>612-2148</v>
          </cell>
        </row>
        <row r="2541">
          <cell r="A2541" t="str">
            <v>25590N</v>
          </cell>
          <cell r="B2541" t="str">
            <v>ﾎｸｲｷｶｸ</v>
          </cell>
          <cell r="C2541" t="str">
            <v>（株）北医企画</v>
          </cell>
          <cell r="D2541" t="str">
            <v>山地 富士夫</v>
          </cell>
          <cell r="E2541" t="str">
            <v>代表取締役</v>
          </cell>
          <cell r="F2541" t="str">
            <v>063-0867</v>
          </cell>
          <cell r="G2541" t="str">
            <v>西区八軒７東５－１－５</v>
          </cell>
          <cell r="H2541" t="str">
            <v>747-3366</v>
          </cell>
          <cell r="I2541" t="str">
            <v>716-6212</v>
          </cell>
        </row>
        <row r="2542">
          <cell r="A2542" t="str">
            <v>25591Y</v>
          </cell>
          <cell r="B2542" t="str">
            <v>ﾎｯｶｲﾄﾞｳﾏﾂｼﾀﾃｸﾆｶﾙｻｰﾋﾞｽ</v>
          </cell>
          <cell r="C2542" t="str">
            <v>北海道松下テクニカルサービス（株）</v>
          </cell>
          <cell r="D2542" t="str">
            <v>白石 秀人</v>
          </cell>
          <cell r="E2542" t="str">
            <v>代表取締役</v>
          </cell>
          <cell r="F2542" t="str">
            <v>004-0022</v>
          </cell>
          <cell r="G2542" t="str">
            <v>厚別区厚別南２－１７－７</v>
          </cell>
          <cell r="H2542" t="str">
            <v>894-1261</v>
          </cell>
          <cell r="I2542" t="str">
            <v>894-1248</v>
          </cell>
        </row>
        <row r="2543">
          <cell r="A2543" t="str">
            <v>25592W</v>
          </cell>
          <cell r="B2543" t="str">
            <v>ﾎﾛﾆｼｳﾝﾕ</v>
          </cell>
          <cell r="C2543" t="str">
            <v>幌西運輸（株）</v>
          </cell>
          <cell r="D2543" t="str">
            <v>林 正敏</v>
          </cell>
          <cell r="E2543" t="str">
            <v>代表取締役</v>
          </cell>
          <cell r="F2543" t="str">
            <v>003-0030</v>
          </cell>
          <cell r="G2543" t="str">
            <v>白石区流通センター５－３－８０</v>
          </cell>
          <cell r="H2543" t="str">
            <v>864-6252</v>
          </cell>
          <cell r="I2543" t="str">
            <v>861-8150</v>
          </cell>
        </row>
        <row r="2544">
          <cell r="A2544" t="str">
            <v>25593T</v>
          </cell>
          <cell r="B2544" t="str">
            <v>ﾎｸﾄｷｭｳｼｮｸ</v>
          </cell>
          <cell r="C2544" t="str">
            <v>（有）ほくと給食</v>
          </cell>
          <cell r="D2544" t="str">
            <v>古井 榮一</v>
          </cell>
          <cell r="E2544" t="str">
            <v>代表取締役</v>
          </cell>
          <cell r="F2544" t="str">
            <v>004-0042</v>
          </cell>
          <cell r="G2544" t="str">
            <v>厚別区大谷地西３－１－３２</v>
          </cell>
          <cell r="H2544" t="str">
            <v>894-5251</v>
          </cell>
          <cell r="I2544" t="str">
            <v>894-5258</v>
          </cell>
        </row>
        <row r="2545">
          <cell r="A2545" t="str">
            <v>25594R</v>
          </cell>
          <cell r="B2545" t="str">
            <v>ﾎｸﾖｰ</v>
          </cell>
          <cell r="C2545" t="str">
            <v>（株）ホクヨー</v>
          </cell>
          <cell r="D2545" t="str">
            <v>武田 憲治</v>
          </cell>
          <cell r="E2545" t="str">
            <v>代表取締役</v>
          </cell>
          <cell r="F2545" t="str">
            <v>060-0004</v>
          </cell>
          <cell r="G2545" t="str">
            <v>中央区北４西１３－１－２</v>
          </cell>
          <cell r="H2545" t="str">
            <v>222-3953</v>
          </cell>
          <cell r="I2545" t="str">
            <v>222-3953</v>
          </cell>
        </row>
        <row r="2546">
          <cell r="A2546" t="str">
            <v>25597V</v>
          </cell>
          <cell r="B2546" t="str">
            <v>ﾎｯｶｲﾄﾞｳｺﾋﾟｰｻｰﾋﾞｽ</v>
          </cell>
          <cell r="C2546" t="str">
            <v>（株）北海道コピーサービス</v>
          </cell>
          <cell r="D2546" t="str">
            <v>吉田 雅之</v>
          </cell>
          <cell r="E2546" t="str">
            <v>代表取締役</v>
          </cell>
          <cell r="F2546" t="str">
            <v>060-0908</v>
          </cell>
          <cell r="G2546" t="str">
            <v>東区北８東１－３－７</v>
          </cell>
          <cell r="H2546" t="str">
            <v>704-6222</v>
          </cell>
          <cell r="I2546" t="str">
            <v>704-6233</v>
          </cell>
        </row>
        <row r="2547">
          <cell r="A2547" t="str">
            <v>25599P</v>
          </cell>
          <cell r="B2547" t="str">
            <v>ﾎｯｶｲﾄﾞｳﾊﾟｰﾙｼｺｳ</v>
          </cell>
          <cell r="C2547" t="str">
            <v>北海道パール紙工（株）</v>
          </cell>
          <cell r="D2547" t="str">
            <v>森本 英美</v>
          </cell>
          <cell r="E2547" t="str">
            <v>代表取締役</v>
          </cell>
          <cell r="F2547" t="str">
            <v>001-0036</v>
          </cell>
          <cell r="G2547" t="str">
            <v>北区北３６西３－３－１</v>
          </cell>
          <cell r="H2547" t="str">
            <v>747-6300</v>
          </cell>
          <cell r="I2547" t="str">
            <v>737-4083</v>
          </cell>
        </row>
        <row r="2548">
          <cell r="A2548" t="str">
            <v>25601V</v>
          </cell>
          <cell r="B2548" t="str">
            <v>ﾎｸｼﾝ</v>
          </cell>
          <cell r="C2548" t="str">
            <v>（株）北辰札幌営業所</v>
          </cell>
          <cell r="D2548" t="str">
            <v>生富 紀幸</v>
          </cell>
          <cell r="E2548" t="str">
            <v>所長</v>
          </cell>
          <cell r="F2548" t="str">
            <v>060-0908</v>
          </cell>
          <cell r="G2548" t="str">
            <v>東区北８東１－１－３５</v>
          </cell>
          <cell r="H2548" t="str">
            <v>711-9990</v>
          </cell>
          <cell r="I2548" t="str">
            <v>711-9992</v>
          </cell>
        </row>
        <row r="2549">
          <cell r="A2549" t="str">
            <v>25602S</v>
          </cell>
          <cell r="B2549" t="str">
            <v>ﾎｸﾕｰｻﾌﾟﾗｲ</v>
          </cell>
          <cell r="C2549" t="str">
            <v>（株）ホクユーサプライ</v>
          </cell>
          <cell r="D2549" t="str">
            <v>増田 君子</v>
          </cell>
          <cell r="E2549" t="str">
            <v>代表取締役</v>
          </cell>
          <cell r="F2549" t="str">
            <v>065-0017</v>
          </cell>
          <cell r="G2549" t="str">
            <v>東区北１７東２－４－３１</v>
          </cell>
          <cell r="H2549" t="str">
            <v>743-7400</v>
          </cell>
          <cell r="I2549" t="str">
            <v>743-7593</v>
          </cell>
        </row>
        <row r="2550">
          <cell r="A2550" t="str">
            <v>25603P</v>
          </cell>
          <cell r="B2550" t="str">
            <v>ﾎｸｼﾝｼｮｳｼﾞ</v>
          </cell>
          <cell r="C2550" t="str">
            <v>（有）北進商事</v>
          </cell>
          <cell r="D2550" t="str">
            <v>宮越 豊</v>
          </cell>
          <cell r="E2550" t="str">
            <v>代表取締役</v>
          </cell>
          <cell r="F2550" t="str">
            <v>063-0832</v>
          </cell>
          <cell r="G2550" t="str">
            <v>西区発寒１２－２－７－１１</v>
          </cell>
          <cell r="H2550" t="str">
            <v>787-3009</v>
          </cell>
          <cell r="I2550" t="str">
            <v>787-3009</v>
          </cell>
        </row>
        <row r="2551">
          <cell r="A2551" t="str">
            <v>25604Z</v>
          </cell>
          <cell r="B2551" t="str">
            <v>ﾎｯｶｲﾄﾞｳﾐﾗｲｿｳｺﾞｳｹﾝｷｭｳｼｮ</v>
          </cell>
          <cell r="C2551" t="str">
            <v>（社）北海道未来総合研究所</v>
          </cell>
          <cell r="D2551" t="str">
            <v>原 勲</v>
          </cell>
          <cell r="E2551" t="str">
            <v>理事長</v>
          </cell>
          <cell r="F2551" t="str">
            <v>060-0807</v>
          </cell>
          <cell r="G2551" t="str">
            <v>北区北７西１－２－６ ＮＳＳ・ﾆｭｰｽﾃｰｼﾞ札幌</v>
          </cell>
          <cell r="H2551" t="str">
            <v>716-0011</v>
          </cell>
          <cell r="I2551" t="str">
            <v>726-7533</v>
          </cell>
        </row>
        <row r="2552">
          <cell r="A2552" t="str">
            <v>25605W</v>
          </cell>
          <cell r="B2552" t="str">
            <v>ﾎｯｶｲﾄﾞｳｼﾐｽﾞ</v>
          </cell>
          <cell r="C2552" t="str">
            <v>（株）北海道シミズ</v>
          </cell>
          <cell r="D2552" t="str">
            <v>清水 卓治</v>
          </cell>
          <cell r="E2552" t="str">
            <v>代表取締役</v>
          </cell>
          <cell r="F2552" t="str">
            <v>062-0901</v>
          </cell>
          <cell r="G2552" t="str">
            <v>豊平区豊平１－１１</v>
          </cell>
          <cell r="H2552" t="str">
            <v>833-6666</v>
          </cell>
          <cell r="I2552" t="str">
            <v>833-6665</v>
          </cell>
        </row>
        <row r="2553">
          <cell r="A2553" t="str">
            <v>25606T</v>
          </cell>
          <cell r="B2553" t="str">
            <v>ﾎｯｺﾝ</v>
          </cell>
          <cell r="C2553" t="str">
            <v>（株）ホッコン</v>
          </cell>
          <cell r="D2553" t="str">
            <v>芳賀 俊輔</v>
          </cell>
          <cell r="E2553" t="str">
            <v>取締役社長</v>
          </cell>
          <cell r="F2553" t="str">
            <v>074-0003</v>
          </cell>
          <cell r="G2553" t="str">
            <v>深川市３－９－２６</v>
          </cell>
          <cell r="H2553" t="str">
            <v>0164-22-1711</v>
          </cell>
          <cell r="I2553" t="str">
            <v>0164-22-2782</v>
          </cell>
        </row>
        <row r="2554">
          <cell r="A2554" t="str">
            <v>25607R</v>
          </cell>
          <cell r="B2554" t="str">
            <v>ﾎｯｶｲﾄﾞｳﾏｲﾆﾁｻｰﾋﾞｽ</v>
          </cell>
          <cell r="C2554" t="str">
            <v>（株）北海道毎日サービス</v>
          </cell>
          <cell r="D2554" t="str">
            <v>武田 文也</v>
          </cell>
          <cell r="E2554" t="str">
            <v>代表取締役</v>
          </cell>
          <cell r="F2554" t="str">
            <v>060-0004</v>
          </cell>
          <cell r="G2554" t="str">
            <v>中央区北４西６－１</v>
          </cell>
          <cell r="H2554" t="str">
            <v>221-0015</v>
          </cell>
          <cell r="I2554" t="str">
            <v>251-1060</v>
          </cell>
        </row>
        <row r="2555">
          <cell r="A2555" t="str">
            <v>25608N</v>
          </cell>
          <cell r="B2555" t="str">
            <v>ﾎｸｵｳｼﾞｮｳﾎｳｻｰﾋﾞｽ</v>
          </cell>
          <cell r="C2555" t="str">
            <v>（株）北央情報サービス</v>
          </cell>
          <cell r="D2555" t="str">
            <v>丸山 昭夫</v>
          </cell>
          <cell r="E2555" t="str">
            <v>代表取締役</v>
          </cell>
          <cell r="F2555" t="str">
            <v>060-0809</v>
          </cell>
          <cell r="G2555" t="str">
            <v>北区北９西４－７－４</v>
          </cell>
          <cell r="H2555" t="str">
            <v>738-2005</v>
          </cell>
          <cell r="I2555" t="str">
            <v>738-2007</v>
          </cell>
        </row>
        <row r="2556">
          <cell r="A2556" t="str">
            <v>25610W</v>
          </cell>
          <cell r="B2556" t="str">
            <v>ﾎｯｶｲﾄﾞｳﾂｳｼﾝｼｬ</v>
          </cell>
          <cell r="C2556" t="str">
            <v>（株）北海道通信社</v>
          </cell>
          <cell r="D2556" t="str">
            <v>松木 慶喜</v>
          </cell>
          <cell r="E2556" t="str">
            <v>代表取締役</v>
          </cell>
          <cell r="F2556" t="str">
            <v>060-0005</v>
          </cell>
          <cell r="G2556" t="str">
            <v>中央区北５西６－１－２３ 道通ビル２Ｆ</v>
          </cell>
          <cell r="H2556" t="str">
            <v>222-3521</v>
          </cell>
          <cell r="I2556" t="str">
            <v>222-3532</v>
          </cell>
        </row>
        <row r="2557">
          <cell r="A2557" t="str">
            <v>25612R</v>
          </cell>
          <cell r="B2557" t="str">
            <v>ﾎｯｶｲﾄﾞｳﾆﾁﾕ</v>
          </cell>
          <cell r="C2557" t="str">
            <v>北海道ニチユ（株）</v>
          </cell>
          <cell r="D2557" t="str">
            <v>渡邊 博一</v>
          </cell>
          <cell r="E2557" t="str">
            <v>代表取締役</v>
          </cell>
          <cell r="F2557" t="str">
            <v>003-0030</v>
          </cell>
          <cell r="G2557" t="str">
            <v>白石区流通センター６－３－１</v>
          </cell>
          <cell r="H2557" t="str">
            <v>892-4149</v>
          </cell>
          <cell r="I2557" t="str">
            <v>892-3410</v>
          </cell>
        </row>
        <row r="2558">
          <cell r="A2558" t="str">
            <v>25613N</v>
          </cell>
          <cell r="B2558" t="str">
            <v>ﾎｯｶｲﾄﾞｳｺﾝﾋﾟｭｰﾀｻｰﾋﾞｽ</v>
          </cell>
          <cell r="C2558" t="str">
            <v>北海道コンピュータサービス（株）</v>
          </cell>
          <cell r="D2558" t="str">
            <v>大石 富夫</v>
          </cell>
          <cell r="E2558" t="str">
            <v>代表取締役</v>
          </cell>
          <cell r="F2558" t="str">
            <v>065-0041</v>
          </cell>
          <cell r="G2558" t="str">
            <v>東区本町１－１－３－１</v>
          </cell>
          <cell r="H2558" t="str">
            <v>782-1141</v>
          </cell>
          <cell r="I2558" t="str">
            <v>782-1160</v>
          </cell>
        </row>
        <row r="2559">
          <cell r="A2559" t="str">
            <v>25614Y</v>
          </cell>
          <cell r="B2559" t="str">
            <v>ﾎｸｼｮｸ</v>
          </cell>
          <cell r="C2559" t="str">
            <v>（株）ホクショク</v>
          </cell>
          <cell r="D2559" t="str">
            <v>大野 紘行</v>
          </cell>
          <cell r="E2559" t="str">
            <v>代表取締役</v>
          </cell>
          <cell r="F2559" t="str">
            <v>066-0026</v>
          </cell>
          <cell r="G2559" t="str">
            <v>千歳市住吉３－２－１</v>
          </cell>
          <cell r="H2559" t="str">
            <v>0123-26-0141</v>
          </cell>
          <cell r="I2559" t="str">
            <v>0123-26-0144</v>
          </cell>
        </row>
        <row r="2560">
          <cell r="A2560" t="str">
            <v>25616S</v>
          </cell>
          <cell r="B2560" t="str">
            <v>ﾎｯｶｲﾄﾞｳﾄｳﾎｸﾁｲｷｹｲｻﾞｲｿｳｺﾞｳｹﾝｷｭｳｼﾞｮ</v>
          </cell>
          <cell r="C2560" t="str">
            <v>（財）北海道東北地域経済総合研究所</v>
          </cell>
          <cell r="D2560" t="str">
            <v>工藤 豊彦</v>
          </cell>
          <cell r="E2560" t="str">
            <v>理事長</v>
          </cell>
          <cell r="F2560" t="str">
            <v>101-0051</v>
          </cell>
          <cell r="G2560" t="str">
            <v>東京都千代田区神田神保町３－１２－３</v>
          </cell>
          <cell r="H2560" t="str">
            <v>03-3512-3231</v>
          </cell>
          <cell r="I2560" t="str">
            <v>03-3512-3233</v>
          </cell>
        </row>
        <row r="2561">
          <cell r="A2561" t="str">
            <v>25617P</v>
          </cell>
          <cell r="B2561" t="str">
            <v>ﾎｯｶｲﾄﾞｳﾌｯﾄﾎﾞｰﾙｸﾗﾌﾞ</v>
          </cell>
          <cell r="C2561" t="str">
            <v>（株）北海道フットボールクラブ</v>
          </cell>
          <cell r="D2561" t="str">
            <v>佐々木 利幸</v>
          </cell>
          <cell r="E2561" t="str">
            <v>代表取締役社長</v>
          </cell>
          <cell r="F2561" t="str">
            <v>062-0045</v>
          </cell>
          <cell r="G2561" t="str">
            <v>豊平区羊ヶ丘１</v>
          </cell>
          <cell r="H2561" t="str">
            <v>858-5310</v>
          </cell>
          <cell r="I2561" t="str">
            <v>858-5320</v>
          </cell>
        </row>
        <row r="2562">
          <cell r="A2562" t="str">
            <v>25618Z</v>
          </cell>
          <cell r="B2562" t="str">
            <v>ﾎｹﾝｶｶﾞｸｹﾝｷｭｳｼｮ</v>
          </cell>
          <cell r="C2562" t="str">
            <v>（株）保健科学研究所</v>
          </cell>
          <cell r="D2562" t="str">
            <v>宮 哲正</v>
          </cell>
          <cell r="E2562" t="str">
            <v>代表取締役</v>
          </cell>
          <cell r="F2562" t="str">
            <v>240-0005</v>
          </cell>
          <cell r="G2562" t="str">
            <v>横浜市保土ヶ谷区神戸町１０６</v>
          </cell>
          <cell r="H2562" t="str">
            <v>045-333-1661</v>
          </cell>
          <cell r="I2562" t="str">
            <v>045-333-5153</v>
          </cell>
        </row>
        <row r="2563">
          <cell r="A2563" t="str">
            <v>25620V</v>
          </cell>
          <cell r="B2563" t="str">
            <v>ﾎｯｶｲﾄﾞｳﾀｶﾗﾍﾞﾙﾓﾝﾄ</v>
          </cell>
          <cell r="C2563" t="str">
            <v>（株）北海道タカラベルモント</v>
          </cell>
          <cell r="D2563" t="str">
            <v>吉川 秀隆</v>
          </cell>
          <cell r="E2563" t="str">
            <v>代表取締役</v>
          </cell>
          <cell r="F2563" t="str">
            <v>003-0030</v>
          </cell>
          <cell r="G2563" t="str">
            <v>白石区流通センター１－８－２５</v>
          </cell>
          <cell r="H2563" t="str">
            <v>863-2011</v>
          </cell>
          <cell r="I2563" t="str">
            <v>863-2042</v>
          </cell>
        </row>
        <row r="2564">
          <cell r="A2564" t="str">
            <v>25622P</v>
          </cell>
          <cell r="B2564" t="str">
            <v>ﾎｯｶｲﾄﾞｳｿﾌﾄｳｪｱｷﾞｼﾞｭﾂｶｲﾊﾂｷｺｳ</v>
          </cell>
          <cell r="C2564" t="str">
            <v>（株）北海道ソフトウェア技術開発機構</v>
          </cell>
          <cell r="D2564" t="str">
            <v>岩井 滉</v>
          </cell>
          <cell r="E2564" t="str">
            <v>代表取締役社長</v>
          </cell>
          <cell r="F2564" t="str">
            <v>003-0801</v>
          </cell>
          <cell r="G2564" t="str">
            <v>白石区菊水１－３－１－５ ﾒﾃﾞｨｱ・ﾐｯｸｽ札幌</v>
          </cell>
          <cell r="H2564" t="str">
            <v>816-9700</v>
          </cell>
          <cell r="I2564" t="str">
            <v>820-1166</v>
          </cell>
        </row>
        <row r="2565">
          <cell r="A2565" t="str">
            <v>25623Z</v>
          </cell>
          <cell r="B2565" t="str">
            <v>ﾎｯｺｳ</v>
          </cell>
          <cell r="C2565" t="str">
            <v>（株）ホッコウ</v>
          </cell>
          <cell r="D2565" t="str">
            <v>宮本 悦朗</v>
          </cell>
          <cell r="E2565" t="str">
            <v>代表取締役</v>
          </cell>
          <cell r="F2565" t="str">
            <v>060-0004</v>
          </cell>
          <cell r="G2565" t="str">
            <v>中央区北４西１５－１－１８</v>
          </cell>
          <cell r="H2565" t="str">
            <v>633-3151</v>
          </cell>
          <cell r="I2565" t="str">
            <v>611-3533</v>
          </cell>
        </row>
        <row r="2566">
          <cell r="A2566" t="str">
            <v>25624X</v>
          </cell>
          <cell r="B2566" t="str">
            <v>ﾎｸｿｳｻﾝｷﾞｮｳ</v>
          </cell>
          <cell r="C2566" t="str">
            <v>北創産業（株）</v>
          </cell>
          <cell r="D2566" t="str">
            <v>根本 昌晴</v>
          </cell>
          <cell r="E2566" t="str">
            <v>代表取締役</v>
          </cell>
          <cell r="F2566" t="str">
            <v>002-8081</v>
          </cell>
          <cell r="G2566" t="str">
            <v>北区百合が原１１－１９０</v>
          </cell>
          <cell r="H2566" t="str">
            <v>771-9988</v>
          </cell>
          <cell r="I2566" t="str">
            <v>772-9088</v>
          </cell>
        </row>
        <row r="2567">
          <cell r="A2567" t="str">
            <v>25627N</v>
          </cell>
          <cell r="B2567" t="str">
            <v>ﾎｯｶｲﾄﾞｳﾆﾎﾝﾕｼ</v>
          </cell>
          <cell r="C2567" t="str">
            <v>北海道日本油脂（株）</v>
          </cell>
          <cell r="D2567" t="str">
            <v>服部 勝英</v>
          </cell>
          <cell r="E2567" t="str">
            <v>代表取締役社長</v>
          </cell>
          <cell r="F2567" t="str">
            <v>079-0167</v>
          </cell>
          <cell r="G2567" t="str">
            <v>美唄市字カーウシュナイー５１７－１</v>
          </cell>
          <cell r="H2567" t="str">
            <v>0126-67-2211</v>
          </cell>
          <cell r="I2567" t="str">
            <v>0126-62-1114</v>
          </cell>
        </row>
        <row r="2568">
          <cell r="A2568" t="str">
            <v>25628Y</v>
          </cell>
          <cell r="B2568" t="str">
            <v>ﾎｯｶｲﾄﾞｳﾗｼﾞｵｱｲｿﾄｰﾌﾟｾﾝﾀｰ</v>
          </cell>
          <cell r="C2568" t="str">
            <v>（株）北海道ラジオアイソトープセンター</v>
          </cell>
          <cell r="D2568" t="str">
            <v>青山 利勝</v>
          </cell>
          <cell r="E2568" t="str">
            <v>代表取締役</v>
          </cell>
          <cell r="F2568" t="str">
            <v>064-0926</v>
          </cell>
          <cell r="G2568" t="str">
            <v>中央区南２６西１４－１－１０</v>
          </cell>
          <cell r="H2568" t="str">
            <v>563-5522</v>
          </cell>
          <cell r="I2568" t="str">
            <v>563-5533</v>
          </cell>
        </row>
        <row r="2569">
          <cell r="A2569" t="str">
            <v>25629W</v>
          </cell>
          <cell r="B2569" t="str">
            <v>ﾎｯｶｲﾄｲｼｼｮｳｶｲ</v>
          </cell>
          <cell r="C2569" t="str">
            <v>（株）北海砥石商会</v>
          </cell>
          <cell r="D2569" t="str">
            <v>石川 澄夫</v>
          </cell>
          <cell r="E2569" t="str">
            <v>代表取締役</v>
          </cell>
          <cell r="F2569" t="str">
            <v>003-0808</v>
          </cell>
          <cell r="G2569" t="str">
            <v>白石区菊水８－２－１－１３</v>
          </cell>
          <cell r="H2569" t="str">
            <v>822-4584</v>
          </cell>
          <cell r="I2569" t="str">
            <v>822-4579</v>
          </cell>
        </row>
        <row r="2570">
          <cell r="A2570" t="str">
            <v>25630T</v>
          </cell>
          <cell r="B2570" t="str">
            <v>ｴﾝﾊﾞｲﾛｻｰﾋﾞｽ</v>
          </cell>
          <cell r="C2570" t="str">
            <v>（有）エンバイロサービス</v>
          </cell>
          <cell r="D2570" t="str">
            <v>中藤 勝康</v>
          </cell>
          <cell r="E2570" t="str">
            <v>代表取締役</v>
          </cell>
          <cell r="F2570" t="str">
            <v>062-0041</v>
          </cell>
          <cell r="G2570" t="str">
            <v>豊平区福住１－６－１２－１７</v>
          </cell>
          <cell r="H2570" t="str">
            <v>859-7088</v>
          </cell>
          <cell r="I2570" t="str">
            <v>859-7110</v>
          </cell>
        </row>
        <row r="2571">
          <cell r="A2571" t="str">
            <v>25632N</v>
          </cell>
          <cell r="B2571" t="str">
            <v>ﾎｯｶｲﾄﾞｳﾄｰｺｰ</v>
          </cell>
          <cell r="C2571" t="str">
            <v>北海道トーコー（株）</v>
          </cell>
          <cell r="D2571" t="str">
            <v>赤松 眞次</v>
          </cell>
          <cell r="E2571" t="str">
            <v>取締役社長</v>
          </cell>
          <cell r="F2571" t="str">
            <v>061-1405</v>
          </cell>
          <cell r="G2571" t="str">
            <v>恵庭市戸磯３４５－７</v>
          </cell>
          <cell r="H2571" t="str">
            <v>0123-32-2281</v>
          </cell>
          <cell r="I2571" t="str">
            <v>0123-34-1705</v>
          </cell>
        </row>
        <row r="2572">
          <cell r="A2572" t="str">
            <v>25634W</v>
          </cell>
          <cell r="B2572" t="str">
            <v>ﾎﾝﾀﾞｸﾘｵﾐﾅﾐｻｯﾎﾟﾛ</v>
          </cell>
          <cell r="C2572" t="str">
            <v>（株）ホンダクリオ南札幌</v>
          </cell>
          <cell r="D2572" t="str">
            <v>越川 孝</v>
          </cell>
          <cell r="E2572" t="str">
            <v>代表取締役</v>
          </cell>
          <cell r="F2572" t="str">
            <v>064-0925</v>
          </cell>
          <cell r="G2572" t="str">
            <v>中央区南２５西１１－１－７</v>
          </cell>
          <cell r="H2572" t="str">
            <v>561-8141</v>
          </cell>
          <cell r="I2572" t="str">
            <v>561-6698</v>
          </cell>
        </row>
        <row r="2573">
          <cell r="A2573" t="str">
            <v>25637Z</v>
          </cell>
          <cell r="B2573" t="str">
            <v>ﾎｯｶｲﾄﾞｳﾌｷ</v>
          </cell>
          <cell r="C2573" t="str">
            <v>（株）北海道フキ</v>
          </cell>
          <cell r="D2573" t="str">
            <v>一関 脩</v>
          </cell>
          <cell r="E2573" t="str">
            <v>代表取締役</v>
          </cell>
          <cell r="F2573" t="str">
            <v>061-3244</v>
          </cell>
          <cell r="G2573" t="str">
            <v>石狩市新港南２－３７１８－８</v>
          </cell>
          <cell r="H2573" t="str">
            <v>0133-64-1241</v>
          </cell>
          <cell r="I2573" t="str">
            <v>0133-64-1262</v>
          </cell>
        </row>
        <row r="2574">
          <cell r="A2574" t="str">
            <v>25639Y</v>
          </cell>
          <cell r="B2574" t="str">
            <v>ﾌﾟﾛﾀﾞｸﾄﾎｯｶｲﾄﾞｳ</v>
          </cell>
          <cell r="C2574" t="str">
            <v>（株）プロダクト北海道</v>
          </cell>
          <cell r="D2574" t="str">
            <v>荒谷 治</v>
          </cell>
          <cell r="E2574" t="str">
            <v>代表取締役社長</v>
          </cell>
          <cell r="F2574" t="str">
            <v>065-0043</v>
          </cell>
          <cell r="G2574" t="str">
            <v>東区苗穂町１１－３－３６</v>
          </cell>
          <cell r="H2574" t="str">
            <v>742-6020</v>
          </cell>
          <cell r="I2574" t="str">
            <v>753-1744</v>
          </cell>
        </row>
        <row r="2575">
          <cell r="A2575" t="str">
            <v>25640S</v>
          </cell>
          <cell r="B2575" t="str">
            <v>ﾎｸﾘｮｳﾃｸﾆｶﾙ</v>
          </cell>
          <cell r="C2575" t="str">
            <v>北菱テクニカル（株）</v>
          </cell>
          <cell r="D2575" t="str">
            <v>岩橋 博</v>
          </cell>
          <cell r="E2575" t="str">
            <v>代表取締役</v>
          </cell>
          <cell r="F2575" t="str">
            <v>060-0063</v>
          </cell>
          <cell r="G2575" t="str">
            <v>中央区南３西６－３－２－６０７</v>
          </cell>
          <cell r="H2575" t="str">
            <v>223-5281</v>
          </cell>
          <cell r="I2575" t="str">
            <v>223-5282</v>
          </cell>
        </row>
        <row r="2576">
          <cell r="A2576" t="str">
            <v>25643X</v>
          </cell>
          <cell r="B2576" t="str">
            <v>ﾎｯｶｲﾄﾞｳｺﾝｽﾃｯｸ</v>
          </cell>
          <cell r="C2576" t="str">
            <v>北海道コンステック（株）</v>
          </cell>
          <cell r="D2576" t="str">
            <v>茶家 義明</v>
          </cell>
          <cell r="E2576" t="str">
            <v>代表取締役</v>
          </cell>
          <cell r="F2576" t="str">
            <v>060-0063</v>
          </cell>
          <cell r="G2576" t="str">
            <v>中央区南３西１０－１００１－５ 福山南３条ビル</v>
          </cell>
          <cell r="H2576" t="str">
            <v>218-6040</v>
          </cell>
          <cell r="I2576" t="str">
            <v>218-3850</v>
          </cell>
        </row>
        <row r="2577">
          <cell r="A2577" t="str">
            <v>25644V</v>
          </cell>
          <cell r="B2577" t="str">
            <v>ﾎｸｾﾂ</v>
          </cell>
          <cell r="C2577" t="str">
            <v>（株）ホクセツ</v>
          </cell>
          <cell r="D2577" t="str">
            <v>管 憲男</v>
          </cell>
          <cell r="E2577" t="str">
            <v>代表取締役社長</v>
          </cell>
          <cell r="F2577" t="str">
            <v>060-0007</v>
          </cell>
          <cell r="G2577" t="str">
            <v>中央区北７西１５－２８－１１</v>
          </cell>
          <cell r="H2577" t="str">
            <v>632-8213</v>
          </cell>
          <cell r="I2577" t="str">
            <v>632-8214</v>
          </cell>
        </row>
        <row r="2578">
          <cell r="A2578" t="str">
            <v>25646N</v>
          </cell>
          <cell r="B2578" t="str">
            <v>ﾎﾘｼｮｳﾃﾝ</v>
          </cell>
          <cell r="C2578" t="str">
            <v>（資）堀商店札幌営業所</v>
          </cell>
          <cell r="D2578" t="str">
            <v>古田 幸一</v>
          </cell>
          <cell r="E2578" t="str">
            <v>所長</v>
          </cell>
          <cell r="F2578" t="str">
            <v>060-0033</v>
          </cell>
          <cell r="G2578" t="str">
            <v>中央区北３東２ 中西ビル</v>
          </cell>
          <cell r="H2578" t="str">
            <v>241-6469</v>
          </cell>
          <cell r="I2578" t="str">
            <v>251-5512</v>
          </cell>
        </row>
        <row r="2579">
          <cell r="A2579" t="str">
            <v>25647Y</v>
          </cell>
          <cell r="B2579" t="str">
            <v>ﾎｸﾄﾎﾞｲﾗｰｷﾞｹﾝ</v>
          </cell>
          <cell r="C2579" t="str">
            <v>（有）北都ボイラー技研</v>
          </cell>
          <cell r="D2579" t="str">
            <v>渋谷 岳乗</v>
          </cell>
          <cell r="E2579" t="str">
            <v>代表取締役</v>
          </cell>
          <cell r="F2579" t="str">
            <v>062-0053</v>
          </cell>
          <cell r="G2579" t="str">
            <v>豊平区月寒東３－１８－１２－１０</v>
          </cell>
          <cell r="H2579" t="str">
            <v>855-0554</v>
          </cell>
          <cell r="I2579" t="str">
            <v>855-0554</v>
          </cell>
        </row>
        <row r="2580">
          <cell r="A2580" t="str">
            <v>25648W</v>
          </cell>
          <cell r="B2580" t="str">
            <v>ﾎﾝﾀﾞｸﾘｵｻｯﾎﾟﾛﾋｶﾞｼ</v>
          </cell>
          <cell r="C2580" t="str">
            <v>（株）ホンダクリオ札幌東</v>
          </cell>
          <cell r="D2580" t="str">
            <v>高田 芳夫</v>
          </cell>
          <cell r="E2580" t="str">
            <v>代表取締役</v>
          </cell>
          <cell r="F2580" t="str">
            <v>003-0022</v>
          </cell>
          <cell r="G2580" t="str">
            <v>白石区南郷通３南７－１３</v>
          </cell>
          <cell r="H2580" t="str">
            <v>865-5100</v>
          </cell>
          <cell r="I2580" t="str">
            <v>867-2231</v>
          </cell>
        </row>
        <row r="2581">
          <cell r="A2581" t="str">
            <v>25649T</v>
          </cell>
          <cell r="B2581" t="str">
            <v>ﾎｯｶｲﾄﾞｳﾋﾞﾙｳｪｱ</v>
          </cell>
          <cell r="C2581" t="str">
            <v>北海道ビルウェア（株）</v>
          </cell>
          <cell r="D2581" t="str">
            <v>高野 一彦</v>
          </cell>
          <cell r="E2581" t="str">
            <v>代表取締役</v>
          </cell>
          <cell r="F2581" t="str">
            <v>001-0036</v>
          </cell>
          <cell r="G2581" t="str">
            <v>北区北３６西４－２－５</v>
          </cell>
          <cell r="H2581" t="str">
            <v>707-8935</v>
          </cell>
          <cell r="I2581" t="str">
            <v>707-8931</v>
          </cell>
        </row>
        <row r="2582">
          <cell r="A2582" t="str">
            <v>25650R</v>
          </cell>
          <cell r="B2582" t="str">
            <v>ﾎｯｶｲﾄﾞｳｷｯﾄｳﾝｿｳｼﾞｷﾞｮｳ</v>
          </cell>
          <cell r="C2582" t="str">
            <v>北海道キット運送事業（協）</v>
          </cell>
          <cell r="D2582" t="str">
            <v>穴山 正信</v>
          </cell>
          <cell r="E2582" t="str">
            <v>代表理事</v>
          </cell>
          <cell r="F2582" t="str">
            <v>003-0030</v>
          </cell>
          <cell r="G2582" t="str">
            <v>白石区流通センター５－６－４３</v>
          </cell>
          <cell r="H2582" t="str">
            <v>861-5137</v>
          </cell>
          <cell r="I2582" t="str">
            <v>863-0202</v>
          </cell>
        </row>
        <row r="2583">
          <cell r="A2583" t="str">
            <v>25651N</v>
          </cell>
          <cell r="B2583" t="str">
            <v>ﾎｯｶｲﾄﾞｳﾎﾞｳｻｲﾘｰｽ</v>
          </cell>
          <cell r="C2583" t="str">
            <v>北海道防災リース（株）</v>
          </cell>
          <cell r="D2583" t="str">
            <v>河越 秀一</v>
          </cell>
          <cell r="E2583" t="str">
            <v>代表取締役</v>
          </cell>
          <cell r="F2583" t="str">
            <v>003-0029</v>
          </cell>
          <cell r="G2583" t="str">
            <v>白石区平和通３北２－１１</v>
          </cell>
          <cell r="H2583" t="str">
            <v>862-7669</v>
          </cell>
          <cell r="I2583" t="str">
            <v>862-7674</v>
          </cell>
        </row>
        <row r="2584">
          <cell r="A2584" t="str">
            <v>25652Y</v>
          </cell>
          <cell r="B2584" t="str">
            <v>ﾎｸﾖｳｺｳｹﾞｲ</v>
          </cell>
          <cell r="C2584" t="str">
            <v>北洋工芸（株）</v>
          </cell>
          <cell r="D2584" t="str">
            <v>小松 信弘</v>
          </cell>
          <cell r="E2584" t="str">
            <v>代表取締役</v>
          </cell>
          <cell r="F2584" t="str">
            <v>064-0915</v>
          </cell>
          <cell r="G2584" t="str">
            <v>中央区南１５西９－２－１</v>
          </cell>
          <cell r="H2584" t="str">
            <v>511-6954</v>
          </cell>
          <cell r="I2584" t="str">
            <v>511-6955</v>
          </cell>
        </row>
        <row r="2585">
          <cell r="A2585" t="str">
            <v>25653W</v>
          </cell>
          <cell r="B2585" t="str">
            <v>ﾎｯｷｮｳ</v>
          </cell>
          <cell r="C2585" t="str">
            <v>（株）ほっきょう第１事業本部札幌営業所</v>
          </cell>
          <cell r="D2585" t="str">
            <v>山野 誠</v>
          </cell>
          <cell r="E2585" t="str">
            <v>札幌営業所長</v>
          </cell>
          <cell r="F2585" t="str">
            <v>001-0011</v>
          </cell>
          <cell r="G2585" t="str">
            <v>北区北１１西２－１０－４ｾﾝﾄﾗﾙ札幌北ﾋﾞﾙ３F</v>
          </cell>
          <cell r="H2585" t="str">
            <v>709-5181</v>
          </cell>
          <cell r="I2585" t="str">
            <v>709-5183</v>
          </cell>
        </row>
        <row r="2586">
          <cell r="A2586" t="str">
            <v>25655P</v>
          </cell>
          <cell r="B2586" t="str">
            <v>ﾎｯｶｲﾄﾞｳﾍﾞﾝﾁｬｰｷｬﾋﾟﾀﾙ</v>
          </cell>
          <cell r="C2586" t="str">
            <v>北海道ベンチャーキャピタル（株）</v>
          </cell>
          <cell r="D2586" t="str">
            <v>松田 一敬</v>
          </cell>
          <cell r="E2586" t="str">
            <v>代表取締役</v>
          </cell>
          <cell r="F2586" t="str">
            <v>060-0809</v>
          </cell>
          <cell r="G2586" t="str">
            <v>北区北９西２－４－１</v>
          </cell>
          <cell r="H2586" t="str">
            <v>738-7380</v>
          </cell>
          <cell r="I2586" t="str">
            <v>738-7387</v>
          </cell>
        </row>
        <row r="2587">
          <cell r="A2587" t="str">
            <v>25658V</v>
          </cell>
          <cell r="B2587" t="str">
            <v>ﾎｯｷｮｳﾚﾝﾗｸｼｬｶﾝﾘ</v>
          </cell>
          <cell r="C2587" t="str">
            <v>北協連絡車管理（株）</v>
          </cell>
          <cell r="D2587" t="str">
            <v>高橋 守</v>
          </cell>
          <cell r="E2587" t="str">
            <v>代表取締役社長</v>
          </cell>
          <cell r="F2587" t="str">
            <v>001-0011</v>
          </cell>
          <cell r="G2587" t="str">
            <v>北区北１１西２－１０－４セントラル札幌北ビル</v>
          </cell>
          <cell r="H2587" t="str">
            <v>709-5171</v>
          </cell>
          <cell r="I2587" t="str">
            <v>709-5510</v>
          </cell>
        </row>
        <row r="2588">
          <cell r="A2588" t="str">
            <v>25659S</v>
          </cell>
          <cell r="B2588" t="str">
            <v>ﾎｸﾖｳ</v>
          </cell>
          <cell r="C2588" t="str">
            <v>（株）北洋</v>
          </cell>
          <cell r="D2588" t="str">
            <v>大島 修一</v>
          </cell>
          <cell r="E2588" t="str">
            <v>代表取締役</v>
          </cell>
          <cell r="F2588" t="str">
            <v>064-0925</v>
          </cell>
          <cell r="G2588" t="str">
            <v>中央区南２５西１１－１－２０</v>
          </cell>
          <cell r="H2588" t="str">
            <v>520-0790</v>
          </cell>
          <cell r="I2588" t="str">
            <v>520-0799</v>
          </cell>
        </row>
        <row r="2589">
          <cell r="A2589" t="str">
            <v>25660P</v>
          </cell>
          <cell r="B2589" t="str">
            <v>ﾎｯｶｲﾄﾞｳﾀﾞｲｲﾁﾌｰｽﾞ</v>
          </cell>
          <cell r="C2589" t="str">
            <v>北海道第一フーズ（株）</v>
          </cell>
          <cell r="D2589" t="str">
            <v>平野 弘昭</v>
          </cell>
          <cell r="E2589" t="str">
            <v>代表取締役</v>
          </cell>
          <cell r="F2589" t="str">
            <v>065-0016</v>
          </cell>
          <cell r="G2589" t="str">
            <v>東区北１６東５－４－３</v>
          </cell>
          <cell r="H2589" t="str">
            <v>721-7111</v>
          </cell>
          <cell r="I2589" t="str">
            <v>721-7112</v>
          </cell>
        </row>
        <row r="2590">
          <cell r="A2590" t="str">
            <v>25661Z</v>
          </cell>
          <cell r="B2590" t="str">
            <v>ﾎｯｶｲﾄﾞｳﾊﾟｰｸｼｽﾃﾑ</v>
          </cell>
          <cell r="C2590" t="str">
            <v>（有）北海道パークシステム</v>
          </cell>
          <cell r="D2590" t="str">
            <v>松岡 誠</v>
          </cell>
          <cell r="E2590" t="str">
            <v>代表取締役</v>
          </cell>
          <cell r="F2590" t="str">
            <v>007-0873</v>
          </cell>
          <cell r="G2590" t="str">
            <v>東区伏古１３－５－１０－５</v>
          </cell>
          <cell r="H2590" t="str">
            <v>781-4077</v>
          </cell>
          <cell r="I2590" t="str">
            <v>781-4088</v>
          </cell>
        </row>
        <row r="2591">
          <cell r="A2591" t="str">
            <v>25662X</v>
          </cell>
          <cell r="B2591" t="str">
            <v>ﾎｯｶｲﾄﾞｳﾌｰｽﾞﾕｿｳ</v>
          </cell>
          <cell r="C2591" t="str">
            <v>北海道フーズ輸送（株）</v>
          </cell>
          <cell r="D2591" t="str">
            <v>渡邊 英俊</v>
          </cell>
          <cell r="E2591" t="str">
            <v>代表取締役</v>
          </cell>
          <cell r="F2591" t="str">
            <v>063-0828</v>
          </cell>
          <cell r="G2591" t="str">
            <v>西区発寒８－１１－２－４３</v>
          </cell>
          <cell r="H2591" t="str">
            <v>662-9451</v>
          </cell>
          <cell r="I2591" t="str">
            <v>662-9584</v>
          </cell>
        </row>
        <row r="2592">
          <cell r="A2592" t="str">
            <v>25663V</v>
          </cell>
          <cell r="B2592" t="str">
            <v>ﾎｯｶｲﾄﾞｳﾕｳﾋﾞﾝﾃｲｿｳ</v>
          </cell>
          <cell r="C2592" t="str">
            <v>北海道郵便逓送（株）</v>
          </cell>
          <cell r="D2592" t="str">
            <v>林 誠三</v>
          </cell>
          <cell r="E2592" t="str">
            <v>代表取締役</v>
          </cell>
          <cell r="F2592" t="str">
            <v>060-0908</v>
          </cell>
          <cell r="G2592" t="str">
            <v>東区北８東１－２－１</v>
          </cell>
          <cell r="H2592" t="str">
            <v>731-6131</v>
          </cell>
          <cell r="I2592" t="str">
            <v>702-9436</v>
          </cell>
        </row>
        <row r="2593">
          <cell r="A2593" t="str">
            <v>25664S</v>
          </cell>
          <cell r="B2593" t="str">
            <v>ﾎｯｶｲｼﾌﾞｻﾜﾌﾞﾂﾘｭｳ</v>
          </cell>
          <cell r="C2593" t="str">
            <v>北海澁澤物流（株）</v>
          </cell>
          <cell r="D2593" t="str">
            <v>岸本 正和</v>
          </cell>
          <cell r="E2593" t="str">
            <v>代表取締役</v>
          </cell>
          <cell r="F2593" t="str">
            <v>003-0013</v>
          </cell>
          <cell r="G2593" t="str">
            <v>白石区白石中央３－４－３－４６</v>
          </cell>
          <cell r="H2593" t="str">
            <v>821-4131</v>
          </cell>
          <cell r="I2593" t="str">
            <v>811-2130</v>
          </cell>
        </row>
        <row r="2594">
          <cell r="A2594" t="str">
            <v>25665N</v>
          </cell>
          <cell r="B2594" t="str">
            <v>ﾎｸﾄｹｲﾋﾞ</v>
          </cell>
          <cell r="C2594" t="str">
            <v>（株）北斗警備</v>
          </cell>
          <cell r="D2594" t="str">
            <v>棒手 雅人</v>
          </cell>
          <cell r="E2594" t="str">
            <v>代表取締役社長</v>
          </cell>
          <cell r="F2594" t="str">
            <v>060-0807</v>
          </cell>
          <cell r="G2594" t="str">
            <v>北区北７西６－２－３４キタノビル１階</v>
          </cell>
          <cell r="H2594" t="str">
            <v>738-8211</v>
          </cell>
          <cell r="I2594" t="str">
            <v>738-8212</v>
          </cell>
        </row>
        <row r="2595">
          <cell r="A2595" t="str">
            <v>25666Y</v>
          </cell>
          <cell r="B2595" t="str">
            <v>ﾎｼｲﾘｮｳｻﾝｷ</v>
          </cell>
          <cell r="C2595" t="str">
            <v>（株）星医療酸器札幌営業所</v>
          </cell>
          <cell r="D2595" t="str">
            <v>塚田 浩二</v>
          </cell>
          <cell r="E2595" t="str">
            <v>所長</v>
          </cell>
          <cell r="F2595" t="str">
            <v>063-0031</v>
          </cell>
          <cell r="G2595" t="str">
            <v>西区西野１－６－４－１２</v>
          </cell>
          <cell r="H2595" t="str">
            <v>671-3601</v>
          </cell>
          <cell r="I2595" t="str">
            <v>671-3602</v>
          </cell>
        </row>
        <row r="2596">
          <cell r="A2596" t="str">
            <v>25667W</v>
          </cell>
          <cell r="B2596" t="str">
            <v>ﾎｸﾉｰ</v>
          </cell>
          <cell r="C2596" t="str">
            <v>（株）ホクノー</v>
          </cell>
          <cell r="D2596" t="str">
            <v>野地 武</v>
          </cell>
          <cell r="E2596" t="str">
            <v>代表取締役</v>
          </cell>
          <cell r="F2596" t="str">
            <v>004-0014</v>
          </cell>
          <cell r="G2596" t="str">
            <v>厚別区もみじ台北７－１－２</v>
          </cell>
          <cell r="H2596" t="str">
            <v>897-2012</v>
          </cell>
          <cell r="I2596" t="str">
            <v>897-2046</v>
          </cell>
        </row>
        <row r="2597">
          <cell r="A2597" t="str">
            <v>25668T</v>
          </cell>
          <cell r="B2597" t="str">
            <v>ﾎｯｶｲﾄﾞｳｱﾙﾊﾞｲﾄｼﾞｮｳﾎｳｼｬ</v>
          </cell>
          <cell r="C2597" t="str">
            <v>（株）北海道アルバイト情報社</v>
          </cell>
          <cell r="D2597" t="str">
            <v>村井 俊朗</v>
          </cell>
          <cell r="E2597" t="str">
            <v>代表取締役</v>
          </cell>
          <cell r="F2597" t="str">
            <v>060-8647</v>
          </cell>
          <cell r="G2597" t="str">
            <v>中央区南２西６－１３－１</v>
          </cell>
          <cell r="H2597" t="str">
            <v>223-3666</v>
          </cell>
          <cell r="I2597" t="str">
            <v>223-3667</v>
          </cell>
        </row>
        <row r="2598">
          <cell r="A2598" t="str">
            <v>25669R</v>
          </cell>
          <cell r="B2598" t="str">
            <v>ﾎｯｶｲﾄﾞｳｴｺﾘｻｲｸﾙｼｽﾃﾑｽﾞ</v>
          </cell>
          <cell r="C2598" t="str">
            <v>北海道エコリサイクルシステムズ（株）</v>
          </cell>
          <cell r="D2598" t="str">
            <v>吉田 雅志</v>
          </cell>
          <cell r="E2598" t="str">
            <v>代表取締役</v>
          </cell>
          <cell r="F2598" t="str">
            <v>059-1362</v>
          </cell>
          <cell r="G2598" t="str">
            <v>苫小牧市字柏原６－２６９</v>
          </cell>
          <cell r="H2598" t="str">
            <v>0144-53-9307</v>
          </cell>
          <cell r="I2598" t="str">
            <v>0144-53-1699</v>
          </cell>
        </row>
        <row r="2599">
          <cell r="A2599" t="str">
            <v>25671Y</v>
          </cell>
          <cell r="B2599" t="str">
            <v>ﾎｸﾎﾞｳｹﾝｼｮｳ</v>
          </cell>
          <cell r="C2599" t="str">
            <v>北防建商（株）</v>
          </cell>
          <cell r="D2599" t="str">
            <v>菅原 邦雄</v>
          </cell>
          <cell r="E2599" t="str">
            <v>代表取締役</v>
          </cell>
          <cell r="F2599" t="str">
            <v>007-0850</v>
          </cell>
          <cell r="G2599" t="str">
            <v>東区北５０東７－７－８</v>
          </cell>
          <cell r="H2599" t="str">
            <v>752-3251</v>
          </cell>
          <cell r="I2599" t="str">
            <v>752-3748</v>
          </cell>
        </row>
        <row r="2600">
          <cell r="A2600" t="str">
            <v>25672W</v>
          </cell>
          <cell r="B2600" t="str">
            <v>ｼﾞｰｴﾑｴｲﾁ</v>
          </cell>
          <cell r="C2600" t="str">
            <v>（株）ジーエムエイチ</v>
          </cell>
          <cell r="D2600" t="str">
            <v>後藤 昇</v>
          </cell>
          <cell r="E2600" t="str">
            <v>代表取締役</v>
          </cell>
          <cell r="F2600" t="str">
            <v>060-0005</v>
          </cell>
          <cell r="G2600" t="str">
            <v>中央区北５西１６－１－６</v>
          </cell>
          <cell r="H2600" t="str">
            <v>613-7181</v>
          </cell>
          <cell r="I2600" t="str">
            <v>613-7191</v>
          </cell>
        </row>
        <row r="2601">
          <cell r="A2601" t="str">
            <v>25673T</v>
          </cell>
          <cell r="B2601" t="str">
            <v>ﾎｸｵｳｶﾝﾃｲｻｰﾋﾞｽ</v>
          </cell>
          <cell r="C2601" t="str">
            <v>北央鑑定サービス（株）</v>
          </cell>
          <cell r="D2601" t="str">
            <v>堀川 裕巳</v>
          </cell>
          <cell r="E2601" t="str">
            <v>代表取締役</v>
          </cell>
          <cell r="F2601" t="str">
            <v>060-0053</v>
          </cell>
          <cell r="G2601" t="str">
            <v>中央区南３東４－１</v>
          </cell>
          <cell r="H2601" t="str">
            <v>219-0009</v>
          </cell>
          <cell r="I2601" t="str">
            <v>219-1068</v>
          </cell>
        </row>
        <row r="2602">
          <cell r="A2602" t="str">
            <v>25674R</v>
          </cell>
          <cell r="B2602" t="str">
            <v>ﾎｳｼﾞｭﾌﾞｯｻﾝ</v>
          </cell>
          <cell r="C2602" t="str">
            <v>（株）宝珠物産</v>
          </cell>
          <cell r="D2602" t="str">
            <v>渡部 宗男</v>
          </cell>
          <cell r="E2602" t="str">
            <v>代表取締役</v>
          </cell>
          <cell r="F2602" t="str">
            <v>062-0905</v>
          </cell>
          <cell r="G2602" t="str">
            <v>豊平区豊平５－８－２－５</v>
          </cell>
          <cell r="H2602" t="str">
            <v>822-2911</v>
          </cell>
          <cell r="I2602" t="str">
            <v>822-2894</v>
          </cell>
        </row>
        <row r="2603">
          <cell r="A2603" t="str">
            <v>25675Z</v>
          </cell>
          <cell r="B2603" t="str">
            <v>ﾎｸﾖｳｼﾞｮｳﾎｳｼｽﾃﾑ</v>
          </cell>
          <cell r="C2603" t="str">
            <v>北洋情報システム（株）</v>
          </cell>
          <cell r="D2603" t="str">
            <v>村椿 雅俊</v>
          </cell>
          <cell r="E2603" t="str">
            <v>代表取締役</v>
          </cell>
          <cell r="F2603" t="str">
            <v>060-0032</v>
          </cell>
          <cell r="G2603" t="str">
            <v>中央区北２東２－１－２４</v>
          </cell>
          <cell r="H2603" t="str">
            <v>210-6634</v>
          </cell>
          <cell r="I2603" t="str">
            <v>210-6643</v>
          </cell>
        </row>
        <row r="2604">
          <cell r="A2604" t="str">
            <v>25676X</v>
          </cell>
          <cell r="B2604" t="str">
            <v>ﾎｯｶｲｼｰﾘﾝｸﾞ</v>
          </cell>
          <cell r="C2604" t="str">
            <v>北海シーリング（株）</v>
          </cell>
          <cell r="D2604" t="str">
            <v>有原 常貴</v>
          </cell>
          <cell r="E2604" t="str">
            <v>代表取締役</v>
          </cell>
          <cell r="F2604" t="str">
            <v>063-0831</v>
          </cell>
          <cell r="G2604" t="str">
            <v>西区発寒１１－１４－１０６７－４</v>
          </cell>
          <cell r="H2604" t="str">
            <v>665-1271</v>
          </cell>
          <cell r="I2604" t="str">
            <v>662-5780</v>
          </cell>
        </row>
        <row r="2605">
          <cell r="A2605" t="str">
            <v>25677V</v>
          </cell>
          <cell r="B2605" t="str">
            <v>ﾎｯｶｲﾄﾞｳｶﾝｺｳｼﾞｷﾞｮｳ</v>
          </cell>
          <cell r="C2605" t="str">
            <v>北海道観光事業（株）</v>
          </cell>
          <cell r="D2605" t="str">
            <v>鈴木 俊雄</v>
          </cell>
          <cell r="E2605" t="str">
            <v>取締役社長</v>
          </cell>
          <cell r="F2605" t="str">
            <v>060-0042</v>
          </cell>
          <cell r="G2605" t="str">
            <v>中央区大通西１</v>
          </cell>
          <cell r="H2605" t="str">
            <v>241-1131</v>
          </cell>
          <cell r="I2605" t="str">
            <v>271-3680</v>
          </cell>
        </row>
        <row r="2606">
          <cell r="A2606" t="str">
            <v>25682V</v>
          </cell>
          <cell r="B2606" t="str">
            <v>ﾎｯｶｲﾄﾞｳｼﾝﾘﾝﾎｾﾞﾝｷｮｳｶｲ</v>
          </cell>
          <cell r="C2606" t="str">
            <v>（財）北海道森林保全協会</v>
          </cell>
          <cell r="D2606" t="str">
            <v>阿部 正太郎</v>
          </cell>
          <cell r="E2606" t="str">
            <v>会長</v>
          </cell>
          <cell r="F2606" t="str">
            <v>060-0004</v>
          </cell>
          <cell r="G2606" t="str">
            <v>中央区北４西５－１</v>
          </cell>
          <cell r="H2606" t="str">
            <v>251-3416</v>
          </cell>
          <cell r="I2606" t="str">
            <v>251-3416</v>
          </cell>
        </row>
        <row r="2607">
          <cell r="A2607" t="str">
            <v>25683S</v>
          </cell>
          <cell r="B2607" t="str">
            <v>ﾎｯｶｲﾄﾞｳﾆｯｼﾝ</v>
          </cell>
          <cell r="C2607" t="str">
            <v>（株）北海道日新</v>
          </cell>
          <cell r="D2607" t="str">
            <v>志賀 孝治</v>
          </cell>
          <cell r="E2607" t="str">
            <v>代表取締役</v>
          </cell>
          <cell r="F2607" t="str">
            <v>007-0801</v>
          </cell>
          <cell r="G2607" t="str">
            <v>東区東苗穂１－３－１－１０</v>
          </cell>
          <cell r="H2607" t="str">
            <v>781-2511</v>
          </cell>
          <cell r="I2607" t="str">
            <v>787-4578</v>
          </cell>
        </row>
        <row r="2608">
          <cell r="A2608" t="str">
            <v>25685Y</v>
          </cell>
          <cell r="B2608" t="str">
            <v>ﾎｯｶｲﾄﾞｳﾂﾅﾈﾝｶﾞｽﾊﾝﾊﾞｲ</v>
          </cell>
          <cell r="C2608" t="str">
            <v>北海道ツナネンガス販売（株）</v>
          </cell>
          <cell r="D2608" t="str">
            <v>松尾 英嗣</v>
          </cell>
          <cell r="E2608" t="str">
            <v>代表取締役</v>
          </cell>
          <cell r="F2608" t="str">
            <v>003-0873</v>
          </cell>
          <cell r="G2608" t="str">
            <v>白石区米里３－２－９－２</v>
          </cell>
          <cell r="H2608" t="str">
            <v>874-7411</v>
          </cell>
          <cell r="I2608" t="str">
            <v>874-7416</v>
          </cell>
        </row>
        <row r="2609">
          <cell r="A2609" t="str">
            <v>25686W</v>
          </cell>
          <cell r="B2609" t="str">
            <v>ﾎｯｶｲﾄﾞｳｲｼﾀﾞ</v>
          </cell>
          <cell r="C2609" t="str">
            <v>北海道イシダ（株）</v>
          </cell>
          <cell r="D2609" t="str">
            <v>山本 諭</v>
          </cell>
          <cell r="E2609" t="str">
            <v>代表取締役</v>
          </cell>
          <cell r="F2609" t="str">
            <v>003-0026</v>
          </cell>
          <cell r="G2609" t="str">
            <v>白石区本通１南１－１０</v>
          </cell>
          <cell r="H2609" t="str">
            <v>863-4111</v>
          </cell>
          <cell r="I2609" t="str">
            <v>863-3553</v>
          </cell>
        </row>
        <row r="2610">
          <cell r="A2610" t="str">
            <v>25688R</v>
          </cell>
          <cell r="B2610" t="str">
            <v>ﾎｯｶｲﾄﾞｳﾆｯｺｳﾃﾞﾝｷﾂｳｼﾝ</v>
          </cell>
          <cell r="C2610" t="str">
            <v>北海道日興電気通信（株）</v>
          </cell>
          <cell r="D2610" t="str">
            <v>山中 秀一</v>
          </cell>
          <cell r="E2610" t="str">
            <v>代表取締役</v>
          </cell>
          <cell r="F2610" t="str">
            <v>066-0051</v>
          </cell>
          <cell r="G2610" t="str">
            <v>千歳市泉沢１００７－１３２</v>
          </cell>
          <cell r="H2610" t="str">
            <v>0123-28-1201</v>
          </cell>
          <cell r="I2610" t="str">
            <v>0123-28-2299</v>
          </cell>
        </row>
        <row r="2611">
          <cell r="A2611" t="str">
            <v>25689N</v>
          </cell>
          <cell r="B2611" t="str">
            <v>ﾎｯｶｲﾄﾞｳｷﾘﾝﾋﾞﾊﾞﾚｯｼﾞｻｰﾋﾞｽ</v>
          </cell>
          <cell r="C2611" t="str">
            <v>北海道キリンビバレッジサービス（株）</v>
          </cell>
          <cell r="D2611" t="str">
            <v>長町 正司</v>
          </cell>
          <cell r="E2611" t="str">
            <v>取締役社長</v>
          </cell>
          <cell r="F2611" t="str">
            <v>003-0803</v>
          </cell>
          <cell r="G2611" t="str">
            <v>白石区菊水３－５－３－２３</v>
          </cell>
          <cell r="H2611" t="str">
            <v>822-5571</v>
          </cell>
          <cell r="I2611" t="str">
            <v>841-6199</v>
          </cell>
        </row>
        <row r="2612">
          <cell r="A2612" t="str">
            <v>25690Y</v>
          </cell>
          <cell r="B2612" t="str">
            <v>ﾎｯｶｲﾄﾞｳﾋｭｰﾏﾝ･ﾘｿｰｽ</v>
          </cell>
          <cell r="C2612" t="str">
            <v>（株）北海道ヒューマン・リソース</v>
          </cell>
          <cell r="D2612" t="str">
            <v>村井 俊朗</v>
          </cell>
          <cell r="E2612" t="str">
            <v>代表取締役</v>
          </cell>
          <cell r="F2612" t="str">
            <v>060-0062</v>
          </cell>
          <cell r="G2612" t="str">
            <v>中央区南２西６－１３－１</v>
          </cell>
          <cell r="H2612" t="str">
            <v>251-3433</v>
          </cell>
          <cell r="I2612" t="str">
            <v>251-3411</v>
          </cell>
        </row>
        <row r="2613">
          <cell r="A2613" t="str">
            <v>25692T</v>
          </cell>
          <cell r="B2613" t="str">
            <v>ﾎﾝﾀﾞﾌﾟﾘﾓｷﾀｻｯﾎﾟﾛ</v>
          </cell>
          <cell r="C2613" t="str">
            <v>（株）ホンダプリモ北札幌</v>
          </cell>
          <cell r="D2613" t="str">
            <v>菊地 弘嗣</v>
          </cell>
          <cell r="E2613" t="str">
            <v>代表取締役</v>
          </cell>
          <cell r="F2613" t="str">
            <v>065-0042</v>
          </cell>
          <cell r="G2613" t="str">
            <v>東区本町２－３－８－７</v>
          </cell>
          <cell r="H2613" t="str">
            <v>782-4101</v>
          </cell>
          <cell r="I2613" t="str">
            <v>781-8621</v>
          </cell>
        </row>
        <row r="2614">
          <cell r="A2614" t="str">
            <v>25693R</v>
          </cell>
          <cell r="B2614" t="str">
            <v>ﾎｯｶｲﾄﾞｳﾁｬｲﾅﾜｰｸ</v>
          </cell>
          <cell r="C2614" t="str">
            <v>（有）北海道チャイナワーク</v>
          </cell>
          <cell r="D2614" t="str">
            <v>張 相律</v>
          </cell>
          <cell r="E2614" t="str">
            <v>代表取締役</v>
          </cell>
          <cell r="F2614" t="str">
            <v>060-0808</v>
          </cell>
          <cell r="G2614" t="str">
            <v>北区北８西５－１ＦＳビル</v>
          </cell>
          <cell r="H2614" t="str">
            <v>708-3880</v>
          </cell>
          <cell r="I2614" t="str">
            <v>708-3868</v>
          </cell>
        </row>
        <row r="2615">
          <cell r="A2615" t="str">
            <v>25694N</v>
          </cell>
          <cell r="B2615" t="str">
            <v>ﾎｯｶｲｻﾝｷｮｳ</v>
          </cell>
          <cell r="C2615" t="str">
            <v>北海三共（株）</v>
          </cell>
          <cell r="D2615" t="str">
            <v>津田 憲一郎</v>
          </cell>
          <cell r="E2615" t="str">
            <v>代表取締役</v>
          </cell>
          <cell r="F2615" t="str">
            <v>061-1111</v>
          </cell>
          <cell r="G2615" t="str">
            <v>北広島市北の里２７－４</v>
          </cell>
          <cell r="H2615" t="str">
            <v>372-5711</v>
          </cell>
          <cell r="I2615" t="str">
            <v>370-2055</v>
          </cell>
        </row>
        <row r="2616">
          <cell r="A2616" t="str">
            <v>25695X</v>
          </cell>
          <cell r="B2616" t="str">
            <v>ﾎｸﾄｿｳｹﾝ</v>
          </cell>
          <cell r="C2616" t="str">
            <v>（株）北斗総研</v>
          </cell>
          <cell r="D2616" t="str">
            <v>焼田 美紀</v>
          </cell>
          <cell r="E2616" t="str">
            <v>代表取締役</v>
          </cell>
          <cell r="F2616" t="str">
            <v>005-0805</v>
          </cell>
          <cell r="G2616" t="str">
            <v>南区川沿５－２－７－１８</v>
          </cell>
          <cell r="H2616" t="str">
            <v>222-3411</v>
          </cell>
          <cell r="I2616" t="str">
            <v>222-3412</v>
          </cell>
        </row>
        <row r="2617">
          <cell r="A2617" t="str">
            <v>25696V</v>
          </cell>
          <cell r="B2617" t="str">
            <v>ﾎｸｵｳｼｬｼﾝ</v>
          </cell>
          <cell r="C2617" t="str">
            <v>北旺写真（株）</v>
          </cell>
          <cell r="D2617" t="str">
            <v>中井 尚史</v>
          </cell>
          <cell r="E2617" t="str">
            <v>代表取締役</v>
          </cell>
          <cell r="F2617" t="str">
            <v>003-0871</v>
          </cell>
          <cell r="G2617" t="str">
            <v>白石区米里１－３－２－２５</v>
          </cell>
          <cell r="H2617" t="str">
            <v>876-3777</v>
          </cell>
          <cell r="I2617" t="str">
            <v>876-3778</v>
          </cell>
        </row>
        <row r="2618">
          <cell r="A2618" t="str">
            <v>25697S</v>
          </cell>
          <cell r="B2618" t="str">
            <v>ﾎｸｵｳﾃﾞﾝｼ</v>
          </cell>
          <cell r="C2618" t="str">
            <v>北欧電子（株）</v>
          </cell>
          <cell r="D2618" t="str">
            <v>宮武 怜一</v>
          </cell>
          <cell r="E2618" t="str">
            <v>代表取締役</v>
          </cell>
          <cell r="F2618" t="str">
            <v>063-0033</v>
          </cell>
          <cell r="G2618" t="str">
            <v>西区西野３－３－５－１</v>
          </cell>
          <cell r="H2618" t="str">
            <v>661-2414</v>
          </cell>
          <cell r="I2618" t="str">
            <v>665-8396</v>
          </cell>
        </row>
        <row r="2619">
          <cell r="A2619" t="str">
            <v>26001X</v>
          </cell>
          <cell r="B2619" t="str">
            <v>ﾏﾙｷﾝｷｺｳ</v>
          </cell>
          <cell r="C2619" t="str">
            <v>マルキン機鋼（株）</v>
          </cell>
          <cell r="D2619" t="str">
            <v>佐藤 隆</v>
          </cell>
          <cell r="E2619" t="str">
            <v>代表取締役</v>
          </cell>
          <cell r="F2619" t="str">
            <v>060-0053</v>
          </cell>
          <cell r="G2619" t="str">
            <v>中央区南３東３－６</v>
          </cell>
          <cell r="H2619" t="str">
            <v>241-2681</v>
          </cell>
          <cell r="I2619" t="str">
            <v>0133-73-6698</v>
          </cell>
        </row>
        <row r="2620">
          <cell r="A2620" t="str">
            <v>26002V</v>
          </cell>
          <cell r="B2620" t="str">
            <v>ﾏﾙﾁﾃｯｸｽ</v>
          </cell>
          <cell r="C2620" t="str">
            <v>（株）マルチテックス</v>
          </cell>
          <cell r="D2620" t="str">
            <v>福島 隆幸</v>
          </cell>
          <cell r="E2620" t="str">
            <v>代表取締役</v>
          </cell>
          <cell r="F2620" t="str">
            <v>003-0823</v>
          </cell>
          <cell r="G2620" t="str">
            <v>白石区菊水元町３－２－３－２１</v>
          </cell>
          <cell r="H2620" t="str">
            <v>872-7060</v>
          </cell>
          <cell r="I2620" t="str">
            <v>872-7062</v>
          </cell>
        </row>
        <row r="2621">
          <cell r="A2621" t="str">
            <v>26005Y</v>
          </cell>
          <cell r="B2621" t="str">
            <v>ﾏﾙｾﾞﾝ</v>
          </cell>
          <cell r="C2621" t="str">
            <v>（株）マルゼン北海道営業所</v>
          </cell>
          <cell r="D2621" t="str">
            <v>吉室 晋</v>
          </cell>
          <cell r="E2621" t="str">
            <v>所長</v>
          </cell>
          <cell r="F2621" t="str">
            <v>003-0834</v>
          </cell>
          <cell r="G2621" t="str">
            <v>白石区北郷４－２－１－８</v>
          </cell>
          <cell r="H2621" t="str">
            <v>874-5355</v>
          </cell>
          <cell r="I2621" t="str">
            <v>874-2252</v>
          </cell>
        </row>
        <row r="2622">
          <cell r="A2622" t="str">
            <v>26007T</v>
          </cell>
          <cell r="B2622" t="str">
            <v>ﾏﾂﾔﾏｶﾞｸﾌﾞﾁﾃﾝ</v>
          </cell>
          <cell r="C2622" t="str">
            <v>（株）松山額縁店</v>
          </cell>
          <cell r="D2622" t="str">
            <v>松山 真也</v>
          </cell>
          <cell r="E2622" t="str">
            <v>代表取締役</v>
          </cell>
          <cell r="F2622" t="str">
            <v>060-0063</v>
          </cell>
          <cell r="G2622" t="str">
            <v>中央区南３西５－３３</v>
          </cell>
          <cell r="H2622" t="str">
            <v>251-9000</v>
          </cell>
          <cell r="I2622" t="str">
            <v>231-2445</v>
          </cell>
        </row>
        <row r="2623">
          <cell r="A2623" t="str">
            <v>26009N</v>
          </cell>
          <cell r="B2623" t="str">
            <v>ﾏｴｶﾜｾｲｻｸｼｮ</v>
          </cell>
          <cell r="C2623" t="str">
            <v>（株）前川製作所</v>
          </cell>
          <cell r="D2623" t="str">
            <v>岩出 功</v>
          </cell>
          <cell r="E2623" t="str">
            <v>代表取締役社長</v>
          </cell>
          <cell r="F2623" t="str">
            <v>135-8482</v>
          </cell>
          <cell r="G2623" t="str">
            <v>東京都江東区牡丹２－１３－１</v>
          </cell>
          <cell r="H2623" t="str">
            <v>03-3642-8181</v>
          </cell>
          <cell r="I2623" t="str">
            <v>03-3643-7094</v>
          </cell>
        </row>
        <row r="2624">
          <cell r="A2624" t="str">
            <v>26010Y</v>
          </cell>
          <cell r="B2624" t="str">
            <v>ﾏﾈｼﾞﾒﾝﾄ･ﾘｻｰﾁ</v>
          </cell>
          <cell r="C2624" t="str">
            <v>（株）マネジメント・リサーチ</v>
          </cell>
          <cell r="D2624" t="str">
            <v>宮本 徹</v>
          </cell>
          <cell r="E2624" t="str">
            <v>代表取締役</v>
          </cell>
          <cell r="F2624" t="str">
            <v>060-0052</v>
          </cell>
          <cell r="G2624" t="str">
            <v>中央区南２東１－１－１１</v>
          </cell>
          <cell r="H2624" t="str">
            <v>251-3733</v>
          </cell>
          <cell r="I2624" t="str">
            <v>252-1715</v>
          </cell>
        </row>
        <row r="2625">
          <cell r="A2625" t="str">
            <v>26015X</v>
          </cell>
          <cell r="B2625" t="str">
            <v>ﾏｲｸﾛﾌｨｯｼｭ</v>
          </cell>
          <cell r="C2625" t="str">
            <v>（株）マイクロフィッシュ</v>
          </cell>
          <cell r="D2625" t="str">
            <v>氣境 徹</v>
          </cell>
          <cell r="E2625" t="str">
            <v>代表取締役</v>
          </cell>
          <cell r="F2625" t="str">
            <v>001-0018</v>
          </cell>
          <cell r="G2625" t="str">
            <v>北区北１８西６－２０－２１６</v>
          </cell>
          <cell r="H2625" t="str">
            <v>757-2800</v>
          </cell>
          <cell r="I2625" t="str">
            <v>757-2900</v>
          </cell>
        </row>
        <row r="2626">
          <cell r="A2626" t="str">
            <v>26016V</v>
          </cell>
          <cell r="B2626" t="str">
            <v>ｴﾑｲｰｼｰﾏﾙﾜ</v>
          </cell>
          <cell r="C2626" t="str">
            <v>エムイーシー丸和（株）</v>
          </cell>
          <cell r="D2626" t="str">
            <v>田原 久義</v>
          </cell>
          <cell r="E2626" t="str">
            <v>代表取締役</v>
          </cell>
          <cell r="F2626" t="str">
            <v>065-0017</v>
          </cell>
          <cell r="G2626" t="str">
            <v>東区北１７東１７－２－１１</v>
          </cell>
          <cell r="H2626" t="str">
            <v>789-3456</v>
          </cell>
          <cell r="I2626" t="str">
            <v>789-3377</v>
          </cell>
        </row>
        <row r="2627">
          <cell r="A2627" t="str">
            <v>26017S</v>
          </cell>
          <cell r="B2627" t="str">
            <v>ﾏﾙｷﾝｷﾝｿﾞｸｾｲｻｸｼｮ</v>
          </cell>
          <cell r="C2627" t="str">
            <v>（株）マルキン金属製作所</v>
          </cell>
          <cell r="D2627" t="str">
            <v>佐藤 隆</v>
          </cell>
          <cell r="E2627" t="str">
            <v>代表取締役</v>
          </cell>
          <cell r="F2627" t="str">
            <v>061-3241</v>
          </cell>
          <cell r="G2627" t="str">
            <v>石狩市新港西３－７５４－４</v>
          </cell>
          <cell r="H2627" t="str">
            <v>0133-72-2281</v>
          </cell>
          <cell r="I2627" t="str">
            <v>0133-72-2285</v>
          </cell>
        </row>
        <row r="2628">
          <cell r="A2628" t="str">
            <v>26022S</v>
          </cell>
          <cell r="B2628" t="str">
            <v>ﾏｷｼｮｳｶｲ</v>
          </cell>
          <cell r="C2628" t="str">
            <v>（株）マキ商会</v>
          </cell>
          <cell r="D2628" t="str">
            <v>小川 真治</v>
          </cell>
          <cell r="E2628" t="str">
            <v>代表取締役</v>
          </cell>
          <cell r="F2628" t="str">
            <v>065-0013</v>
          </cell>
          <cell r="G2628" t="str">
            <v>東区北１３東７－４</v>
          </cell>
          <cell r="H2628" t="str">
            <v>741-8662</v>
          </cell>
          <cell r="I2628" t="str">
            <v>741-8716</v>
          </cell>
        </row>
        <row r="2629">
          <cell r="A2629" t="str">
            <v>26024Z</v>
          </cell>
          <cell r="B2629" t="str">
            <v>ﾏﾙｷﾝｻﾄｰ</v>
          </cell>
          <cell r="C2629" t="str">
            <v>（株）マルキンサトー</v>
          </cell>
          <cell r="D2629" t="str">
            <v>佐藤 隆</v>
          </cell>
          <cell r="E2629" t="str">
            <v>代表取締役</v>
          </cell>
          <cell r="F2629" t="str">
            <v>060-0053</v>
          </cell>
          <cell r="G2629" t="str">
            <v>中央区南３東３－１８</v>
          </cell>
          <cell r="H2629" t="str">
            <v>261-8206</v>
          </cell>
          <cell r="I2629" t="str">
            <v>261-8237</v>
          </cell>
        </row>
        <row r="2630">
          <cell r="A2630" t="str">
            <v>26025W</v>
          </cell>
          <cell r="B2630" t="str">
            <v>ﾏﾙｾﾞﾝ</v>
          </cell>
          <cell r="C2630" t="str">
            <v>丸善（株）札幌支店</v>
          </cell>
          <cell r="D2630" t="str">
            <v>三大寺 和裕</v>
          </cell>
          <cell r="E2630" t="str">
            <v>支店長</v>
          </cell>
          <cell r="F2630" t="str">
            <v>060-0061</v>
          </cell>
          <cell r="G2630" t="str">
            <v>中央区南１西３－８</v>
          </cell>
          <cell r="H2630" t="str">
            <v>884-8120</v>
          </cell>
          <cell r="I2630" t="str">
            <v>884-8140</v>
          </cell>
        </row>
        <row r="2631">
          <cell r="A2631" t="str">
            <v>26026T</v>
          </cell>
          <cell r="B2631" t="str">
            <v>ﾐﾖｼｼｮｳｶｲ</v>
          </cell>
          <cell r="C2631" t="str">
            <v>（株）三好商会</v>
          </cell>
          <cell r="D2631" t="str">
            <v>三好 康裕</v>
          </cell>
          <cell r="E2631" t="str">
            <v>代表取締役</v>
          </cell>
          <cell r="F2631" t="str">
            <v>060-0042</v>
          </cell>
          <cell r="G2631" t="str">
            <v>中央区大通西１８－１</v>
          </cell>
          <cell r="H2631" t="str">
            <v>631-7111</v>
          </cell>
          <cell r="I2631" t="str">
            <v>631-7118</v>
          </cell>
        </row>
        <row r="2632">
          <cell r="A2632" t="str">
            <v>26028N</v>
          </cell>
          <cell r="B2632" t="str">
            <v>ﾏﾙｲｲﾏｲ</v>
          </cell>
          <cell r="C2632" t="str">
            <v>（株）丸井今井本店</v>
          </cell>
          <cell r="D2632" t="str">
            <v>高田 一成</v>
          </cell>
          <cell r="E2632" t="str">
            <v>取締役本店長</v>
          </cell>
          <cell r="F2632" t="str">
            <v>060-0061</v>
          </cell>
          <cell r="G2632" t="str">
            <v>中央区南１西２－１１</v>
          </cell>
          <cell r="H2632" t="str">
            <v>205-1311</v>
          </cell>
          <cell r="I2632" t="str">
            <v>205-1303</v>
          </cell>
        </row>
        <row r="2633">
          <cell r="A2633" t="str">
            <v>26036S</v>
          </cell>
          <cell r="B2633" t="str">
            <v>ﾎｸｼﾝｲﾝｻﾂ</v>
          </cell>
          <cell r="C2633" t="str">
            <v>（株）北診印刷</v>
          </cell>
          <cell r="D2633" t="str">
            <v>岡部 康彦</v>
          </cell>
          <cell r="E2633" t="str">
            <v>代表取締役</v>
          </cell>
          <cell r="F2633" t="str">
            <v>062-0022</v>
          </cell>
          <cell r="G2633" t="str">
            <v>豊平区月寒西２－９－２－７</v>
          </cell>
          <cell r="H2633" t="str">
            <v>855-5660</v>
          </cell>
          <cell r="I2633" t="str">
            <v>855-5661</v>
          </cell>
        </row>
        <row r="2634">
          <cell r="A2634" t="str">
            <v>26037P</v>
          </cell>
          <cell r="B2634" t="str">
            <v>ﾏﾙｻﾝｼｮｳｼﾞ</v>
          </cell>
          <cell r="C2634" t="str">
            <v>丸三商事（株）</v>
          </cell>
          <cell r="D2634" t="str">
            <v>廣瀨 紀雄</v>
          </cell>
          <cell r="E2634" t="str">
            <v>代表取締役</v>
          </cell>
          <cell r="F2634" t="str">
            <v>060-0061</v>
          </cell>
          <cell r="G2634" t="str">
            <v>中央区南１西１２－３２２</v>
          </cell>
          <cell r="H2634" t="str">
            <v>251-5191</v>
          </cell>
          <cell r="I2634" t="str">
            <v>251-5194</v>
          </cell>
        </row>
        <row r="2635">
          <cell r="A2635" t="str">
            <v>26038Z</v>
          </cell>
          <cell r="B2635" t="str">
            <v>ﾏﾂｼﾀﾃﾞﾝｷｻﾝｷﾞｮｳ</v>
          </cell>
          <cell r="C2635" t="str">
            <v>松下電器産業（株）北海道支店</v>
          </cell>
          <cell r="D2635" t="str">
            <v>小田 和哉</v>
          </cell>
          <cell r="E2635" t="str">
            <v>支店長</v>
          </cell>
          <cell r="F2635" t="str">
            <v>060-0003</v>
          </cell>
          <cell r="G2635" t="str">
            <v>中央区北３西１－１－１</v>
          </cell>
          <cell r="H2635" t="str">
            <v>207-7700</v>
          </cell>
          <cell r="I2635" t="str">
            <v>280-2535</v>
          </cell>
        </row>
        <row r="2636">
          <cell r="A2636" t="str">
            <v>26042P</v>
          </cell>
          <cell r="B2636" t="str">
            <v>ﾏｽﾔｼｮｳﾃﾝ</v>
          </cell>
          <cell r="C2636" t="str">
            <v>（株）升家商店</v>
          </cell>
          <cell r="D2636" t="str">
            <v>升家 敏博</v>
          </cell>
          <cell r="E2636" t="str">
            <v>代表取締役</v>
          </cell>
          <cell r="F2636" t="str">
            <v>060-0062</v>
          </cell>
          <cell r="G2636" t="str">
            <v>中央区南２西６－１７</v>
          </cell>
          <cell r="H2636" t="str">
            <v>261-3491</v>
          </cell>
          <cell r="I2636" t="str">
            <v>232-4456</v>
          </cell>
        </row>
        <row r="2637">
          <cell r="A2637" t="str">
            <v>26045T</v>
          </cell>
          <cell r="B2637" t="str">
            <v>ﾏｲﾆﾁﾀｲﾔｼｮｳｶｲ</v>
          </cell>
          <cell r="C2637" t="str">
            <v>（有）毎日タイヤ商会</v>
          </cell>
          <cell r="D2637" t="str">
            <v>加川 継男</v>
          </cell>
          <cell r="E2637" t="str">
            <v>代表取締役</v>
          </cell>
          <cell r="F2637" t="str">
            <v>061-3210</v>
          </cell>
          <cell r="G2637" t="str">
            <v>石狩市花川南１０－１－１－２</v>
          </cell>
          <cell r="H2637" t="str">
            <v>0133-73-1321</v>
          </cell>
          <cell r="I2637" t="str">
            <v>0133-73-8883</v>
          </cell>
        </row>
        <row r="2638">
          <cell r="A2638" t="str">
            <v>26046R</v>
          </cell>
          <cell r="B2638" t="str">
            <v>ﾏｴｻﾞﾜｺｳｷﾞｮｳ</v>
          </cell>
          <cell r="C2638" t="str">
            <v>前澤工業（株）北海道支店</v>
          </cell>
          <cell r="D2638" t="str">
            <v>面田 博幸</v>
          </cell>
          <cell r="E2638" t="str">
            <v>支店長</v>
          </cell>
          <cell r="F2638" t="str">
            <v>060-0062</v>
          </cell>
          <cell r="G2638" t="str">
            <v>中央区南２西６－１７</v>
          </cell>
          <cell r="H2638" t="str">
            <v>231-3531</v>
          </cell>
          <cell r="I2638" t="str">
            <v>231-3593</v>
          </cell>
        </row>
        <row r="2639">
          <cell r="A2639" t="str">
            <v>26047N</v>
          </cell>
          <cell r="B2639" t="str">
            <v>ﾏﾙﾖｲｹｳﾁ</v>
          </cell>
          <cell r="C2639" t="str">
            <v>（株）丸ヨ池内</v>
          </cell>
          <cell r="D2639" t="str">
            <v>池内 和正</v>
          </cell>
          <cell r="E2639" t="str">
            <v>代表取締役</v>
          </cell>
          <cell r="F2639" t="str">
            <v>060-8668</v>
          </cell>
          <cell r="G2639" t="str">
            <v>中央区南１西２－１８</v>
          </cell>
          <cell r="H2639" t="str">
            <v>281-6167</v>
          </cell>
          <cell r="I2639" t="str">
            <v>222-2908</v>
          </cell>
        </row>
        <row r="2640">
          <cell r="A2640" t="str">
            <v>26048Y</v>
          </cell>
          <cell r="B2640" t="str">
            <v>ﾏｸｻﾑ</v>
          </cell>
          <cell r="C2640" t="str">
            <v>（株）マクサム</v>
          </cell>
          <cell r="D2640" t="str">
            <v>藤川 澄雄</v>
          </cell>
          <cell r="E2640" t="str">
            <v>代表取締役</v>
          </cell>
          <cell r="F2640" t="str">
            <v>060-0042</v>
          </cell>
          <cell r="G2640" t="str">
            <v>中央区大通西１４－１－１３ 北日本南大通ビル</v>
          </cell>
          <cell r="H2640" t="str">
            <v>281-8701</v>
          </cell>
          <cell r="I2640" t="str">
            <v>281-8703</v>
          </cell>
        </row>
        <row r="2641">
          <cell r="A2641" t="str">
            <v>26049W</v>
          </cell>
          <cell r="B2641" t="str">
            <v>ﾏｴﾀﾞﾄﾞｳﾛ</v>
          </cell>
          <cell r="C2641" t="str">
            <v>前田道路（株）札幌営業所</v>
          </cell>
          <cell r="D2641" t="str">
            <v>楢岡 雄二</v>
          </cell>
          <cell r="E2641" t="str">
            <v>所長</v>
          </cell>
          <cell r="F2641" t="str">
            <v>006-0002</v>
          </cell>
          <cell r="G2641" t="str">
            <v>手稲区西宮の沢２－２－２２４－２</v>
          </cell>
          <cell r="H2641" t="str">
            <v>661-3313</v>
          </cell>
          <cell r="I2641" t="str">
            <v>661-3387</v>
          </cell>
        </row>
        <row r="2642">
          <cell r="A2642" t="str">
            <v>26051R</v>
          </cell>
          <cell r="B2642" t="str">
            <v>ﾏﾙｹﾞﾝﾐﾅﾐｹﾞﾝｼﾞﾛｳｼｮｳﾃﾝ</v>
          </cell>
          <cell r="C2642" t="str">
            <v>（株）丸源南源次郎商店</v>
          </cell>
          <cell r="D2642" t="str">
            <v>南 繁</v>
          </cell>
          <cell r="E2642" t="str">
            <v>代表取締役</v>
          </cell>
          <cell r="F2642" t="str">
            <v>001-0010</v>
          </cell>
          <cell r="G2642" t="str">
            <v>北区北１０西２－６</v>
          </cell>
          <cell r="H2642" t="str">
            <v>716-1684</v>
          </cell>
          <cell r="I2642" t="str">
            <v>716-0428</v>
          </cell>
        </row>
        <row r="2643">
          <cell r="A2643" t="str">
            <v>26052N</v>
          </cell>
          <cell r="B2643" t="str">
            <v>ﾏﾙﾍﾞﾆ</v>
          </cell>
          <cell r="C2643" t="str">
            <v>丸紅（株）北海道支社</v>
          </cell>
          <cell r="D2643" t="str">
            <v>大前 数美</v>
          </cell>
          <cell r="E2643" t="str">
            <v>支社長</v>
          </cell>
          <cell r="F2643" t="str">
            <v>060-8636</v>
          </cell>
          <cell r="G2643" t="str">
            <v>中央区南１東１－５－１大通バスセンタービル７Ｆ</v>
          </cell>
          <cell r="H2643" t="str">
            <v>212-2111</v>
          </cell>
          <cell r="I2643" t="str">
            <v>212-2130</v>
          </cell>
        </row>
        <row r="2644">
          <cell r="A2644" t="str">
            <v>26053Y</v>
          </cell>
          <cell r="B2644" t="str">
            <v>ﾏﾙﾊｻﾝｷﾞｮｳ</v>
          </cell>
          <cell r="C2644" t="str">
            <v>マルハ産業（株）札幌営業所</v>
          </cell>
          <cell r="D2644" t="str">
            <v>澤田 稔</v>
          </cell>
          <cell r="E2644" t="str">
            <v>所長</v>
          </cell>
          <cell r="F2644" t="str">
            <v>060-0014</v>
          </cell>
          <cell r="G2644" t="str">
            <v>中央区北１４西２０</v>
          </cell>
          <cell r="H2644" t="str">
            <v>621-0371</v>
          </cell>
          <cell r="I2644" t="str">
            <v>644-9215</v>
          </cell>
        </row>
        <row r="2645">
          <cell r="A2645" t="str">
            <v>26054W</v>
          </cell>
          <cell r="B2645" t="str">
            <v>ﾏﾙｷｭｳﾁｭｳｵｳﾌﾞｯｻﾝ</v>
          </cell>
          <cell r="C2645" t="str">
            <v>丸久中央物産（株）</v>
          </cell>
          <cell r="D2645" t="str">
            <v>児島 和恵</v>
          </cell>
          <cell r="E2645" t="str">
            <v>代表取締役</v>
          </cell>
          <cell r="F2645" t="str">
            <v>060-0042</v>
          </cell>
          <cell r="G2645" t="str">
            <v>中央区大通西１３－４</v>
          </cell>
          <cell r="H2645" t="str">
            <v>231-1210</v>
          </cell>
          <cell r="I2645" t="str">
            <v>231-1208</v>
          </cell>
        </row>
        <row r="2646">
          <cell r="A2646" t="str">
            <v>26055S</v>
          </cell>
          <cell r="B2646" t="str">
            <v>ﾏﾙﾄﾐﾄﾐﾀﾀﾀﾐﾃﾝ</v>
          </cell>
          <cell r="C2646" t="str">
            <v>（有）丸富富田畳店</v>
          </cell>
          <cell r="D2646" t="str">
            <v>富田 邦義</v>
          </cell>
          <cell r="E2646" t="str">
            <v>代表取締役</v>
          </cell>
          <cell r="F2646" t="str">
            <v>060-0032</v>
          </cell>
          <cell r="G2646" t="str">
            <v>中央区北２東１２－９８－１０</v>
          </cell>
          <cell r="H2646" t="str">
            <v>241-1522</v>
          </cell>
          <cell r="I2646" t="str">
            <v>241-1523</v>
          </cell>
        </row>
        <row r="2647">
          <cell r="A2647" t="str">
            <v>26056P</v>
          </cell>
          <cell r="B2647" t="str">
            <v>ﾏﾙﾖｼﾅｶﾀ</v>
          </cell>
          <cell r="C2647" t="str">
            <v>（株）丸吉ナカタ</v>
          </cell>
          <cell r="D2647" t="str">
            <v>中田 輝夫</v>
          </cell>
          <cell r="E2647" t="str">
            <v>代表取締役</v>
          </cell>
          <cell r="F2647" t="str">
            <v>065-0014</v>
          </cell>
          <cell r="G2647" t="str">
            <v>東区北１４東１－１－２２</v>
          </cell>
          <cell r="H2647" t="str">
            <v>721-1331</v>
          </cell>
          <cell r="I2647" t="str">
            <v>712-1112</v>
          </cell>
        </row>
        <row r="2648">
          <cell r="A2648" t="str">
            <v>26061P</v>
          </cell>
          <cell r="B2648" t="str">
            <v>ﾏﾙﾄﾐﾄﾐﾀｼｮｳｶｲ</v>
          </cell>
          <cell r="C2648" t="str">
            <v>（株）丸富富田商会</v>
          </cell>
          <cell r="D2648" t="str">
            <v>富田 潔</v>
          </cell>
          <cell r="E2648" t="str">
            <v>代表取締役社長</v>
          </cell>
          <cell r="F2648" t="str">
            <v>060-0041</v>
          </cell>
          <cell r="G2648" t="str">
            <v>中央区大通東５－４</v>
          </cell>
          <cell r="H2648" t="str">
            <v>231-4824</v>
          </cell>
          <cell r="I2648" t="str">
            <v>222-4854</v>
          </cell>
        </row>
        <row r="2649">
          <cell r="A2649" t="str">
            <v>26066N</v>
          </cell>
          <cell r="B2649" t="str">
            <v>ﾏﾙｾﾝﾕｼ</v>
          </cell>
          <cell r="C2649" t="str">
            <v>（有）マルセン油脂</v>
          </cell>
          <cell r="D2649" t="str">
            <v>古谷 克也</v>
          </cell>
          <cell r="E2649" t="str">
            <v>代表取締役</v>
          </cell>
          <cell r="F2649" t="str">
            <v>063-0837</v>
          </cell>
          <cell r="G2649" t="str">
            <v>西区発寒１７－１４－１－１</v>
          </cell>
          <cell r="H2649" t="str">
            <v>664-5581</v>
          </cell>
          <cell r="I2649" t="str">
            <v>666-9033</v>
          </cell>
        </row>
        <row r="2650">
          <cell r="A2650" t="str">
            <v>26067Y</v>
          </cell>
          <cell r="B2650" t="str">
            <v>ﾏﾙｻﾝﾕｼ</v>
          </cell>
          <cell r="C2650" t="str">
            <v>（有）丸三油脂</v>
          </cell>
          <cell r="D2650" t="str">
            <v>丸山 武</v>
          </cell>
          <cell r="E2650" t="str">
            <v>代表取締役</v>
          </cell>
          <cell r="F2650" t="str">
            <v>061-1134</v>
          </cell>
          <cell r="G2650" t="str">
            <v>北広島市広葉町１－４－３</v>
          </cell>
          <cell r="H2650" t="str">
            <v>373-3434</v>
          </cell>
          <cell r="I2650" t="str">
            <v>373-3505</v>
          </cell>
        </row>
        <row r="2651">
          <cell r="A2651" t="str">
            <v>26073W</v>
          </cell>
          <cell r="B2651" t="str">
            <v>ﾏﾙﾀﾀﾑﾗｾｲﾄｳｼｮ</v>
          </cell>
          <cell r="C2651" t="str">
            <v>（有）マルタ田村製陶所</v>
          </cell>
          <cell r="D2651" t="str">
            <v>田村 元子</v>
          </cell>
          <cell r="E2651" t="str">
            <v>代表取締役</v>
          </cell>
          <cell r="F2651" t="str">
            <v>047-0046</v>
          </cell>
          <cell r="G2651" t="str">
            <v>小樽市赤岩１－５－１１</v>
          </cell>
          <cell r="H2651" t="str">
            <v>0134-33-1500</v>
          </cell>
          <cell r="I2651" t="str">
            <v>0134-33-1501</v>
          </cell>
        </row>
        <row r="2652">
          <cell r="A2652" t="str">
            <v>26077X</v>
          </cell>
          <cell r="B2652" t="str">
            <v>ﾏﾂｲｾｷﾕ</v>
          </cell>
          <cell r="C2652" t="str">
            <v>松井石油（株）</v>
          </cell>
          <cell r="D2652" t="str">
            <v>松井 紀男</v>
          </cell>
          <cell r="E2652" t="str">
            <v>代表取締役</v>
          </cell>
          <cell r="F2652" t="str">
            <v>061-2302</v>
          </cell>
          <cell r="G2652" t="str">
            <v>南区定山渓温泉東２－１８０</v>
          </cell>
          <cell r="H2652" t="str">
            <v>598-2584</v>
          </cell>
          <cell r="I2652" t="str">
            <v>598-2584</v>
          </cell>
        </row>
        <row r="2653">
          <cell r="A2653" t="str">
            <v>26080P</v>
          </cell>
          <cell r="B2653" t="str">
            <v>ｸﾘﾀ･ｹﾐｶﾙﾎｯｶｲﾄﾞｳ</v>
          </cell>
          <cell r="C2653" t="str">
            <v>クリタ・ケミカル北海道（株）</v>
          </cell>
          <cell r="D2653" t="str">
            <v>井上 了多</v>
          </cell>
          <cell r="E2653" t="str">
            <v>代表取締役</v>
          </cell>
          <cell r="F2653" t="str">
            <v>003-0825</v>
          </cell>
          <cell r="G2653" t="str">
            <v>白石区菊水元町５－１－２－１２</v>
          </cell>
          <cell r="H2653" t="str">
            <v>871-8008</v>
          </cell>
          <cell r="I2653" t="str">
            <v>871-8474</v>
          </cell>
        </row>
        <row r="2654">
          <cell r="A2654" t="str">
            <v>26083V</v>
          </cell>
          <cell r="B2654" t="str">
            <v>ｻｯﾎﾟﾛﾉｳﾘﾝ</v>
          </cell>
          <cell r="C2654" t="str">
            <v>札幌農林（株）</v>
          </cell>
          <cell r="D2654" t="str">
            <v>伊藤 武義</v>
          </cell>
          <cell r="E2654" t="str">
            <v>代表取締役</v>
          </cell>
          <cell r="F2654" t="str">
            <v>060-0052</v>
          </cell>
          <cell r="G2654" t="str">
            <v>中央区南２東２－９</v>
          </cell>
          <cell r="H2654" t="str">
            <v>251-1130</v>
          </cell>
          <cell r="I2654" t="str">
            <v>251-1160</v>
          </cell>
        </row>
        <row r="2655">
          <cell r="A2655" t="str">
            <v>26084S</v>
          </cell>
          <cell r="B2655" t="str">
            <v>ﾏﾂﾊﾞﾗｼｮｳｶｲ</v>
          </cell>
          <cell r="C2655" t="str">
            <v>（株）松原商会</v>
          </cell>
          <cell r="D2655" t="str">
            <v>武田 泰典</v>
          </cell>
          <cell r="E2655" t="str">
            <v>代表取締役</v>
          </cell>
          <cell r="F2655" t="str">
            <v>062-0054</v>
          </cell>
          <cell r="G2655" t="str">
            <v>豊平区月寒東４－９－５－１１</v>
          </cell>
          <cell r="H2655" t="str">
            <v>853-8011</v>
          </cell>
          <cell r="I2655" t="str">
            <v>855-7468</v>
          </cell>
        </row>
        <row r="2656">
          <cell r="A2656" t="str">
            <v>26086Y</v>
          </cell>
          <cell r="B2656" t="str">
            <v>ﾏｺﾄｲﾝｻﾂ</v>
          </cell>
          <cell r="C2656" t="str">
            <v>（株）誠印刷</v>
          </cell>
          <cell r="D2656" t="str">
            <v>斉藤 勝市</v>
          </cell>
          <cell r="E2656" t="str">
            <v>代表取締役</v>
          </cell>
          <cell r="F2656" t="str">
            <v>063-0862</v>
          </cell>
          <cell r="G2656" t="str">
            <v>西区八軒２東５－３－１６</v>
          </cell>
          <cell r="H2656" t="str">
            <v>643-7602</v>
          </cell>
          <cell r="I2656" t="str">
            <v>613-7829</v>
          </cell>
        </row>
        <row r="2657">
          <cell r="A2657" t="str">
            <v>26087W</v>
          </cell>
          <cell r="B2657" t="str">
            <v>ﾏﾙﾋﾗ</v>
          </cell>
          <cell r="C2657" t="str">
            <v>（株）丸平札幌支店</v>
          </cell>
          <cell r="D2657" t="str">
            <v>小林 浩美</v>
          </cell>
          <cell r="E2657" t="str">
            <v>支店長</v>
          </cell>
          <cell r="F2657" t="str">
            <v>064-0802</v>
          </cell>
          <cell r="G2657" t="str">
            <v>中央区南２西２７</v>
          </cell>
          <cell r="H2657" t="str">
            <v>642-4555</v>
          </cell>
          <cell r="I2657" t="str">
            <v>642-4619</v>
          </cell>
        </row>
        <row r="2658">
          <cell r="A2658" t="str">
            <v>26093T</v>
          </cell>
          <cell r="B2658" t="str">
            <v>ﾏｴｻﾞﾜｷｭｳｿｳｺｳｷﾞｮｳ</v>
          </cell>
          <cell r="C2658" t="str">
            <v>前澤給装工業（株）北海道営業所</v>
          </cell>
          <cell r="D2658" t="str">
            <v>麻生 悦郎</v>
          </cell>
          <cell r="E2658" t="str">
            <v>所長</v>
          </cell>
          <cell r="F2658" t="str">
            <v>003-0006</v>
          </cell>
          <cell r="G2658" t="str">
            <v>白石区東札幌６－１－２－３０札幌三信物流ﾋﾞﾙ４</v>
          </cell>
          <cell r="H2658" t="str">
            <v>814-1515</v>
          </cell>
          <cell r="I2658" t="str">
            <v>814-1717</v>
          </cell>
        </row>
        <row r="2659">
          <cell r="A2659" t="str">
            <v>26097V</v>
          </cell>
          <cell r="B2659" t="str">
            <v>ﾏﾙｺｳｷｮｳﾜｼｮｳｼﾞ</v>
          </cell>
          <cell r="C2659" t="str">
            <v>（有）丸幸共和商事</v>
          </cell>
          <cell r="D2659" t="str">
            <v>登 幸二</v>
          </cell>
          <cell r="E2659" t="str">
            <v>代表取締役</v>
          </cell>
          <cell r="F2659" t="str">
            <v>005-0003</v>
          </cell>
          <cell r="G2659" t="str">
            <v>南区澄川３－１－５－３</v>
          </cell>
          <cell r="H2659" t="str">
            <v>812-2545</v>
          </cell>
          <cell r="I2659" t="str">
            <v>812-1513</v>
          </cell>
        </row>
        <row r="2660">
          <cell r="A2660" t="str">
            <v>26099P</v>
          </cell>
          <cell r="B2660" t="str">
            <v>ﾏｽﾐﾔ</v>
          </cell>
          <cell r="C2660" t="str">
            <v>（株）ます美屋</v>
          </cell>
          <cell r="D2660" t="str">
            <v>小柳 喜一郎</v>
          </cell>
          <cell r="E2660" t="str">
            <v>代表取締役</v>
          </cell>
          <cell r="F2660" t="str">
            <v>060-0001</v>
          </cell>
          <cell r="G2660" t="str">
            <v>中央区北１西３－３</v>
          </cell>
          <cell r="H2660" t="str">
            <v>271-3800</v>
          </cell>
          <cell r="I2660" t="str">
            <v>271-3802</v>
          </cell>
        </row>
        <row r="2661">
          <cell r="A2661" t="str">
            <v>26100X</v>
          </cell>
          <cell r="B2661" t="str">
            <v>ﾏﾙﾌﾞﾝｲﾝｻﾂ</v>
          </cell>
          <cell r="C2661" t="str">
            <v>丸文印刷（株）</v>
          </cell>
          <cell r="D2661" t="str">
            <v>井上 専治</v>
          </cell>
          <cell r="E2661" t="str">
            <v>代表取締役</v>
          </cell>
          <cell r="F2661" t="str">
            <v>062-0020</v>
          </cell>
          <cell r="G2661" t="str">
            <v>豊平区月寒中央通１１－１－２３</v>
          </cell>
          <cell r="H2661" t="str">
            <v>851-5767</v>
          </cell>
          <cell r="I2661" t="str">
            <v>854-4167</v>
          </cell>
        </row>
        <row r="2662">
          <cell r="A2662" t="str">
            <v>26103P</v>
          </cell>
          <cell r="B2662" t="str">
            <v>ｵﾚﾝｼﾞﾏﾂﾓﾄｼｮｳﾃﾝ</v>
          </cell>
          <cell r="C2662" t="str">
            <v>（有）オレンジ松元商店</v>
          </cell>
          <cell r="D2662" t="str">
            <v>松元 昭喜</v>
          </cell>
          <cell r="E2662" t="str">
            <v>代表取締役</v>
          </cell>
          <cell r="F2662" t="str">
            <v>001-0921</v>
          </cell>
          <cell r="G2662" t="str">
            <v>北区新川１－３－１－１</v>
          </cell>
          <cell r="H2662" t="str">
            <v>761-1282</v>
          </cell>
          <cell r="I2662" t="str">
            <v>761-0049</v>
          </cell>
        </row>
        <row r="2663">
          <cell r="A2663" t="str">
            <v>26104Z</v>
          </cell>
          <cell r="B2663" t="str">
            <v>ﾏﾙﾀﾂﾐｶﾐｼｮｳﾃﾝ</v>
          </cell>
          <cell r="C2663" t="str">
            <v>丸辰三上商店（株）</v>
          </cell>
          <cell r="D2663" t="str">
            <v>白戸 辰男</v>
          </cell>
          <cell r="E2663" t="str">
            <v>代表取締役</v>
          </cell>
          <cell r="F2663" t="str">
            <v>003-0011</v>
          </cell>
          <cell r="G2663" t="str">
            <v>白石区中央１－４－３－９８</v>
          </cell>
          <cell r="H2663" t="str">
            <v>811-5572</v>
          </cell>
          <cell r="I2663" t="str">
            <v>811-5491</v>
          </cell>
        </row>
        <row r="2664">
          <cell r="A2664" t="str">
            <v>26106T</v>
          </cell>
          <cell r="B2664" t="str">
            <v>ﾏﾙｲﾁｲｽﾞﾐｼｮｳﾃﾝ</v>
          </cell>
          <cell r="C2664" t="str">
            <v>（株）丸一泉商店</v>
          </cell>
          <cell r="D2664" t="str">
            <v>泉 一夫</v>
          </cell>
          <cell r="E2664" t="str">
            <v>代表取締役</v>
          </cell>
          <cell r="F2664" t="str">
            <v>060-0907</v>
          </cell>
          <cell r="G2664" t="str">
            <v>東区北７東３－２８</v>
          </cell>
          <cell r="H2664" t="str">
            <v>711-4442</v>
          </cell>
          <cell r="I2664" t="str">
            <v>721-0950</v>
          </cell>
        </row>
        <row r="2665">
          <cell r="A2665" t="str">
            <v>26107R</v>
          </cell>
          <cell r="B2665" t="str">
            <v>ﾏﾙｾﾝｽｲｻﾝ</v>
          </cell>
          <cell r="C2665" t="str">
            <v>（株）まるせん水産</v>
          </cell>
          <cell r="D2665" t="str">
            <v>仙保 昭義</v>
          </cell>
          <cell r="E2665" t="str">
            <v>代表取締役</v>
          </cell>
          <cell r="F2665" t="str">
            <v>005-0850</v>
          </cell>
          <cell r="G2665" t="str">
            <v>南区石山東３－３０－７０</v>
          </cell>
          <cell r="H2665" t="str">
            <v>591-0612</v>
          </cell>
          <cell r="I2665" t="str">
            <v>591-0604</v>
          </cell>
        </row>
        <row r="2666">
          <cell r="A2666" t="str">
            <v>26109Y</v>
          </cell>
          <cell r="B2666" t="str">
            <v>ﾏｲﾆﾁｴｲｶﾞｼｬ</v>
          </cell>
          <cell r="C2666" t="str">
            <v>（株）毎日映画社北海道支局</v>
          </cell>
          <cell r="D2666" t="str">
            <v>大濱崎 勝義</v>
          </cell>
          <cell r="E2666" t="str">
            <v>支局長</v>
          </cell>
          <cell r="F2666" t="str">
            <v>060-0004</v>
          </cell>
          <cell r="G2666" t="str">
            <v>中央区北４西６－１</v>
          </cell>
          <cell r="H2666" t="str">
            <v>271-0834</v>
          </cell>
          <cell r="I2666" t="str">
            <v>271-0834</v>
          </cell>
        </row>
        <row r="2667">
          <cell r="A2667" t="str">
            <v>26118Z</v>
          </cell>
          <cell r="B2667" t="str">
            <v>ﾏﾙﾌｸﾄﾘｮｳ</v>
          </cell>
          <cell r="C2667" t="str">
            <v>丸福塗料（株）札幌営業所</v>
          </cell>
          <cell r="D2667" t="str">
            <v>福尾 俊太郎</v>
          </cell>
          <cell r="E2667" t="str">
            <v>所長</v>
          </cell>
          <cell r="F2667" t="str">
            <v>063-0812</v>
          </cell>
          <cell r="G2667" t="str">
            <v>西区琴似２－５－２－１３</v>
          </cell>
          <cell r="H2667" t="str">
            <v>621-2444</v>
          </cell>
          <cell r="I2667" t="str">
            <v>621-2442</v>
          </cell>
        </row>
        <row r="2668">
          <cell r="A2668" t="str">
            <v>26119X</v>
          </cell>
          <cell r="B2668" t="str">
            <v>ﾏﾙｺｳｼｮｳｼﾞ</v>
          </cell>
          <cell r="C2668" t="str">
            <v>丸興商事（株）</v>
          </cell>
          <cell r="D2668" t="str">
            <v>神保 荘一</v>
          </cell>
          <cell r="E2668" t="str">
            <v>代表取締役</v>
          </cell>
          <cell r="F2668" t="str">
            <v>003-0011</v>
          </cell>
          <cell r="G2668" t="str">
            <v>白石区中央１－５－３－２３</v>
          </cell>
          <cell r="H2668" t="str">
            <v>841-1286</v>
          </cell>
          <cell r="I2668" t="str">
            <v>832-1277</v>
          </cell>
        </row>
        <row r="2669">
          <cell r="A2669" t="str">
            <v>26130T</v>
          </cell>
          <cell r="B2669" t="str">
            <v>ﾏﾙｲｽﾞﾐﾊﾀﾔｶﾅﾓﾉﾃﾝ</v>
          </cell>
          <cell r="C2669" t="str">
            <v>（有）丸泉旗矢金物店</v>
          </cell>
          <cell r="D2669" t="str">
            <v>泉 四郎</v>
          </cell>
          <cell r="E2669" t="str">
            <v>代表取締役</v>
          </cell>
          <cell r="F2669" t="str">
            <v>003-0006</v>
          </cell>
          <cell r="G2669" t="str">
            <v>白石区東札幌６－４－１－１</v>
          </cell>
          <cell r="H2669" t="str">
            <v>811-9335</v>
          </cell>
          <cell r="I2669" t="str">
            <v>811-9336</v>
          </cell>
        </row>
        <row r="2670">
          <cell r="A2670" t="str">
            <v>26133Y</v>
          </cell>
          <cell r="B2670" t="str">
            <v>ﾏﾙｷｭｳｲﾄｳｼｮｳﾃﾝ</v>
          </cell>
          <cell r="C2670" t="str">
            <v>（株）丸久伊藤商店</v>
          </cell>
          <cell r="D2670" t="str">
            <v>伊藤 久徳</v>
          </cell>
          <cell r="E2670" t="str">
            <v>代表取締役</v>
          </cell>
          <cell r="F2670" t="str">
            <v>064-0920</v>
          </cell>
          <cell r="G2670" t="str">
            <v>中央区南２０西１５－２－１</v>
          </cell>
          <cell r="H2670" t="str">
            <v>511-9278</v>
          </cell>
          <cell r="I2670" t="str">
            <v>512-2008</v>
          </cell>
        </row>
        <row r="2671">
          <cell r="A2671" t="str">
            <v>26134W</v>
          </cell>
          <cell r="B2671" t="str">
            <v>ﾏﾙｷﾝｻﾄｳｽｲｻﾝ</v>
          </cell>
          <cell r="C2671" t="str">
            <v>丸金佐藤水産（株）</v>
          </cell>
          <cell r="D2671" t="str">
            <v>佐藤 譲裕</v>
          </cell>
          <cell r="E2671" t="str">
            <v>代表取締役</v>
          </cell>
          <cell r="F2671" t="str">
            <v>060-0053</v>
          </cell>
          <cell r="G2671" t="str">
            <v>中央区南３東２－８</v>
          </cell>
          <cell r="H2671" t="str">
            <v>231-1441</v>
          </cell>
          <cell r="I2671" t="str">
            <v>232-2305</v>
          </cell>
        </row>
        <row r="2672">
          <cell r="A2672" t="str">
            <v>26138X</v>
          </cell>
          <cell r="B2672" t="str">
            <v>ﾏﾙﾄﾓﾏﾙｾｶｸﾞﾃﾝ</v>
          </cell>
          <cell r="C2672" t="str">
            <v>（株）丸友丸勢家具店</v>
          </cell>
          <cell r="D2672" t="str">
            <v>丸勢 忠平</v>
          </cell>
          <cell r="E2672" t="str">
            <v>代表取締役</v>
          </cell>
          <cell r="F2672" t="str">
            <v>060-0010</v>
          </cell>
          <cell r="G2672" t="str">
            <v>中央区北１０西１５－１－６ ｸﾘｰﾝﾘﾊﾞｰ桑園駅前Ⅰ</v>
          </cell>
          <cell r="H2672" t="str">
            <v>642-1993</v>
          </cell>
          <cell r="I2672" t="str">
            <v>642-1993</v>
          </cell>
        </row>
        <row r="2673">
          <cell r="A2673" t="str">
            <v>26145R</v>
          </cell>
          <cell r="B2673" t="str">
            <v>ﾏﾙﾅｵﾀｲｺｳｺｳｻﾝ</v>
          </cell>
          <cell r="C2673" t="str">
            <v>丸直大晃興産（株）</v>
          </cell>
          <cell r="D2673" t="str">
            <v>垣本 直男</v>
          </cell>
          <cell r="E2673" t="str">
            <v>代表取締役</v>
          </cell>
          <cell r="F2673" t="str">
            <v>005-0842</v>
          </cell>
          <cell r="G2673" t="str">
            <v>南区石山２－７－５－１１</v>
          </cell>
          <cell r="H2673" t="str">
            <v>591-3227</v>
          </cell>
          <cell r="I2673" t="str">
            <v>591-6221</v>
          </cell>
        </row>
        <row r="2674">
          <cell r="A2674" t="str">
            <v>26152Y</v>
          </cell>
          <cell r="B2674" t="str">
            <v>ﾏｷｿｳｾｲﾄﾞｳ</v>
          </cell>
          <cell r="C2674" t="str">
            <v>（株）牧創成堂</v>
          </cell>
          <cell r="D2674" t="str">
            <v>佐藤 広志</v>
          </cell>
          <cell r="E2674" t="str">
            <v>代表取締役</v>
          </cell>
          <cell r="F2674" t="str">
            <v>065-0010</v>
          </cell>
          <cell r="G2674" t="str">
            <v>東区北１０東２－３－１２</v>
          </cell>
          <cell r="H2674" t="str">
            <v>742-2231</v>
          </cell>
          <cell r="I2674" t="str">
            <v>742-2236</v>
          </cell>
        </row>
        <row r="2675">
          <cell r="A2675" t="str">
            <v>26154T</v>
          </cell>
          <cell r="B2675" t="str">
            <v>ﾏｽﾀﾞｼｮｳﾃﾝ</v>
          </cell>
          <cell r="C2675" t="str">
            <v>（有）増田商店</v>
          </cell>
          <cell r="D2675" t="str">
            <v>増田 修</v>
          </cell>
          <cell r="E2675" t="str">
            <v>代表取締役</v>
          </cell>
          <cell r="F2675" t="str">
            <v>062-0007</v>
          </cell>
          <cell r="G2675" t="str">
            <v>豊平区美園７－６－２－２０</v>
          </cell>
          <cell r="H2675" t="str">
            <v>823-5865</v>
          </cell>
          <cell r="I2675" t="str">
            <v>823-5866</v>
          </cell>
        </row>
        <row r="2676">
          <cell r="A2676" t="str">
            <v>26155P</v>
          </cell>
          <cell r="B2676" t="str">
            <v>ﾏﾂｳﾗｶﾞﾗｽﾃﾝ</v>
          </cell>
          <cell r="C2676" t="str">
            <v>（有）松浦硝子店</v>
          </cell>
          <cell r="D2676" t="str">
            <v>松浦 正弘</v>
          </cell>
          <cell r="E2676" t="str">
            <v>代表取締役</v>
          </cell>
          <cell r="F2676" t="str">
            <v>062-0911</v>
          </cell>
          <cell r="G2676" t="str">
            <v>豊平区旭町３－２－３１</v>
          </cell>
          <cell r="H2676" t="str">
            <v>823-5211</v>
          </cell>
          <cell r="I2676" t="str">
            <v>823-5213</v>
          </cell>
        </row>
        <row r="2677">
          <cell r="A2677" t="str">
            <v>26164S</v>
          </cell>
          <cell r="B2677" t="str">
            <v>ﾏﾙｷﾝｲﾄｰ</v>
          </cell>
          <cell r="C2677" t="str">
            <v>（株）マルキンイトー</v>
          </cell>
          <cell r="D2677" t="str">
            <v>伊藤 裕晟</v>
          </cell>
          <cell r="E2677" t="str">
            <v>代表取締役</v>
          </cell>
          <cell r="F2677" t="str">
            <v>005-0021</v>
          </cell>
          <cell r="G2677" t="str">
            <v>南区真駒内本町３－７ＩＴＯＨＢＬＤ８８</v>
          </cell>
          <cell r="H2677" t="str">
            <v>583-2340</v>
          </cell>
          <cell r="I2677" t="str">
            <v>582-8181</v>
          </cell>
        </row>
        <row r="2678">
          <cell r="A2678" t="str">
            <v>26174R</v>
          </cell>
          <cell r="B2678" t="str">
            <v>ﾏﾙﾘｺｳﾘｺｳﾌﾞｯｻﾝ</v>
          </cell>
          <cell r="C2678" t="str">
            <v>マル理興理興物産（株）</v>
          </cell>
          <cell r="D2678" t="str">
            <v>本田 行雄</v>
          </cell>
          <cell r="E2678" t="str">
            <v>代表取締役</v>
          </cell>
          <cell r="F2678" t="str">
            <v>060-0031</v>
          </cell>
          <cell r="G2678" t="str">
            <v>中央区北１東３－５ 理興産業ビル１Ｆ</v>
          </cell>
          <cell r="H2678" t="str">
            <v>221-1715</v>
          </cell>
          <cell r="I2678" t="str">
            <v>221-1921</v>
          </cell>
        </row>
        <row r="2679">
          <cell r="A2679" t="str">
            <v>26176X</v>
          </cell>
          <cell r="B2679" t="str">
            <v>ﾏﾂｵｶﾊﾞﾝｷﾝ</v>
          </cell>
          <cell r="C2679" t="str">
            <v>（有）松岡板金</v>
          </cell>
          <cell r="D2679" t="str">
            <v>松岡 善一</v>
          </cell>
          <cell r="E2679" t="str">
            <v>代表取締役</v>
          </cell>
          <cell r="F2679" t="str">
            <v>003-0803</v>
          </cell>
          <cell r="G2679" t="str">
            <v>白石区菊水３－４－４－４</v>
          </cell>
          <cell r="H2679" t="str">
            <v>811-6430</v>
          </cell>
          <cell r="I2679" t="str">
            <v>811-6430</v>
          </cell>
        </row>
        <row r="2680">
          <cell r="A2680" t="str">
            <v>26179P</v>
          </cell>
          <cell r="B2680" t="str">
            <v>ﾏﾂﾓﾄ</v>
          </cell>
          <cell r="C2680" t="str">
            <v>（株）マツモト</v>
          </cell>
          <cell r="D2680" t="str">
            <v>松本 典久</v>
          </cell>
          <cell r="E2680" t="str">
            <v>代表取締役</v>
          </cell>
          <cell r="F2680" t="str">
            <v>065-0014</v>
          </cell>
          <cell r="G2680" t="str">
            <v>東区北１４東８－１－１７</v>
          </cell>
          <cell r="H2680" t="str">
            <v>742-8880</v>
          </cell>
          <cell r="I2680" t="str">
            <v>723-1656</v>
          </cell>
        </row>
        <row r="2681">
          <cell r="A2681" t="str">
            <v>26182V</v>
          </cell>
          <cell r="B2681" t="str">
            <v>ﾏﾙﾏﾝ</v>
          </cell>
          <cell r="C2681" t="str">
            <v>（株）丸万</v>
          </cell>
          <cell r="D2681" t="str">
            <v>長桶 實</v>
          </cell>
          <cell r="E2681" t="str">
            <v>代表取締役</v>
          </cell>
          <cell r="F2681" t="str">
            <v>004-0864</v>
          </cell>
          <cell r="G2681" t="str">
            <v>清田区北野４－２－７－１９</v>
          </cell>
          <cell r="H2681" t="str">
            <v>884-1158</v>
          </cell>
          <cell r="I2681" t="str">
            <v>884-1157</v>
          </cell>
        </row>
        <row r="2682">
          <cell r="A2682" t="str">
            <v>26188R</v>
          </cell>
          <cell r="B2682" t="str">
            <v>ﾏｯｸ</v>
          </cell>
          <cell r="C2682" t="str">
            <v>（株）マック</v>
          </cell>
          <cell r="D2682" t="str">
            <v>平田 正耕</v>
          </cell>
          <cell r="E2682" t="str">
            <v>代表取締役</v>
          </cell>
          <cell r="F2682" t="str">
            <v>060-0041</v>
          </cell>
          <cell r="G2682" t="str">
            <v>中央区大通東２－３ 松村ビル</v>
          </cell>
          <cell r="H2682" t="str">
            <v>241-3181</v>
          </cell>
          <cell r="I2682" t="str">
            <v>241-0626</v>
          </cell>
        </row>
        <row r="2683">
          <cell r="A2683" t="str">
            <v>26191W</v>
          </cell>
          <cell r="B2683" t="str">
            <v>ﾏﾙｼｮｳｺｳｷ</v>
          </cell>
          <cell r="C2683" t="str">
            <v>マルショウ工機（有）</v>
          </cell>
          <cell r="D2683" t="str">
            <v>岡田 正人</v>
          </cell>
          <cell r="E2683" t="str">
            <v>代表取締役</v>
          </cell>
          <cell r="F2683" t="str">
            <v>002-8021</v>
          </cell>
          <cell r="G2683" t="str">
            <v>北区篠路１－７－３－４</v>
          </cell>
          <cell r="H2683" t="str">
            <v>771-0987</v>
          </cell>
          <cell r="I2683" t="str">
            <v>771-0150</v>
          </cell>
        </row>
        <row r="2684">
          <cell r="A2684" t="str">
            <v>26194N</v>
          </cell>
          <cell r="B2684" t="str">
            <v>ﾏﾂﾊﾞﾗｻﾝｷﾞｮｳ</v>
          </cell>
          <cell r="C2684" t="str">
            <v>松原産業（株）</v>
          </cell>
          <cell r="D2684" t="str">
            <v>松原 正和</v>
          </cell>
          <cell r="E2684" t="str">
            <v>代表取締役</v>
          </cell>
          <cell r="F2684" t="str">
            <v>069-1511</v>
          </cell>
          <cell r="G2684" t="str">
            <v>夕張郡栗山町中央１－１－１</v>
          </cell>
          <cell r="H2684" t="str">
            <v>0123-72-0143</v>
          </cell>
          <cell r="I2684" t="str">
            <v>0123-72-0924</v>
          </cell>
        </row>
        <row r="2685">
          <cell r="A2685" t="str">
            <v>26198P</v>
          </cell>
          <cell r="B2685" t="str">
            <v>ﾏﾃｯｸ</v>
          </cell>
          <cell r="C2685" t="str">
            <v>（株）マテック札幌支店</v>
          </cell>
          <cell r="D2685" t="str">
            <v>柄澤 秀昌</v>
          </cell>
          <cell r="E2685" t="str">
            <v>支店長</v>
          </cell>
          <cell r="F2685" t="str">
            <v>003-0876</v>
          </cell>
          <cell r="G2685" t="str">
            <v>白石区東米里２０３２－１２</v>
          </cell>
          <cell r="H2685" t="str">
            <v>873-0808</v>
          </cell>
          <cell r="I2685" t="str">
            <v>879-2308</v>
          </cell>
        </row>
        <row r="2686">
          <cell r="A2686" t="str">
            <v>26199Z</v>
          </cell>
          <cell r="B2686" t="str">
            <v>ﾏﾙﾏｻﾀﾅｶｾｲｶ</v>
          </cell>
          <cell r="C2686" t="str">
            <v>（株）マルマサ田中青果</v>
          </cell>
          <cell r="D2686" t="str">
            <v>田中 由美子</v>
          </cell>
          <cell r="E2686" t="str">
            <v>代表取締役</v>
          </cell>
          <cell r="F2686" t="str">
            <v>060-0010</v>
          </cell>
          <cell r="G2686" t="str">
            <v>中央区北１０西１７－１－１</v>
          </cell>
          <cell r="H2686" t="str">
            <v>612-8777</v>
          </cell>
          <cell r="I2686" t="str">
            <v>612-8666</v>
          </cell>
        </row>
        <row r="2687">
          <cell r="A2687" t="str">
            <v>26206R</v>
          </cell>
          <cell r="B2687" t="str">
            <v>ﾏﾙﾏｽﾏｽﾀﾞﾎﾝﾃﾝ</v>
          </cell>
          <cell r="C2687" t="str">
            <v>（株）丸升増田本店</v>
          </cell>
          <cell r="D2687" t="str">
            <v>内山 謙士郎</v>
          </cell>
          <cell r="E2687" t="str">
            <v>代表取締役</v>
          </cell>
          <cell r="F2687" t="str">
            <v>065-0011</v>
          </cell>
          <cell r="G2687" t="str">
            <v>東区北１１東１７－１－１２</v>
          </cell>
          <cell r="H2687" t="str">
            <v>721-0311</v>
          </cell>
          <cell r="I2687" t="str">
            <v>721-0384</v>
          </cell>
        </row>
        <row r="2688">
          <cell r="A2688" t="str">
            <v>26208Y</v>
          </cell>
          <cell r="B2688" t="str">
            <v>ﾏﾙｼﾏｱｸｱｼｽﾃﾑ</v>
          </cell>
          <cell r="C2688" t="str">
            <v>（株）丸島アクアシステム札幌営業所</v>
          </cell>
          <cell r="D2688" t="str">
            <v>坂本 宏三</v>
          </cell>
          <cell r="E2688" t="str">
            <v>札幌営業所長</v>
          </cell>
          <cell r="F2688" t="str">
            <v>060-0807</v>
          </cell>
          <cell r="G2688" t="str">
            <v>北区北７西２－８ 北ビル</v>
          </cell>
          <cell r="H2688" t="str">
            <v>758-1131</v>
          </cell>
          <cell r="I2688" t="str">
            <v>700-5264</v>
          </cell>
        </row>
        <row r="2689">
          <cell r="A2689" t="str">
            <v>26214W</v>
          </cell>
          <cell r="B2689" t="str">
            <v>ﾏﾂｵｶｾｷﾕﾀｲﾍｲｷｭｳﾕｼｮ</v>
          </cell>
          <cell r="C2689" t="str">
            <v>松岡石油太平給油所</v>
          </cell>
          <cell r="D2689" t="str">
            <v>松岡 博</v>
          </cell>
          <cell r="E2689" t="str">
            <v>代表者</v>
          </cell>
          <cell r="F2689" t="str">
            <v>002-8006</v>
          </cell>
          <cell r="G2689" t="str">
            <v>北区太平６－１－２－７</v>
          </cell>
          <cell r="H2689" t="str">
            <v>772-0555</v>
          </cell>
          <cell r="I2689" t="str">
            <v>773-3334</v>
          </cell>
        </row>
        <row r="2690">
          <cell r="A2690" t="str">
            <v>26215S</v>
          </cell>
          <cell r="B2690" t="str">
            <v>ﾏｴﾀﾞﾊﾞﾙﾌﾞｺｳｷﾞｮｳ</v>
          </cell>
          <cell r="C2690" t="str">
            <v>前田バルブ工業（株）札幌営業所</v>
          </cell>
          <cell r="D2690" t="str">
            <v>前田 喜郎</v>
          </cell>
          <cell r="E2690" t="str">
            <v>営業所長</v>
          </cell>
          <cell r="F2690" t="str">
            <v>007-0836</v>
          </cell>
          <cell r="G2690" t="str">
            <v>東区北３６東１５－１－１</v>
          </cell>
          <cell r="H2690" t="str">
            <v>742-2275</v>
          </cell>
          <cell r="I2690" t="str">
            <v>742-3232</v>
          </cell>
        </row>
        <row r="2691">
          <cell r="A2691" t="str">
            <v>26220S</v>
          </cell>
          <cell r="B2691" t="str">
            <v>ﾏﾙﾖｼｻｻｷｼｮｳﾃﾝ</v>
          </cell>
          <cell r="C2691" t="str">
            <v>（有）丸与志佐々木商店</v>
          </cell>
          <cell r="D2691" t="str">
            <v>佐々木 信夫</v>
          </cell>
          <cell r="E2691" t="str">
            <v>代表取締役</v>
          </cell>
          <cell r="F2691" t="str">
            <v>005-0814</v>
          </cell>
          <cell r="G2691" t="str">
            <v>南区川沿１４－２－１－６</v>
          </cell>
          <cell r="H2691" t="str">
            <v>571-8244</v>
          </cell>
          <cell r="I2691" t="str">
            <v>572-0763</v>
          </cell>
        </row>
        <row r="2692">
          <cell r="A2692" t="str">
            <v>26223X</v>
          </cell>
          <cell r="B2692" t="str">
            <v>ﾏﾙｾﾞﾝﾔｸﾋﾝ</v>
          </cell>
          <cell r="C2692" t="str">
            <v>丸善薬品（株）</v>
          </cell>
          <cell r="D2692" t="str">
            <v>高島 英寿</v>
          </cell>
          <cell r="E2692" t="str">
            <v>代表取締役</v>
          </cell>
          <cell r="F2692" t="str">
            <v>061-1274</v>
          </cell>
          <cell r="G2692" t="str">
            <v>北広島市大曲工業団地６－２－１３</v>
          </cell>
          <cell r="H2692" t="str">
            <v>376-3860</v>
          </cell>
          <cell r="I2692" t="str">
            <v>376-2600</v>
          </cell>
        </row>
        <row r="2693">
          <cell r="A2693" t="str">
            <v>26226N</v>
          </cell>
          <cell r="B2693" t="str">
            <v>ｼｰｼﾞｰｴｽ</v>
          </cell>
          <cell r="C2693" t="str">
            <v>（有）シージーエス</v>
          </cell>
          <cell r="D2693" t="str">
            <v>寺西 保</v>
          </cell>
          <cell r="E2693" t="str">
            <v>代表取締役</v>
          </cell>
          <cell r="F2693" t="str">
            <v>004-0862</v>
          </cell>
          <cell r="G2693" t="str">
            <v>清田区北野２－３－１１－２２</v>
          </cell>
          <cell r="H2693" t="str">
            <v>889-2205</v>
          </cell>
          <cell r="I2693" t="str">
            <v>889-2201</v>
          </cell>
        </row>
        <row r="2694">
          <cell r="A2694" t="str">
            <v>26227Y</v>
          </cell>
          <cell r="B2694" t="str">
            <v>ﾏｯｼｭ</v>
          </cell>
          <cell r="C2694" t="str">
            <v>（株）マッシュ</v>
          </cell>
          <cell r="D2694" t="str">
            <v>工藤 清治</v>
          </cell>
          <cell r="E2694" t="str">
            <v>代表取締役</v>
          </cell>
          <cell r="F2694" t="str">
            <v>060-0052</v>
          </cell>
          <cell r="G2694" t="str">
            <v>中央区南２東１ 第３泊ビル６階</v>
          </cell>
          <cell r="H2694" t="str">
            <v>251-7980</v>
          </cell>
          <cell r="I2694" t="str">
            <v>251-5548</v>
          </cell>
        </row>
        <row r="2695">
          <cell r="A2695" t="str">
            <v>26228W</v>
          </cell>
          <cell r="B2695" t="str">
            <v>ﾏﾙｹﾞﾝﾖｼﾀﾞ</v>
          </cell>
          <cell r="C2695" t="str">
            <v>丸源吉田</v>
          </cell>
          <cell r="D2695" t="str">
            <v>吉田 正志</v>
          </cell>
          <cell r="E2695" t="str">
            <v>代表</v>
          </cell>
          <cell r="F2695" t="str">
            <v>063-0012</v>
          </cell>
          <cell r="G2695" t="str">
            <v>西区福井２－１３－２３</v>
          </cell>
          <cell r="H2695" t="str">
            <v>666-3755</v>
          </cell>
          <cell r="I2695" t="str">
            <v>666-4230</v>
          </cell>
        </row>
        <row r="2696">
          <cell r="A2696" t="str">
            <v>26237X</v>
          </cell>
          <cell r="B2696" t="str">
            <v>ﾏﾙﾄﾄｳﾜｶｲﾊﾂ</v>
          </cell>
          <cell r="C2696" t="str">
            <v>マルト東和開発（株）</v>
          </cell>
          <cell r="D2696" t="str">
            <v>石原 章弘</v>
          </cell>
          <cell r="E2696" t="str">
            <v>代表取締役</v>
          </cell>
          <cell r="F2696" t="str">
            <v>004-0841</v>
          </cell>
          <cell r="G2696" t="str">
            <v>清田区清田１－１－６－７</v>
          </cell>
          <cell r="H2696" t="str">
            <v>884-9348</v>
          </cell>
          <cell r="I2696" t="str">
            <v>884-6163</v>
          </cell>
        </row>
        <row r="2697">
          <cell r="A2697" t="str">
            <v>26239S</v>
          </cell>
          <cell r="B2697" t="str">
            <v>ﾏﾙﾄｼｲﾀﾐｼｬﾘｮｳ</v>
          </cell>
          <cell r="C2697" t="str">
            <v>丸利伊丹車輌（株）</v>
          </cell>
          <cell r="D2697" t="str">
            <v>伊丹 和雄</v>
          </cell>
          <cell r="E2697" t="str">
            <v>代表取締役</v>
          </cell>
          <cell r="F2697" t="str">
            <v>003-0821</v>
          </cell>
          <cell r="G2697" t="str">
            <v>白石区菊水元町１－２－２－６</v>
          </cell>
          <cell r="H2697" t="str">
            <v>871-2580</v>
          </cell>
          <cell r="I2697" t="str">
            <v>872-8111</v>
          </cell>
        </row>
        <row r="2698">
          <cell r="A2698" t="str">
            <v>26240P</v>
          </cell>
          <cell r="B2698" t="str">
            <v>ﾏｴｶﾜｶﾞﾗｽ</v>
          </cell>
          <cell r="C2698" t="str">
            <v>前川硝子（株）</v>
          </cell>
          <cell r="D2698" t="str">
            <v>前川 義明</v>
          </cell>
          <cell r="E2698" t="str">
            <v>代表取締役</v>
          </cell>
          <cell r="F2698" t="str">
            <v>060-0909</v>
          </cell>
          <cell r="G2698" t="str">
            <v>東区北９東６－１８</v>
          </cell>
          <cell r="H2698" t="str">
            <v>711-4913</v>
          </cell>
          <cell r="I2698" t="str">
            <v>742-5465</v>
          </cell>
        </row>
        <row r="2699">
          <cell r="A2699" t="str">
            <v>26241Z</v>
          </cell>
          <cell r="B2699" t="str">
            <v>ﾏﾂｵｶﾏﾝｳﾝﾕ</v>
          </cell>
          <cell r="C2699" t="str">
            <v>松岡満運輸（株）</v>
          </cell>
          <cell r="D2699" t="str">
            <v>高松 三郎</v>
          </cell>
          <cell r="E2699" t="str">
            <v>代表取締役社長</v>
          </cell>
          <cell r="F2699" t="str">
            <v>003-0030</v>
          </cell>
          <cell r="G2699" t="str">
            <v>白石区流通センター５－１－５</v>
          </cell>
          <cell r="H2699" t="str">
            <v>863-1140</v>
          </cell>
          <cell r="I2699" t="str">
            <v>860-3510</v>
          </cell>
        </row>
        <row r="2700">
          <cell r="A2700" t="str">
            <v>26242X</v>
          </cell>
          <cell r="B2700" t="str">
            <v>ﾏｽﾄ</v>
          </cell>
          <cell r="C2700" t="str">
            <v>（有）マスト</v>
          </cell>
          <cell r="D2700" t="str">
            <v>松谷 典夫</v>
          </cell>
          <cell r="E2700" t="str">
            <v>代表取締役</v>
          </cell>
          <cell r="F2700" t="str">
            <v>001-0932</v>
          </cell>
          <cell r="G2700" t="str">
            <v>北区新川西２－３－１２－１１</v>
          </cell>
          <cell r="H2700" t="str">
            <v>765-0788</v>
          </cell>
          <cell r="I2700" t="str">
            <v>765-7983</v>
          </cell>
        </row>
        <row r="2701">
          <cell r="A2701" t="str">
            <v>26245N</v>
          </cell>
          <cell r="B2701" t="str">
            <v>ﾏﾙｿｳ</v>
          </cell>
          <cell r="C2701" t="str">
            <v>（株）まるそう</v>
          </cell>
          <cell r="D2701" t="str">
            <v>枝元 修生</v>
          </cell>
          <cell r="E2701" t="str">
            <v>代表取締役</v>
          </cell>
          <cell r="F2701" t="str">
            <v>062-0034</v>
          </cell>
          <cell r="G2701" t="str">
            <v>豊平区西岡４－６－９－２１</v>
          </cell>
          <cell r="H2701" t="str">
            <v>856-1211</v>
          </cell>
          <cell r="I2701" t="str">
            <v>856-0878</v>
          </cell>
        </row>
        <row r="2702">
          <cell r="A2702" t="str">
            <v>26246Y</v>
          </cell>
          <cell r="B2702" t="str">
            <v>ﾏｷｼﾏ</v>
          </cell>
          <cell r="C2702" t="str">
            <v>（株）マキシマ</v>
          </cell>
          <cell r="D2702" t="str">
            <v>小野寺 京子</v>
          </cell>
          <cell r="E2702" t="str">
            <v>代表取締役</v>
          </cell>
          <cell r="F2702" t="str">
            <v>060-0042</v>
          </cell>
          <cell r="G2702" t="str">
            <v>中央区大通西１５－２－１</v>
          </cell>
          <cell r="H2702" t="str">
            <v>614-3265</v>
          </cell>
          <cell r="I2702" t="str">
            <v>614-3268</v>
          </cell>
        </row>
        <row r="2703">
          <cell r="A2703" t="str">
            <v>26249R</v>
          </cell>
          <cell r="B2703" t="str">
            <v>ﾏｴﾀﾞｷﾞｮﾓｳ</v>
          </cell>
          <cell r="C2703" t="str">
            <v>（有）前田漁網</v>
          </cell>
          <cell r="D2703" t="str">
            <v>前田 實</v>
          </cell>
          <cell r="E2703" t="str">
            <v>代表取締役社長</v>
          </cell>
          <cell r="F2703" t="str">
            <v>047-0152</v>
          </cell>
          <cell r="G2703" t="str">
            <v>小樽市新光５－１０－１</v>
          </cell>
          <cell r="H2703" t="str">
            <v>0134-52-1171</v>
          </cell>
          <cell r="I2703" t="str">
            <v>0134-52-1991</v>
          </cell>
        </row>
        <row r="2704">
          <cell r="A2704" t="str">
            <v>26250N</v>
          </cell>
          <cell r="B2704" t="str">
            <v>ﾏｲﾃｯｸｻｯﾎﾟﾛ</v>
          </cell>
          <cell r="C2704" t="str">
            <v>（株）マイテック札幌</v>
          </cell>
          <cell r="D2704" t="str">
            <v>村谷 英次</v>
          </cell>
          <cell r="E2704" t="str">
            <v>代表取締役</v>
          </cell>
          <cell r="F2704" t="str">
            <v>060-0053</v>
          </cell>
          <cell r="G2704" t="str">
            <v>中央区南３東４－１－１８</v>
          </cell>
          <cell r="H2704" t="str">
            <v>242-7821</v>
          </cell>
          <cell r="I2704" t="str">
            <v>242-7830</v>
          </cell>
        </row>
        <row r="2705">
          <cell r="A2705" t="str">
            <v>26252W</v>
          </cell>
          <cell r="B2705" t="str">
            <v>ﾏﾘﾓｼｮｳｼﾞ</v>
          </cell>
          <cell r="C2705" t="str">
            <v>マリモ商事（株）</v>
          </cell>
          <cell r="D2705" t="str">
            <v>小笠原 武廣</v>
          </cell>
          <cell r="E2705" t="str">
            <v>代表取締役</v>
          </cell>
          <cell r="F2705" t="str">
            <v>065-0015</v>
          </cell>
          <cell r="G2705" t="str">
            <v>東区北１５東１２－２－１</v>
          </cell>
          <cell r="H2705" t="str">
            <v>742-9444</v>
          </cell>
          <cell r="I2705" t="str">
            <v>742-9447</v>
          </cell>
        </row>
        <row r="2706">
          <cell r="A2706" t="str">
            <v>26253T</v>
          </cell>
          <cell r="B2706" t="str">
            <v>ﾏﾙﾐﾔ</v>
          </cell>
          <cell r="C2706" t="str">
            <v>（有）円美屋</v>
          </cell>
          <cell r="D2706" t="str">
            <v>多田 光利</v>
          </cell>
          <cell r="E2706" t="str">
            <v>代表取締役</v>
          </cell>
          <cell r="F2706" t="str">
            <v>064-0801</v>
          </cell>
          <cell r="G2706" t="str">
            <v>中央区南１西２６－１－８</v>
          </cell>
          <cell r="H2706" t="str">
            <v>622-8010</v>
          </cell>
          <cell r="I2706" t="str">
            <v>622-8036</v>
          </cell>
        </row>
        <row r="2707">
          <cell r="A2707" t="str">
            <v>26254R</v>
          </cell>
          <cell r="B2707" t="str">
            <v>ﾏﾂｲ</v>
          </cell>
          <cell r="C2707" t="str">
            <v>（株）マツイ札幌事業所</v>
          </cell>
          <cell r="D2707" t="str">
            <v>笹尾 睦男</v>
          </cell>
          <cell r="E2707" t="str">
            <v>所長</v>
          </cell>
          <cell r="F2707" t="str">
            <v>060-0004</v>
          </cell>
          <cell r="G2707" t="str">
            <v>中央区北４西７－１－５</v>
          </cell>
          <cell r="H2707" t="str">
            <v>261-3301</v>
          </cell>
          <cell r="I2707" t="str">
            <v>271-7006</v>
          </cell>
        </row>
        <row r="2708">
          <cell r="A2708" t="str">
            <v>26255Z</v>
          </cell>
          <cell r="B2708" t="str">
            <v>ﾏｲﾆﾁｹｲｼﾞﾄﾞｳｼｬｳﾝｿｳｼﾞｷﾞｮｳ</v>
          </cell>
          <cell r="C2708" t="str">
            <v>毎日軽自動車運送事業（協）</v>
          </cell>
          <cell r="D2708" t="str">
            <v>笠松 紀美子</v>
          </cell>
          <cell r="E2708" t="str">
            <v>代表理事</v>
          </cell>
          <cell r="F2708" t="str">
            <v>003-0030</v>
          </cell>
          <cell r="G2708" t="str">
            <v>白石区流通センター５－６－６５</v>
          </cell>
          <cell r="H2708" t="str">
            <v>861-3978</v>
          </cell>
          <cell r="I2708" t="str">
            <v>861-3965</v>
          </cell>
        </row>
        <row r="2709">
          <cell r="A2709" t="str">
            <v>26256X</v>
          </cell>
          <cell r="B2709" t="str">
            <v>ﾏﾙｷｳﾝﾕ</v>
          </cell>
          <cell r="C2709" t="str">
            <v>丸喜運輸（株）</v>
          </cell>
          <cell r="D2709" t="str">
            <v>工藤 賢一</v>
          </cell>
          <cell r="E2709" t="str">
            <v>代表取締役社長</v>
          </cell>
          <cell r="F2709" t="str">
            <v>007-0881</v>
          </cell>
          <cell r="G2709" t="str">
            <v>東区北丘珠１－４－２－１</v>
          </cell>
          <cell r="H2709" t="str">
            <v>791-1708</v>
          </cell>
          <cell r="I2709" t="str">
            <v>791-1362</v>
          </cell>
        </row>
        <row r="2710">
          <cell r="A2710" t="str">
            <v>26262V</v>
          </cell>
          <cell r="B2710" t="str">
            <v>ﾏﾁｾｲｻｸｼﾂ</v>
          </cell>
          <cell r="C2710" t="str">
            <v>街制作室（株）</v>
          </cell>
          <cell r="D2710" t="str">
            <v>國分 裕正</v>
          </cell>
          <cell r="E2710" t="str">
            <v>代表取締役</v>
          </cell>
          <cell r="F2710" t="str">
            <v>060-0004</v>
          </cell>
          <cell r="G2710" t="str">
            <v>中央区北４西１２－１－２８</v>
          </cell>
          <cell r="H2710" t="str">
            <v>271-5333</v>
          </cell>
          <cell r="I2710" t="str">
            <v>271-5332</v>
          </cell>
        </row>
        <row r="2711">
          <cell r="A2711" t="str">
            <v>26270Y</v>
          </cell>
          <cell r="B2711" t="str">
            <v>ﾏﾙｲｱﾀﾞﾁ</v>
          </cell>
          <cell r="C2711" t="str">
            <v>（株）丸井足立</v>
          </cell>
          <cell r="D2711" t="str">
            <v>足立 榮一</v>
          </cell>
          <cell r="E2711" t="str">
            <v>代表取締役</v>
          </cell>
          <cell r="F2711" t="str">
            <v>065-0019</v>
          </cell>
          <cell r="G2711" t="str">
            <v>東区北１９東１－１－２４</v>
          </cell>
          <cell r="H2711" t="str">
            <v>741-0070</v>
          </cell>
          <cell r="I2711" t="str">
            <v>741-0071</v>
          </cell>
        </row>
        <row r="2712">
          <cell r="A2712" t="str">
            <v>26271W</v>
          </cell>
          <cell r="B2712" t="str">
            <v>ﾏﾙﾖｼｷﾝｿﾞｸ</v>
          </cell>
          <cell r="C2712" t="str">
            <v>丸吉金属（株）</v>
          </cell>
          <cell r="D2712" t="str">
            <v>秦 照幸</v>
          </cell>
          <cell r="E2712" t="str">
            <v>代表取締役</v>
          </cell>
          <cell r="F2712" t="str">
            <v>061-1264</v>
          </cell>
          <cell r="G2712" t="str">
            <v>北広島市輪厚６８１－１４</v>
          </cell>
          <cell r="H2712" t="str">
            <v>377-6397</v>
          </cell>
          <cell r="I2712" t="str">
            <v>377-6582</v>
          </cell>
        </row>
        <row r="2713">
          <cell r="A2713" t="str">
            <v>26272T</v>
          </cell>
          <cell r="B2713" t="str">
            <v>ﾏｰﾍﾞﾘｯｸ</v>
          </cell>
          <cell r="C2713" t="str">
            <v>（株）マーベリック</v>
          </cell>
          <cell r="D2713" t="str">
            <v>芥 郁夫</v>
          </cell>
          <cell r="E2713" t="str">
            <v>代表取締役</v>
          </cell>
          <cell r="F2713" t="str">
            <v>064-0804</v>
          </cell>
          <cell r="G2713" t="str">
            <v>中央区南４西１－１５－２ 栗林ビル３Ｆ</v>
          </cell>
          <cell r="H2713" t="str">
            <v>261-7022</v>
          </cell>
          <cell r="I2713" t="str">
            <v>261-7076</v>
          </cell>
        </row>
        <row r="2714">
          <cell r="A2714" t="str">
            <v>26274N</v>
          </cell>
          <cell r="B2714" t="str">
            <v>ﾏﾙｱﾘｭｳﾂｳｼｮｳｼﾞ</v>
          </cell>
          <cell r="C2714" t="str">
            <v>マルア流通商事（株）</v>
          </cell>
          <cell r="D2714" t="str">
            <v>更田 篤俊</v>
          </cell>
          <cell r="E2714" t="str">
            <v>代表取締役</v>
          </cell>
          <cell r="F2714" t="str">
            <v>063-0861</v>
          </cell>
          <cell r="G2714" t="str">
            <v>西区八軒１東４－７１６－２１ 泰伸ビル２Ｆ</v>
          </cell>
          <cell r="H2714" t="str">
            <v>643-2623</v>
          </cell>
          <cell r="I2714" t="str">
            <v>642-7411</v>
          </cell>
        </row>
        <row r="2715">
          <cell r="A2715" t="str">
            <v>26278P</v>
          </cell>
          <cell r="B2715" t="str">
            <v>ﾏﾙﾀﾞｲﾜｺｳ</v>
          </cell>
          <cell r="C2715" t="str">
            <v>丸大和光（株）</v>
          </cell>
          <cell r="D2715" t="str">
            <v>大下 博</v>
          </cell>
          <cell r="E2715" t="str">
            <v>代表取締役</v>
          </cell>
          <cell r="F2715" t="str">
            <v>061-3244</v>
          </cell>
          <cell r="G2715" t="str">
            <v>石狩市新港南３－７００－４６</v>
          </cell>
          <cell r="H2715" t="str">
            <v>0133-64-0511</v>
          </cell>
          <cell r="I2715" t="str">
            <v>0133-64-0533</v>
          </cell>
        </row>
        <row r="2716">
          <cell r="A2716" t="str">
            <v>26282S</v>
          </cell>
          <cell r="B2716" t="str">
            <v>ﾏﾙｶﾞﾈｱｸﾃｨﾌﾞ</v>
          </cell>
          <cell r="C2716" t="str">
            <v>（有）丸金アクティブ</v>
          </cell>
          <cell r="D2716" t="str">
            <v>鈴木 英樹</v>
          </cell>
          <cell r="E2716" t="str">
            <v>取締役</v>
          </cell>
          <cell r="F2716" t="str">
            <v>064-0810</v>
          </cell>
          <cell r="G2716" t="str">
            <v>中央区南１０西１５－１－１１</v>
          </cell>
          <cell r="H2716" t="str">
            <v>513-7787</v>
          </cell>
          <cell r="I2716" t="str">
            <v>513-7345</v>
          </cell>
        </row>
        <row r="2717">
          <cell r="A2717" t="str">
            <v>26283P</v>
          </cell>
          <cell r="B2717" t="str">
            <v>ﾏﾈｯｼﾞﾊﾟｰﾄﾅｰ</v>
          </cell>
          <cell r="C2717" t="str">
            <v>（株）マネッジパートナー</v>
          </cell>
          <cell r="D2717" t="str">
            <v>松井 勝史</v>
          </cell>
          <cell r="E2717" t="str">
            <v>代表取締役</v>
          </cell>
          <cell r="F2717" t="str">
            <v>060-0061</v>
          </cell>
          <cell r="G2717" t="str">
            <v>中央区南１西９－５－１</v>
          </cell>
          <cell r="H2717" t="str">
            <v>222-3430</v>
          </cell>
          <cell r="I2717" t="str">
            <v>222-5014</v>
          </cell>
        </row>
        <row r="2718">
          <cell r="A2718" t="str">
            <v>26284Z</v>
          </cell>
          <cell r="B2718" t="str">
            <v>ﾏﾈｼﾞﾒﾝﾄﾃｸﾉ</v>
          </cell>
          <cell r="C2718" t="str">
            <v>（株）マネジメントテクノ</v>
          </cell>
          <cell r="D2718" t="str">
            <v>中矢 弘明</v>
          </cell>
          <cell r="E2718" t="str">
            <v>代表取締役社長</v>
          </cell>
          <cell r="F2718" t="str">
            <v>103-0023</v>
          </cell>
          <cell r="G2718" t="str">
            <v>東京都中央区日本橋本町４－９－１１ 第９</v>
          </cell>
          <cell r="H2718" t="str">
            <v>03-5642-7261</v>
          </cell>
          <cell r="I2718" t="str">
            <v>03-5642-7271</v>
          </cell>
        </row>
        <row r="2719">
          <cell r="A2719" t="str">
            <v>26285W</v>
          </cell>
          <cell r="B2719" t="str">
            <v>ﾏﾝﾊﾟﾜｰ･ｼﾞｬﾊﾟﾝ</v>
          </cell>
          <cell r="C2719" t="str">
            <v>マンパワー・ジャパン（株）札幌支店</v>
          </cell>
          <cell r="D2719" t="str">
            <v>糠塚 淳</v>
          </cell>
          <cell r="E2719" t="str">
            <v>支店長</v>
          </cell>
          <cell r="F2719" t="str">
            <v>060-0002</v>
          </cell>
          <cell r="G2719" t="str">
            <v>中央区北２西４－１ 北海道ビル１</v>
          </cell>
          <cell r="H2719" t="str">
            <v>222-4881</v>
          </cell>
          <cell r="I2719" t="str">
            <v>231-0322</v>
          </cell>
        </row>
        <row r="2720">
          <cell r="A2720" t="str">
            <v>26286T</v>
          </cell>
          <cell r="B2720" t="str">
            <v>ﾏｷｼﾑｱﾘﾏﾝ</v>
          </cell>
          <cell r="C2720" t="str">
            <v>（株）マキシムアリマン</v>
          </cell>
          <cell r="D2720" t="str">
            <v>村上 正司</v>
          </cell>
          <cell r="E2720" t="str">
            <v>代表取締役</v>
          </cell>
          <cell r="F2720" t="str">
            <v>063-0866</v>
          </cell>
          <cell r="G2720" t="str">
            <v>西区八軒６東１－３－１１</v>
          </cell>
          <cell r="H2720" t="str">
            <v>644-7161</v>
          </cell>
          <cell r="I2720" t="str">
            <v>644-7141</v>
          </cell>
        </row>
        <row r="2721">
          <cell r="A2721" t="str">
            <v>26287R</v>
          </cell>
          <cell r="B2721" t="str">
            <v>ﾏｯﾄｺﾝｻﾙﾀﾝﾄ</v>
          </cell>
          <cell r="C2721" t="str">
            <v>マットコンサルタント（株）</v>
          </cell>
          <cell r="D2721" t="str">
            <v>畳谷 勝雄</v>
          </cell>
          <cell r="E2721" t="str">
            <v>代表取締役</v>
          </cell>
          <cell r="F2721" t="str">
            <v>006-0811</v>
          </cell>
          <cell r="G2721" t="str">
            <v>手稲区前田１－４－５－１１</v>
          </cell>
          <cell r="H2721" t="str">
            <v>684-1667</v>
          </cell>
          <cell r="I2721" t="str">
            <v>684-1667</v>
          </cell>
        </row>
        <row r="2722">
          <cell r="A2722" t="str">
            <v>26291T</v>
          </cell>
          <cell r="B2722" t="str">
            <v>ﾏﾂﾀﾞｸﾘｰﾆﾝｸﾞﾃﾝ</v>
          </cell>
          <cell r="C2722" t="str">
            <v>松田クリーニング店</v>
          </cell>
          <cell r="D2722" t="str">
            <v>松田 由雄</v>
          </cell>
          <cell r="E2722" t="str">
            <v>代表者</v>
          </cell>
          <cell r="F2722" t="str">
            <v>001-0911</v>
          </cell>
          <cell r="G2722" t="str">
            <v>北区新琴似１１－８－２－９</v>
          </cell>
          <cell r="H2722" t="str">
            <v>762-1792</v>
          </cell>
          <cell r="I2722" t="str">
            <v>762-1792</v>
          </cell>
        </row>
        <row r="2723">
          <cell r="A2723" t="str">
            <v>26292R</v>
          </cell>
          <cell r="B2723" t="str">
            <v>ﾏﾙｼﾞﾙｼﾀｲﾜ</v>
          </cell>
          <cell r="C2723" t="str">
            <v>（有）丸印太和</v>
          </cell>
          <cell r="D2723" t="str">
            <v>簑輪 巌</v>
          </cell>
          <cell r="E2723" t="str">
            <v>代表取締役</v>
          </cell>
          <cell r="F2723" t="str">
            <v>006-0021</v>
          </cell>
          <cell r="G2723" t="str">
            <v>手稲区手稲本町１－３－１－１７</v>
          </cell>
          <cell r="H2723" t="str">
            <v>681-2144</v>
          </cell>
          <cell r="I2723" t="str">
            <v>681-3226</v>
          </cell>
        </row>
        <row r="2724">
          <cell r="A2724" t="str">
            <v>26293N</v>
          </cell>
          <cell r="B2724" t="str">
            <v>ﾏﾙｲﾋﾞﾙｼｽﾃﾑ</v>
          </cell>
          <cell r="C2724" t="str">
            <v>（株）丸井ビルシステム</v>
          </cell>
          <cell r="D2724" t="str">
            <v>畑中 幸一</v>
          </cell>
          <cell r="E2724" t="str">
            <v>代表取締役社長</v>
          </cell>
          <cell r="F2724" t="str">
            <v>060-0061</v>
          </cell>
          <cell r="G2724" t="str">
            <v>中央区南１西２－１５</v>
          </cell>
          <cell r="H2724" t="str">
            <v>205-1455</v>
          </cell>
          <cell r="I2724" t="str">
            <v>205-1407</v>
          </cell>
        </row>
        <row r="2725">
          <cell r="A2725" t="str">
            <v>26294Y</v>
          </cell>
          <cell r="B2725" t="str">
            <v>ﾏﾂﾀﾞﾚﾝﾀﾘｰｽﾎｯｶｲﾄﾞｳ</v>
          </cell>
          <cell r="C2725" t="str">
            <v>（株）マツダレンタリース北海道</v>
          </cell>
          <cell r="D2725" t="str">
            <v>横井 久</v>
          </cell>
          <cell r="E2725" t="str">
            <v>代表取締役</v>
          </cell>
          <cell r="F2725" t="str">
            <v>060-0032</v>
          </cell>
          <cell r="G2725" t="str">
            <v>中央区北２東１－１</v>
          </cell>
          <cell r="H2725" t="str">
            <v>222-6900</v>
          </cell>
          <cell r="I2725" t="str">
            <v>252-0492</v>
          </cell>
        </row>
        <row r="2726">
          <cell r="A2726" t="str">
            <v>26295V</v>
          </cell>
          <cell r="B2726" t="str">
            <v>ﾏﾙﾋﾋﾓﾛｻﾝｷﾞｮｳ</v>
          </cell>
          <cell r="C2726" t="str">
            <v>（株）丸日日諸産業</v>
          </cell>
          <cell r="D2726" t="str">
            <v>野村 佳史</v>
          </cell>
          <cell r="E2726" t="str">
            <v>代表取締役</v>
          </cell>
          <cell r="F2726" t="str">
            <v>062-0035</v>
          </cell>
          <cell r="G2726" t="str">
            <v>豊平区西岡５－１－１－８</v>
          </cell>
          <cell r="H2726" t="str">
            <v>851-0160</v>
          </cell>
          <cell r="I2726" t="str">
            <v>851-0773</v>
          </cell>
        </row>
        <row r="2727">
          <cell r="A2727" t="str">
            <v>26297P</v>
          </cell>
          <cell r="B2727" t="str">
            <v>ﾏｯｼｭﾈｯﾄ</v>
          </cell>
          <cell r="C2727" t="str">
            <v>（有）マッシュネット</v>
          </cell>
          <cell r="D2727" t="str">
            <v>工藤 洋子</v>
          </cell>
          <cell r="E2727" t="str">
            <v>代表取締役</v>
          </cell>
          <cell r="F2727" t="str">
            <v>060-0052</v>
          </cell>
          <cell r="G2727" t="str">
            <v>中央区南２東１ 第３泊ビル６階</v>
          </cell>
          <cell r="H2727" t="str">
            <v>252-5450</v>
          </cell>
          <cell r="I2727" t="str">
            <v>252-6252</v>
          </cell>
        </row>
        <row r="2728">
          <cell r="A2728" t="str">
            <v>26298Z</v>
          </cell>
          <cell r="B2728" t="str">
            <v>ﾏﾙﾔｽｱﾝﾄﾞｳｼｮｳﾃﾝ</v>
          </cell>
          <cell r="C2728" t="str">
            <v>（株）マルヤス安藤商店</v>
          </cell>
          <cell r="D2728" t="str">
            <v>秋山 朝光</v>
          </cell>
          <cell r="E2728" t="str">
            <v>代表取締役</v>
          </cell>
          <cell r="F2728" t="str">
            <v>003-0002</v>
          </cell>
          <cell r="G2728" t="str">
            <v>白石区東札幌２－３－３</v>
          </cell>
          <cell r="H2728" t="str">
            <v>815-1315</v>
          </cell>
          <cell r="I2728" t="str">
            <v>815-3734</v>
          </cell>
        </row>
        <row r="2729">
          <cell r="A2729" t="str">
            <v>26299X</v>
          </cell>
          <cell r="B2729" t="str">
            <v>ﾏﾙｶﾂﾀｲｼｮｳｹﾝｾﾂ</v>
          </cell>
          <cell r="C2729" t="str">
            <v>マルカツ大勝建設（株）</v>
          </cell>
          <cell r="D2729" t="str">
            <v>阿部 弘</v>
          </cell>
          <cell r="E2729" t="str">
            <v>代表取締役</v>
          </cell>
          <cell r="F2729" t="str">
            <v>061-2283</v>
          </cell>
          <cell r="G2729" t="str">
            <v>南区藤野３－７－４－１２</v>
          </cell>
          <cell r="H2729" t="str">
            <v>591-3257</v>
          </cell>
          <cell r="I2729" t="str">
            <v>591-5840</v>
          </cell>
        </row>
        <row r="2730">
          <cell r="A2730" t="str">
            <v>26300S</v>
          </cell>
          <cell r="B2730" t="str">
            <v>ﾏﾙｼﾝ</v>
          </cell>
          <cell r="C2730" t="str">
            <v>（株）丸信</v>
          </cell>
          <cell r="D2730" t="str">
            <v>島田 信彦</v>
          </cell>
          <cell r="E2730" t="str">
            <v>代表取締役</v>
          </cell>
          <cell r="F2730" t="str">
            <v>060-0003</v>
          </cell>
          <cell r="G2730" t="str">
            <v>中央区北３西２－１ カミヤマビル３Ｆ</v>
          </cell>
          <cell r="H2730" t="str">
            <v>251-1516</v>
          </cell>
          <cell r="I2730" t="str">
            <v>251-4998</v>
          </cell>
        </row>
        <row r="2731">
          <cell r="A2731" t="str">
            <v>26303X</v>
          </cell>
          <cell r="B2731" t="str">
            <v>ﾏﾂｼﾀﾃﾞﾝｺｳﾃｸﾉｻｰﾋﾞｽ</v>
          </cell>
          <cell r="C2731" t="str">
            <v>松下電工テクノサービス（株）北海道支社</v>
          </cell>
          <cell r="D2731" t="str">
            <v>松島 猛</v>
          </cell>
          <cell r="E2731" t="str">
            <v>執行役員支社長</v>
          </cell>
          <cell r="F2731" t="str">
            <v>060-0006</v>
          </cell>
          <cell r="G2731" t="str">
            <v>中央区北６西１２－１３</v>
          </cell>
          <cell r="H2731" t="str">
            <v>261-7612</v>
          </cell>
          <cell r="I2731" t="str">
            <v>261-6762</v>
          </cell>
        </row>
        <row r="2732">
          <cell r="A2732" t="str">
            <v>26304V</v>
          </cell>
          <cell r="B2732" t="str">
            <v>ﾏﾙｼﾝﾄｳｷｮｳｶｲﾊﾂ</v>
          </cell>
          <cell r="C2732" t="str">
            <v>丸新東京開発（株）</v>
          </cell>
          <cell r="D2732" t="str">
            <v>覚幸 龍一</v>
          </cell>
          <cell r="E2732" t="str">
            <v>代表取締役</v>
          </cell>
          <cell r="F2732" t="str">
            <v>005-0801</v>
          </cell>
          <cell r="G2732" t="str">
            <v>南区川沿１－３－１７１３－１５</v>
          </cell>
          <cell r="H2732" t="str">
            <v>571-7850</v>
          </cell>
          <cell r="I2732" t="str">
            <v>571-7851</v>
          </cell>
        </row>
        <row r="2733">
          <cell r="A2733" t="str">
            <v>26305R</v>
          </cell>
          <cell r="B2733" t="str">
            <v>ﾏﾙﾐ</v>
          </cell>
          <cell r="C2733" t="str">
            <v>（株）まるみ</v>
          </cell>
          <cell r="D2733" t="str">
            <v>神田 文雄</v>
          </cell>
          <cell r="E2733" t="str">
            <v>代表取締役</v>
          </cell>
          <cell r="F2733" t="str">
            <v>001-0922</v>
          </cell>
          <cell r="G2733" t="str">
            <v>北区新川２－７－１－８</v>
          </cell>
          <cell r="H2733" t="str">
            <v>768-1555</v>
          </cell>
          <cell r="I2733" t="str">
            <v>768-1550</v>
          </cell>
        </row>
        <row r="2734">
          <cell r="A2734" t="str">
            <v>26306N</v>
          </cell>
          <cell r="B2734" t="str">
            <v>ﾏﾁﾂﾞｸﾘｺｳﾎﾞｳ</v>
          </cell>
          <cell r="C2734" t="str">
            <v>（株）まちづくり工房</v>
          </cell>
          <cell r="D2734" t="str">
            <v>大橋 南海子</v>
          </cell>
          <cell r="E2734" t="str">
            <v>代表取締役</v>
          </cell>
          <cell r="F2734" t="str">
            <v>101-0032</v>
          </cell>
          <cell r="G2734" t="str">
            <v>東京都千代田区岩本町２－５－１０ サンラ</v>
          </cell>
          <cell r="H2734" t="str">
            <v>03-3861-1484</v>
          </cell>
          <cell r="I2734" t="str">
            <v>03-5825-1441</v>
          </cell>
        </row>
        <row r="2735">
          <cell r="A2735" t="str">
            <v>26310R</v>
          </cell>
          <cell r="B2735" t="str">
            <v>ﾏﾙﾄﾖﾎｸｵｰｺｳｷﾞｮｳ</v>
          </cell>
          <cell r="C2735" t="str">
            <v>丸豊ホクオー興業（株）</v>
          </cell>
          <cell r="D2735" t="str">
            <v>熊坂 峻</v>
          </cell>
          <cell r="E2735" t="str">
            <v>代表取締役</v>
          </cell>
          <cell r="F2735" t="str">
            <v>062-0002</v>
          </cell>
          <cell r="G2735" t="str">
            <v>豊平区美園２－３－２－４</v>
          </cell>
          <cell r="H2735" t="str">
            <v>841-2652</v>
          </cell>
          <cell r="I2735" t="str">
            <v>841-2653</v>
          </cell>
        </row>
        <row r="2736">
          <cell r="A2736" t="str">
            <v>26311N</v>
          </cell>
          <cell r="B2736" t="str">
            <v>ﾏｰｶﾞﾚｯﾄｻｰﾋﾞｽ</v>
          </cell>
          <cell r="C2736" t="str">
            <v>マーガレットサービス（株）</v>
          </cell>
          <cell r="D2736" t="str">
            <v>遠藤 英彦</v>
          </cell>
          <cell r="E2736" t="str">
            <v>代表取締役</v>
          </cell>
          <cell r="F2736" t="str">
            <v>065-0033</v>
          </cell>
          <cell r="G2736" t="str">
            <v>東区北３３東１６－４－１ ミリオンビル２階</v>
          </cell>
          <cell r="H2736" t="str">
            <v>787-3303</v>
          </cell>
          <cell r="I2736" t="str">
            <v>787-3790</v>
          </cell>
        </row>
        <row r="2737">
          <cell r="A2737" t="str">
            <v>26312Y</v>
          </cell>
          <cell r="B2737" t="str">
            <v>ﾏﾂﾀﾞｵｰﾄﾘｰｽ</v>
          </cell>
          <cell r="C2737" t="str">
            <v>マツダオートリース（株）</v>
          </cell>
          <cell r="D2737" t="str">
            <v>板橋 英隆</v>
          </cell>
          <cell r="E2737" t="str">
            <v>代表取締役</v>
          </cell>
          <cell r="F2737" t="str">
            <v>732-0825</v>
          </cell>
          <cell r="G2737" t="str">
            <v>広島市南区金屋町２－１５</v>
          </cell>
          <cell r="H2737" t="str">
            <v>082-262-5688</v>
          </cell>
          <cell r="I2737" t="str">
            <v>082-262-2627</v>
          </cell>
        </row>
        <row r="2738">
          <cell r="A2738" t="str">
            <v>26313W</v>
          </cell>
          <cell r="B2738" t="str">
            <v>ﾏｸｼｰﾄﾞ</v>
          </cell>
          <cell r="C2738" t="str">
            <v>（株）マクシード</v>
          </cell>
          <cell r="D2738" t="str">
            <v>新山 靖雄</v>
          </cell>
          <cell r="E2738" t="str">
            <v>代表取締役</v>
          </cell>
          <cell r="F2738" t="str">
            <v>102-0072</v>
          </cell>
          <cell r="G2738" t="str">
            <v>東京都千代田区飯田橋２－９－３</v>
          </cell>
          <cell r="H2738" t="str">
            <v>03-3234-7772</v>
          </cell>
          <cell r="I2738" t="str">
            <v>03-3234-5866</v>
          </cell>
        </row>
        <row r="2739">
          <cell r="A2739" t="str">
            <v>26315P</v>
          </cell>
          <cell r="B2739" t="str">
            <v>ﾏﾙｼﾞｭｳﾎｯｶｲﾌﾞｯｻﾝｼｮｳｼﾞ</v>
          </cell>
          <cell r="C2739" t="str">
            <v>（株）丸十北海物産商事</v>
          </cell>
          <cell r="D2739" t="str">
            <v>坂井 照雄</v>
          </cell>
          <cell r="E2739" t="str">
            <v>代表取締役</v>
          </cell>
          <cell r="F2739" t="str">
            <v>003-0852</v>
          </cell>
          <cell r="G2739" t="str">
            <v>白石区川北２－３－２－５</v>
          </cell>
          <cell r="H2739" t="str">
            <v>871-6226</v>
          </cell>
          <cell r="I2739" t="str">
            <v>875-5335</v>
          </cell>
        </row>
        <row r="2740">
          <cell r="A2740" t="str">
            <v>26316Z</v>
          </cell>
          <cell r="B2740" t="str">
            <v>ﾏｻﾑﾗﾃｲｴﾝ</v>
          </cell>
          <cell r="C2740" t="str">
            <v>（有）政村庭園</v>
          </cell>
          <cell r="D2740" t="str">
            <v>政村 悦啓</v>
          </cell>
          <cell r="E2740" t="str">
            <v>代表取締役</v>
          </cell>
          <cell r="F2740" t="str">
            <v>004-0863</v>
          </cell>
          <cell r="G2740" t="str">
            <v>清田区北野３－３－１８－２２</v>
          </cell>
          <cell r="H2740" t="str">
            <v>884-9694</v>
          </cell>
          <cell r="I2740" t="str">
            <v>884-9727</v>
          </cell>
        </row>
        <row r="2741">
          <cell r="A2741" t="str">
            <v>26317X</v>
          </cell>
          <cell r="B2741" t="str">
            <v>ﾏﾙｼﾝｻﾄｳｾｲｶﾃﾝ</v>
          </cell>
          <cell r="C2741" t="str">
            <v>（有）丸信佐藤青果店</v>
          </cell>
          <cell r="D2741" t="str">
            <v>佐藤 信一</v>
          </cell>
          <cell r="E2741" t="str">
            <v>代表取締役</v>
          </cell>
          <cell r="F2741" t="str">
            <v>062-0031</v>
          </cell>
          <cell r="G2741" t="str">
            <v>豊平区西岡１－３－１０－１９</v>
          </cell>
          <cell r="H2741" t="str">
            <v>857-5499</v>
          </cell>
          <cell r="I2741" t="str">
            <v>857-5499</v>
          </cell>
        </row>
        <row r="2742">
          <cell r="A2742" t="str">
            <v>26318V</v>
          </cell>
          <cell r="B2742" t="str">
            <v>ﾏﾂﾔﾃﾞﾝｷ</v>
          </cell>
          <cell r="C2742" t="str">
            <v>（株）マツヤデンキ</v>
          </cell>
          <cell r="D2742" t="str">
            <v>百北 明司</v>
          </cell>
          <cell r="E2742" t="str">
            <v>営業部長</v>
          </cell>
          <cell r="F2742" t="str">
            <v>542-0075</v>
          </cell>
          <cell r="G2742" t="str">
            <v>区大阪市中央区難波千日前１３－１０</v>
          </cell>
          <cell r="H2742" t="str">
            <v>06-6643-5461</v>
          </cell>
          <cell r="I2742" t="str">
            <v>06-6643-5466</v>
          </cell>
        </row>
        <row r="2743">
          <cell r="A2743" t="str">
            <v>26319S</v>
          </cell>
          <cell r="B2743" t="str">
            <v>ﾏﾙｼﾝｲﾝｻﾂ</v>
          </cell>
          <cell r="C2743" t="str">
            <v>（株）マルシン印刷</v>
          </cell>
          <cell r="D2743" t="str">
            <v>榊原 弘子</v>
          </cell>
          <cell r="E2743" t="str">
            <v>代表取締役</v>
          </cell>
          <cell r="F2743" t="str">
            <v>003-0023</v>
          </cell>
          <cell r="G2743" t="str">
            <v>白石区南郷通１９北２－１</v>
          </cell>
          <cell r="H2743" t="str">
            <v>862-5588</v>
          </cell>
          <cell r="I2743" t="str">
            <v>864-7788</v>
          </cell>
        </row>
        <row r="2744">
          <cell r="A2744" t="str">
            <v>26320P</v>
          </cell>
          <cell r="B2744" t="str">
            <v>ﾏﾙﾄﾖｺｳｼﾝｺｳｷﾞｮｳ</v>
          </cell>
          <cell r="C2744" t="str">
            <v>（有）丸豊コウシン工業</v>
          </cell>
          <cell r="D2744" t="str">
            <v>鈴木 功</v>
          </cell>
          <cell r="E2744" t="str">
            <v>代表取締役</v>
          </cell>
          <cell r="F2744" t="str">
            <v>062-0904</v>
          </cell>
          <cell r="G2744" t="str">
            <v>豊平区豊平４－１３－１－２０</v>
          </cell>
          <cell r="H2744" t="str">
            <v>823-6413</v>
          </cell>
          <cell r="I2744" t="str">
            <v>825-6318</v>
          </cell>
        </row>
        <row r="2745">
          <cell r="A2745" t="str">
            <v>26502T</v>
          </cell>
          <cell r="B2745" t="str">
            <v>ﾐﾔﾀｼﾞﾄﾞｳｼｬｼｮｳｶｲ</v>
          </cell>
          <cell r="C2745" t="str">
            <v>（株）宮田自動車商会</v>
          </cell>
          <cell r="D2745" t="str">
            <v>宮田 正昭</v>
          </cell>
          <cell r="E2745" t="str">
            <v>代表取締役</v>
          </cell>
          <cell r="F2745" t="str">
            <v>060-0031</v>
          </cell>
          <cell r="G2745" t="str">
            <v>中央区北１東１１－２２</v>
          </cell>
          <cell r="H2745" t="str">
            <v>261-3451</v>
          </cell>
          <cell r="I2745" t="str">
            <v>242-1241</v>
          </cell>
        </row>
        <row r="2746">
          <cell r="A2746" t="str">
            <v>26503R</v>
          </cell>
          <cell r="B2746" t="str">
            <v>ﾐﾔﾀｼﾞﾄﾞｳｼｬｺｳｷﾞｮｳ</v>
          </cell>
          <cell r="C2746" t="str">
            <v>宮田自動車工業（株）</v>
          </cell>
          <cell r="D2746" t="str">
            <v>宮田 泰</v>
          </cell>
          <cell r="E2746" t="str">
            <v>代表取締役</v>
          </cell>
          <cell r="F2746" t="str">
            <v>060-0031</v>
          </cell>
          <cell r="G2746" t="str">
            <v>中央区北１東１１－２２</v>
          </cell>
          <cell r="H2746" t="str">
            <v>241-6693</v>
          </cell>
          <cell r="I2746" t="str">
            <v>231-7655</v>
          </cell>
        </row>
        <row r="2747">
          <cell r="A2747" t="str">
            <v>26506V</v>
          </cell>
          <cell r="B2747" t="str">
            <v>ﾐﾑﾛｲﾝﾎﾞｳ</v>
          </cell>
          <cell r="C2747" t="str">
            <v>（株）三室印房</v>
          </cell>
          <cell r="D2747" t="str">
            <v>近藤 知二</v>
          </cell>
          <cell r="E2747" t="str">
            <v>取締役社長</v>
          </cell>
          <cell r="F2747" t="str">
            <v>060-0062</v>
          </cell>
          <cell r="G2747" t="str">
            <v>中央区南２西５－１４</v>
          </cell>
          <cell r="H2747" t="str">
            <v>221-2906</v>
          </cell>
          <cell r="I2747" t="str">
            <v>221-0768</v>
          </cell>
        </row>
        <row r="2748">
          <cell r="A2748" t="str">
            <v>26507S</v>
          </cell>
          <cell r="B2748" t="str">
            <v>ﾐﾅｶﾞﾜﾈﾝﾘｮｳｼｮｳｼﾞ</v>
          </cell>
          <cell r="C2748" t="str">
            <v>（有）皆川燃料商事</v>
          </cell>
          <cell r="D2748" t="str">
            <v>石川 雄一郎</v>
          </cell>
          <cell r="E2748" t="str">
            <v>代表取締役</v>
          </cell>
          <cell r="F2748" t="str">
            <v>060-0007</v>
          </cell>
          <cell r="G2748" t="str">
            <v>中央区北７西１７</v>
          </cell>
          <cell r="H2748" t="str">
            <v>631-5455</v>
          </cell>
          <cell r="I2748" t="str">
            <v>611-4642</v>
          </cell>
        </row>
        <row r="2749">
          <cell r="A2749" t="str">
            <v>26508P</v>
          </cell>
          <cell r="B2749" t="str">
            <v>ﾐﾅﾐﾕｳｼﾞﾛｳｼｮｳﾃﾝ</v>
          </cell>
          <cell r="C2749" t="str">
            <v>（株）南勇次郎商店</v>
          </cell>
          <cell r="D2749" t="str">
            <v>南 佳男</v>
          </cell>
          <cell r="E2749" t="str">
            <v>代表取締役</v>
          </cell>
          <cell r="F2749" t="str">
            <v>060-0061</v>
          </cell>
          <cell r="G2749" t="str">
            <v>中央区南１西６－１６－２</v>
          </cell>
          <cell r="H2749" t="str">
            <v>231-0373</v>
          </cell>
          <cell r="I2749" t="str">
            <v>241-3773</v>
          </cell>
        </row>
        <row r="2750">
          <cell r="A2750" t="str">
            <v>26509Z</v>
          </cell>
          <cell r="B2750" t="str">
            <v>ﾐﾂｺｼ</v>
          </cell>
          <cell r="C2750" t="str">
            <v>（株）三越 札幌店</v>
          </cell>
          <cell r="D2750" t="str">
            <v>升野 高東</v>
          </cell>
          <cell r="E2750" t="str">
            <v>上席執行役員店長</v>
          </cell>
          <cell r="F2750" t="str">
            <v>060-8666</v>
          </cell>
          <cell r="G2750" t="str">
            <v>中央区南１西３－８</v>
          </cell>
          <cell r="H2750" t="str">
            <v>271-3311</v>
          </cell>
          <cell r="I2750" t="str">
            <v>231-2570</v>
          </cell>
        </row>
        <row r="2751">
          <cell r="A2751" t="str">
            <v>26510X</v>
          </cell>
          <cell r="B2751" t="str">
            <v>ﾐﾅﾐｶﾜｼｮｳﾃﾝ</v>
          </cell>
          <cell r="C2751" t="str">
            <v>（有）南川商店</v>
          </cell>
          <cell r="D2751" t="str">
            <v>南川 一郎</v>
          </cell>
          <cell r="E2751" t="str">
            <v>取締役社長</v>
          </cell>
          <cell r="F2751" t="str">
            <v>064-0808</v>
          </cell>
          <cell r="G2751" t="str">
            <v>中央区南８西２－５－１８</v>
          </cell>
          <cell r="H2751" t="str">
            <v>511-5357</v>
          </cell>
          <cell r="I2751" t="str">
            <v>511-5350</v>
          </cell>
        </row>
        <row r="2752">
          <cell r="A2752" t="str">
            <v>26512S</v>
          </cell>
          <cell r="B2752" t="str">
            <v>ﾖｺﾋﾞ</v>
          </cell>
          <cell r="C2752" t="str">
            <v>（株）ヨコビ</v>
          </cell>
          <cell r="D2752" t="str">
            <v>小林 弘佶</v>
          </cell>
          <cell r="E2752" t="str">
            <v>代表取締役</v>
          </cell>
          <cell r="F2752" t="str">
            <v>060-0032</v>
          </cell>
          <cell r="G2752" t="str">
            <v>中央区北２東２０－６</v>
          </cell>
          <cell r="H2752" t="str">
            <v>231-0111</v>
          </cell>
          <cell r="I2752" t="str">
            <v>221-4288</v>
          </cell>
        </row>
        <row r="2753">
          <cell r="A2753" t="str">
            <v>26513P</v>
          </cell>
          <cell r="B2753" t="str">
            <v>ﾐﾂｲｽﾐｹﾝﾄﾞｳﾛ</v>
          </cell>
          <cell r="C2753" t="str">
            <v>三井住建道路（株）北海道支店</v>
          </cell>
          <cell r="D2753" t="str">
            <v>逸見 淳一</v>
          </cell>
          <cell r="E2753" t="str">
            <v>専務執行役員支店長</v>
          </cell>
          <cell r="F2753" t="str">
            <v>064-8512</v>
          </cell>
          <cell r="G2753" t="str">
            <v>中央区南１西２５－１－１</v>
          </cell>
          <cell r="H2753" t="str">
            <v>642-0881</v>
          </cell>
          <cell r="I2753" t="str">
            <v>644-1413</v>
          </cell>
        </row>
        <row r="2754">
          <cell r="A2754" t="str">
            <v>26515W</v>
          </cell>
          <cell r="B2754" t="str">
            <v>ﾎｯｶｲﾄﾞｳﾄﾞﾗｲｹﾐｶﾙ</v>
          </cell>
          <cell r="C2754" t="str">
            <v>北海道ドライケミカル（株）</v>
          </cell>
          <cell r="D2754" t="str">
            <v>北田 淳一</v>
          </cell>
          <cell r="E2754" t="str">
            <v>取締役社長</v>
          </cell>
          <cell r="F2754" t="str">
            <v>062-0903</v>
          </cell>
          <cell r="G2754" t="str">
            <v>豊平区豊平３－１－１－５１</v>
          </cell>
          <cell r="H2754" t="str">
            <v>823-6770</v>
          </cell>
          <cell r="I2754" t="str">
            <v>813-1601</v>
          </cell>
        </row>
        <row r="2755">
          <cell r="A2755" t="str">
            <v>26516T</v>
          </cell>
          <cell r="B2755" t="str">
            <v>ﾐﾄﾞﾘｱﾝｾﾞﾝﾎﾂｶｲﾄﾞｳ</v>
          </cell>
          <cell r="C2755" t="str">
            <v>ミドリ安全北海道（株）</v>
          </cell>
          <cell r="D2755" t="str">
            <v>松村 不二夫</v>
          </cell>
          <cell r="E2755" t="str">
            <v>代表取締役</v>
          </cell>
          <cell r="F2755" t="str">
            <v>003-0011</v>
          </cell>
          <cell r="G2755" t="str">
            <v>白石区中央１－７－７－２３</v>
          </cell>
          <cell r="H2755" t="str">
            <v>862-4831</v>
          </cell>
          <cell r="I2755" t="str">
            <v>862-4389</v>
          </cell>
        </row>
        <row r="2756">
          <cell r="A2756" t="str">
            <v>26517R</v>
          </cell>
          <cell r="B2756" t="str">
            <v>ﾐｽﾞﾎﾃﾞﾝｷｻﾝｷﾞｮｳｼｬ</v>
          </cell>
          <cell r="C2756" t="str">
            <v>（株）瑞穂電気産業社</v>
          </cell>
          <cell r="D2756" t="str">
            <v>伊藤 俊彦</v>
          </cell>
          <cell r="E2756" t="str">
            <v>取締役社長</v>
          </cell>
          <cell r="F2756" t="str">
            <v>007-0842</v>
          </cell>
          <cell r="G2756" t="str">
            <v>東区北４２東８－３－１</v>
          </cell>
          <cell r="H2756" t="str">
            <v>751-3357</v>
          </cell>
          <cell r="I2756" t="str">
            <v>751-3374</v>
          </cell>
        </row>
        <row r="2757">
          <cell r="A2757" t="str">
            <v>26519Y</v>
          </cell>
          <cell r="B2757" t="str">
            <v>ﾐｳﾗｲﾝｻﾂ</v>
          </cell>
          <cell r="C2757" t="str">
            <v>三浦印刷（株）</v>
          </cell>
          <cell r="D2757" t="str">
            <v>三浦 義昌</v>
          </cell>
          <cell r="E2757" t="str">
            <v>代表取締役</v>
          </cell>
          <cell r="F2757" t="str">
            <v>064-0809</v>
          </cell>
          <cell r="G2757" t="str">
            <v>中央区南９西６－４２１－７</v>
          </cell>
          <cell r="H2757" t="str">
            <v>511-6191</v>
          </cell>
          <cell r="I2757" t="str">
            <v>512-6041</v>
          </cell>
        </row>
        <row r="2758">
          <cell r="A2758" t="str">
            <v>26521T</v>
          </cell>
          <cell r="B2758" t="str">
            <v>ﾐﾔｻﾞﾜｺｳｷﾞｮｳ</v>
          </cell>
          <cell r="C2758" t="str">
            <v>宮澤鋼業（株）</v>
          </cell>
          <cell r="D2758" t="str">
            <v>坂本 幸丸</v>
          </cell>
          <cell r="E2758" t="str">
            <v>代表取締役社長</v>
          </cell>
          <cell r="F2758" t="str">
            <v>060-0807</v>
          </cell>
          <cell r="G2758" t="str">
            <v>北区北７西４－３</v>
          </cell>
          <cell r="H2758" t="str">
            <v>747-1111</v>
          </cell>
          <cell r="I2758" t="str">
            <v>756-7777</v>
          </cell>
        </row>
        <row r="2759">
          <cell r="A2759" t="str">
            <v>26522R</v>
          </cell>
          <cell r="B2759" t="str">
            <v>ﾐｽﾞｻﾜｼｮｳｼﾞ</v>
          </cell>
          <cell r="C2759" t="str">
            <v>水澤商事（株）札幌営業所</v>
          </cell>
          <cell r="D2759" t="str">
            <v>佐藤 良之</v>
          </cell>
          <cell r="E2759" t="str">
            <v>所長</v>
          </cell>
          <cell r="F2759" t="str">
            <v>004-0052</v>
          </cell>
          <cell r="G2759" t="str">
            <v>厚別区厚別中央１－６－２－１５</v>
          </cell>
          <cell r="H2759" t="str">
            <v>893-7641</v>
          </cell>
          <cell r="I2759" t="str">
            <v>893-9007</v>
          </cell>
        </row>
        <row r="2760">
          <cell r="A2760" t="str">
            <v>26524Y</v>
          </cell>
          <cell r="B2760" t="str">
            <v>ﾐﾂﾋﾞｼﾃﾞﾝｷ</v>
          </cell>
          <cell r="C2760" t="str">
            <v>三菱電機（株）北海道支社</v>
          </cell>
          <cell r="D2760" t="str">
            <v>中野 章</v>
          </cell>
          <cell r="E2760" t="str">
            <v>支社長</v>
          </cell>
          <cell r="F2760" t="str">
            <v>060-8693</v>
          </cell>
          <cell r="G2760" t="str">
            <v>中央区北２西４－１</v>
          </cell>
          <cell r="H2760" t="str">
            <v>212-3761</v>
          </cell>
          <cell r="I2760" t="str">
            <v>241-0860</v>
          </cell>
        </row>
        <row r="2761">
          <cell r="A2761" t="str">
            <v>26525V</v>
          </cell>
          <cell r="B2761" t="str">
            <v>ﾐﾔﾋﾞｼｽﾃﾑ</v>
          </cell>
          <cell r="C2761" t="str">
            <v>（株）ミヤビシステム</v>
          </cell>
          <cell r="D2761" t="str">
            <v>永山 雅詞晴</v>
          </cell>
          <cell r="E2761" t="str">
            <v>代表取締役</v>
          </cell>
          <cell r="F2761" t="str">
            <v>001-0027</v>
          </cell>
          <cell r="G2761" t="str">
            <v>北区北２７西８－２－２</v>
          </cell>
          <cell r="H2761" t="str">
            <v>708-6000</v>
          </cell>
          <cell r="I2761" t="str">
            <v>708-6002</v>
          </cell>
        </row>
        <row r="2762">
          <cell r="A2762" t="str">
            <v>26527P</v>
          </cell>
          <cell r="B2762" t="str">
            <v>ﾆｯｼｮｳｺｳﾕ</v>
          </cell>
          <cell r="C2762" t="str">
            <v>日商砿油（株）</v>
          </cell>
          <cell r="D2762" t="str">
            <v>舟橋 正義</v>
          </cell>
          <cell r="E2762" t="str">
            <v>代表取締役</v>
          </cell>
          <cell r="F2762" t="str">
            <v>064-0912</v>
          </cell>
          <cell r="G2762" t="str">
            <v>中央区南１２西２２－１</v>
          </cell>
          <cell r="H2762" t="str">
            <v>561-2751</v>
          </cell>
          <cell r="I2762" t="str">
            <v>551-5974</v>
          </cell>
        </row>
        <row r="2763">
          <cell r="A2763" t="str">
            <v>26528Z</v>
          </cell>
          <cell r="B2763" t="str">
            <v>ﾐﾜﾀｲﾔｻｰﾋﾞｽ</v>
          </cell>
          <cell r="C2763" t="str">
            <v>（株）三輪タイヤサービス</v>
          </cell>
          <cell r="D2763" t="str">
            <v>三輪 将和</v>
          </cell>
          <cell r="E2763" t="str">
            <v>代表取締役</v>
          </cell>
          <cell r="F2763" t="str">
            <v>064-0917</v>
          </cell>
          <cell r="G2763" t="str">
            <v>中央区南１７西１１－１－８</v>
          </cell>
          <cell r="H2763" t="str">
            <v>562-1138</v>
          </cell>
          <cell r="I2763" t="str">
            <v>512-6622</v>
          </cell>
        </row>
        <row r="2764">
          <cell r="A2764" t="str">
            <v>26529X</v>
          </cell>
          <cell r="B2764" t="str">
            <v>ﾐﾜﾃﾞﾝｷｺｳｷﾞｮｳ</v>
          </cell>
          <cell r="C2764" t="str">
            <v>美和電気工業（株）札幌支店</v>
          </cell>
          <cell r="D2764" t="str">
            <v>川田 洋一</v>
          </cell>
          <cell r="E2764" t="str">
            <v>取締役支店長</v>
          </cell>
          <cell r="F2764" t="str">
            <v>001-0020</v>
          </cell>
          <cell r="G2764" t="str">
            <v>北区北２０西７－１－４０</v>
          </cell>
          <cell r="H2764" t="str">
            <v>737-1151</v>
          </cell>
          <cell r="I2764" t="str">
            <v>737-2277</v>
          </cell>
        </row>
        <row r="2765">
          <cell r="A2765" t="str">
            <v>26532P</v>
          </cell>
          <cell r="B2765" t="str">
            <v>ﾐﾂﾋﾞｼﾃﾞﾝｷｸﾚｼﾞｯﾄ</v>
          </cell>
          <cell r="C2765" t="str">
            <v>三菱電機クレジット（株）北海道支店</v>
          </cell>
          <cell r="D2765" t="str">
            <v>弘本 祐治</v>
          </cell>
          <cell r="E2765" t="str">
            <v>支店長</v>
          </cell>
          <cell r="F2765" t="str">
            <v>060-0004</v>
          </cell>
          <cell r="G2765" t="str">
            <v>中央区北４西５－１ アスティ４５ビル</v>
          </cell>
          <cell r="H2765" t="str">
            <v>233-2511</v>
          </cell>
          <cell r="I2765" t="str">
            <v>233-2550</v>
          </cell>
        </row>
        <row r="2766">
          <cell r="A2766" t="str">
            <v>26537N</v>
          </cell>
          <cell r="B2766" t="str">
            <v>ﾐﾂｲﾘｰｽｼﾞｷﾞｮｳ</v>
          </cell>
          <cell r="C2766" t="str">
            <v>三井リース事業（株）札幌支店</v>
          </cell>
          <cell r="D2766" t="str">
            <v>本多 俊郎</v>
          </cell>
          <cell r="E2766" t="str">
            <v>支店長</v>
          </cell>
          <cell r="F2766" t="str">
            <v>060-0002</v>
          </cell>
          <cell r="G2766" t="str">
            <v>中央区北２西４－１</v>
          </cell>
          <cell r="H2766" t="str">
            <v>213-3291</v>
          </cell>
          <cell r="I2766" t="str">
            <v>221-8740</v>
          </cell>
        </row>
        <row r="2767">
          <cell r="A2767" t="str">
            <v>26538Y</v>
          </cell>
          <cell r="B2767" t="str">
            <v>ﾐﾔﾌﾞﾝ</v>
          </cell>
          <cell r="C2767" t="str">
            <v>（株）宮文</v>
          </cell>
          <cell r="D2767" t="str">
            <v>宮本 隆一</v>
          </cell>
          <cell r="E2767" t="str">
            <v>代表取締役</v>
          </cell>
          <cell r="F2767" t="str">
            <v>060-0062</v>
          </cell>
          <cell r="G2767" t="str">
            <v>中央区南２西４－２</v>
          </cell>
          <cell r="H2767" t="str">
            <v>242-2422</v>
          </cell>
          <cell r="I2767" t="str">
            <v>242-2436</v>
          </cell>
        </row>
        <row r="2768">
          <cell r="A2768" t="str">
            <v>26540T</v>
          </cell>
          <cell r="B2768" t="str">
            <v>ﾐｷｻﾝｷﾞｮｳ</v>
          </cell>
          <cell r="C2768" t="str">
            <v>三木産業（株）東京支店</v>
          </cell>
          <cell r="D2768" t="str">
            <v>永松 正紀</v>
          </cell>
          <cell r="E2768" t="str">
            <v>取締役東京支店長</v>
          </cell>
          <cell r="F2768" t="str">
            <v>103-0027</v>
          </cell>
          <cell r="G2768" t="str">
            <v>区東京都中央区日本橋３－１５－５</v>
          </cell>
          <cell r="H2768" t="str">
            <v>03-3271-4166</v>
          </cell>
          <cell r="I2768" t="str">
            <v>03-3281-5366</v>
          </cell>
        </row>
        <row r="2769">
          <cell r="A2769" t="str">
            <v>26544W</v>
          </cell>
          <cell r="B2769" t="str">
            <v>ﾐｮｳﾄﾞｳｺｳﾌｳｴﾝ</v>
          </cell>
          <cell r="C2769" t="str">
            <v>（株）明道香風園</v>
          </cell>
          <cell r="D2769" t="str">
            <v>明道 進</v>
          </cell>
          <cell r="E2769" t="str">
            <v>代表取締役</v>
          </cell>
          <cell r="F2769" t="str">
            <v>064-0808</v>
          </cell>
          <cell r="G2769" t="str">
            <v>中央区南８西２－１２</v>
          </cell>
          <cell r="H2769" t="str">
            <v>511-1970</v>
          </cell>
          <cell r="I2769" t="str">
            <v>511-1986</v>
          </cell>
        </row>
        <row r="2770">
          <cell r="A2770" t="str">
            <v>26548X</v>
          </cell>
          <cell r="B2770" t="str">
            <v>ﾐﾂｲﾌﾞｯｻﾝﾘﾝｷﾞｮｳ</v>
          </cell>
          <cell r="C2770" t="str">
            <v>三井物産林業（株）北海道支店</v>
          </cell>
          <cell r="D2770" t="str">
            <v>鈴木 優</v>
          </cell>
          <cell r="E2770" t="str">
            <v>北海道支店長</v>
          </cell>
          <cell r="F2770" t="str">
            <v>004-0051</v>
          </cell>
          <cell r="G2770" t="str">
            <v>厚別区厚別中央１－６－３－１</v>
          </cell>
          <cell r="H2770" t="str">
            <v>801-1233</v>
          </cell>
          <cell r="I2770" t="str">
            <v>891-3111</v>
          </cell>
        </row>
        <row r="2771">
          <cell r="A2771" t="str">
            <v>26550S</v>
          </cell>
          <cell r="B2771" t="str">
            <v>ﾐｽﾞﾎｷｺｳ</v>
          </cell>
          <cell r="C2771" t="str">
            <v>みずほ機工（株）</v>
          </cell>
          <cell r="D2771" t="str">
            <v>西村 武久</v>
          </cell>
          <cell r="E2771" t="str">
            <v>代表取締役</v>
          </cell>
          <cell r="F2771" t="str">
            <v>060-0008</v>
          </cell>
          <cell r="G2771" t="str">
            <v>中央区北８西２０ー２－１５</v>
          </cell>
          <cell r="H2771" t="str">
            <v>643-3143</v>
          </cell>
          <cell r="I2771" t="str">
            <v>643-3474</v>
          </cell>
        </row>
        <row r="2772">
          <cell r="A2772" t="str">
            <v>26552Z</v>
          </cell>
          <cell r="B2772" t="str">
            <v>ﾐｳﾗｶﾅﾓﾉ</v>
          </cell>
          <cell r="C2772" t="str">
            <v>（株）三浦金物</v>
          </cell>
          <cell r="D2772" t="str">
            <v>三浦 重男</v>
          </cell>
          <cell r="E2772" t="str">
            <v>代表取締役</v>
          </cell>
          <cell r="F2772" t="str">
            <v>060-0062</v>
          </cell>
          <cell r="G2772" t="str">
            <v>中央区南２西１３－３１９－３</v>
          </cell>
          <cell r="H2772" t="str">
            <v>251-6166</v>
          </cell>
          <cell r="I2772" t="str">
            <v>261-6278</v>
          </cell>
        </row>
        <row r="2773">
          <cell r="A2773" t="str">
            <v>26553X</v>
          </cell>
          <cell r="B2773" t="str">
            <v>ﾐﾀｶｼｮｳｶｲ</v>
          </cell>
          <cell r="C2773" t="str">
            <v>（株）ミタカ商会</v>
          </cell>
          <cell r="D2773" t="str">
            <v>髙橋 正廣</v>
          </cell>
          <cell r="E2773" t="str">
            <v>代表取締役</v>
          </cell>
          <cell r="F2773" t="str">
            <v>003-0004</v>
          </cell>
          <cell r="G2773" t="str">
            <v>白石区東札幌４－５－１２</v>
          </cell>
          <cell r="H2773" t="str">
            <v>831-3411</v>
          </cell>
          <cell r="I2773" t="str">
            <v>831-5647</v>
          </cell>
        </row>
        <row r="2774">
          <cell r="A2774" t="str">
            <v>26561N</v>
          </cell>
          <cell r="B2774" t="str">
            <v>ﾐｳﾗﾘｶｻﾝｷﾞｮｳ</v>
          </cell>
          <cell r="C2774" t="str">
            <v>三浦理化産業（株）</v>
          </cell>
          <cell r="D2774" t="str">
            <v>城谷 二六</v>
          </cell>
          <cell r="E2774" t="str">
            <v>代表取締役</v>
          </cell>
          <cell r="F2774" t="str">
            <v>001-0045</v>
          </cell>
          <cell r="G2774" t="str">
            <v>北区麻生町６－１－２４</v>
          </cell>
          <cell r="H2774" t="str">
            <v>736-8464</v>
          </cell>
          <cell r="I2774" t="str">
            <v>736-8487</v>
          </cell>
        </row>
        <row r="2775">
          <cell r="A2775" t="str">
            <v>26564T</v>
          </cell>
          <cell r="B2775" t="str">
            <v>ﾎｯｷｭｳﾊﾝ</v>
          </cell>
          <cell r="C2775" t="str">
            <v>（株）北給販</v>
          </cell>
          <cell r="D2775" t="str">
            <v>菅野 瑞枝</v>
          </cell>
          <cell r="E2775" t="str">
            <v>代表取締役社長</v>
          </cell>
          <cell r="F2775" t="str">
            <v>065-0041</v>
          </cell>
          <cell r="G2775" t="str">
            <v>東区本町１－１０－３－２０</v>
          </cell>
          <cell r="H2775" t="str">
            <v>786-5578</v>
          </cell>
          <cell r="I2775" t="str">
            <v>786-5688</v>
          </cell>
        </row>
        <row r="2776">
          <cell r="A2776" t="str">
            <v>26566Z</v>
          </cell>
          <cell r="B2776" t="str">
            <v>ﾐﾀｼｮｳﾃﾝ</v>
          </cell>
          <cell r="C2776" t="str">
            <v>（株）三田商店札幌支店</v>
          </cell>
          <cell r="D2776" t="str">
            <v>山田 伸</v>
          </cell>
          <cell r="E2776" t="str">
            <v>取締役支店長</v>
          </cell>
          <cell r="F2776" t="str">
            <v>060-0061</v>
          </cell>
          <cell r="G2776" t="str">
            <v>中央区南１西９－１</v>
          </cell>
          <cell r="H2776" t="str">
            <v>241-5101</v>
          </cell>
          <cell r="I2776" t="str">
            <v>241-5176</v>
          </cell>
        </row>
        <row r="2777">
          <cell r="A2777" t="str">
            <v>26567X</v>
          </cell>
          <cell r="B2777" t="str">
            <v>ﾐｰﾄﾌﾟﾗｻﾞｶﾔﾈ</v>
          </cell>
          <cell r="C2777" t="str">
            <v>（株）ミートプラザかやね</v>
          </cell>
          <cell r="D2777" t="str">
            <v>茅根 米博</v>
          </cell>
          <cell r="E2777" t="str">
            <v>代表取締役</v>
          </cell>
          <cell r="F2777" t="str">
            <v>062-0053</v>
          </cell>
          <cell r="G2777" t="str">
            <v>豊平区月寒東３－７－２－２</v>
          </cell>
          <cell r="H2777" t="str">
            <v>853-6710</v>
          </cell>
          <cell r="I2777" t="str">
            <v>851-0007</v>
          </cell>
        </row>
        <row r="2778">
          <cell r="A2778" t="str">
            <v>26569S</v>
          </cell>
          <cell r="B2778" t="str">
            <v>ﾐﾁｳｴ</v>
          </cell>
          <cell r="C2778" t="str">
            <v>（株）ミチウエ</v>
          </cell>
          <cell r="D2778" t="str">
            <v>道上 政喜</v>
          </cell>
          <cell r="E2778" t="str">
            <v>代表取締役</v>
          </cell>
          <cell r="F2778" t="str">
            <v>001-0903</v>
          </cell>
          <cell r="G2778" t="str">
            <v>北区新琴似３－３－６－１６</v>
          </cell>
          <cell r="H2778" t="str">
            <v>764-8332</v>
          </cell>
          <cell r="I2778" t="str">
            <v>764-1924</v>
          </cell>
        </row>
        <row r="2779">
          <cell r="A2779" t="str">
            <v>26571Z</v>
          </cell>
          <cell r="B2779" t="str">
            <v>ﾐﾂﾋﾞｼｶｶﾞｸﾋﾞｰｼｰｴﾙ</v>
          </cell>
          <cell r="C2779" t="str">
            <v>（株）三菱化学ビーシーエル</v>
          </cell>
          <cell r="D2779" t="str">
            <v>佐川 直敏</v>
          </cell>
          <cell r="E2779" t="str">
            <v>取締役社長</v>
          </cell>
          <cell r="F2779" t="str">
            <v>174-0056</v>
          </cell>
          <cell r="G2779" t="str">
            <v>東京都板橋区志村３－３０－１</v>
          </cell>
          <cell r="H2779" t="str">
            <v>03-5994-2222</v>
          </cell>
          <cell r="I2779" t="str">
            <v>03-5994-2922</v>
          </cell>
        </row>
        <row r="2780">
          <cell r="A2780" t="str">
            <v>26575N</v>
          </cell>
          <cell r="B2780" t="str">
            <v>ﾐﾔﾓﾄﾄﾞｹﾝｺｳｷﾞｮｳ</v>
          </cell>
          <cell r="C2780" t="str">
            <v>宮本土建工業（株）</v>
          </cell>
          <cell r="D2780" t="str">
            <v>宮本 和彦</v>
          </cell>
          <cell r="E2780" t="str">
            <v>代表取締役社長</v>
          </cell>
          <cell r="F2780" t="str">
            <v>047-0013</v>
          </cell>
          <cell r="G2780" t="str">
            <v>小樽市奥沢１－１９－４</v>
          </cell>
          <cell r="H2780" t="str">
            <v>0134-25-8787</v>
          </cell>
          <cell r="I2780" t="str">
            <v>0134-33-6413</v>
          </cell>
        </row>
        <row r="2781">
          <cell r="A2781" t="str">
            <v>26576Y</v>
          </cell>
          <cell r="B2781" t="str">
            <v>ﾐｶﾐｼｶｼｮｳﾃﾝ</v>
          </cell>
          <cell r="C2781" t="str">
            <v>（株）三上歯科商店</v>
          </cell>
          <cell r="D2781" t="str">
            <v>三上 操</v>
          </cell>
          <cell r="E2781" t="str">
            <v>代表取締役</v>
          </cell>
          <cell r="F2781" t="str">
            <v>064-0811</v>
          </cell>
          <cell r="G2781" t="str">
            <v>中央区南１１西１３－１－１３</v>
          </cell>
          <cell r="H2781" t="str">
            <v>551-2341</v>
          </cell>
          <cell r="I2781" t="str">
            <v>551-8583</v>
          </cell>
        </row>
        <row r="2782">
          <cell r="A2782" t="str">
            <v>26581Y</v>
          </cell>
          <cell r="B2782" t="str">
            <v>ﾐﾂｲｼﾞｮｳﾎｳｶｲﾊﾂ</v>
          </cell>
          <cell r="C2782" t="str">
            <v>三井情報開発（株）</v>
          </cell>
          <cell r="D2782" t="str">
            <v>増田 潤逸</v>
          </cell>
          <cell r="E2782" t="str">
            <v>代表取締役社長</v>
          </cell>
          <cell r="F2782" t="str">
            <v>164-8555</v>
          </cell>
          <cell r="G2782" t="str">
            <v>東京都中野区東中野２－７－１４</v>
          </cell>
          <cell r="H2782" t="str">
            <v>03-5304-7201</v>
          </cell>
          <cell r="I2782" t="str">
            <v>03-3375-4223</v>
          </cell>
        </row>
        <row r="2783">
          <cell r="A2783" t="str">
            <v>26582W</v>
          </cell>
          <cell r="B2783" t="str">
            <v>ﾐﾂｶｲﾝｻﾂ</v>
          </cell>
          <cell r="C2783" t="str">
            <v>三塚印刷（株）</v>
          </cell>
          <cell r="D2783" t="str">
            <v>平野 巡</v>
          </cell>
          <cell r="E2783" t="str">
            <v>代表取締役</v>
          </cell>
          <cell r="F2783" t="str">
            <v>007-0851</v>
          </cell>
          <cell r="G2783" t="str">
            <v>東区北５１東４－１－１１</v>
          </cell>
          <cell r="H2783" t="str">
            <v>752-0118</v>
          </cell>
          <cell r="I2783" t="str">
            <v>721-5782</v>
          </cell>
        </row>
        <row r="2784">
          <cell r="A2784" t="str">
            <v>26584R</v>
          </cell>
          <cell r="B2784" t="str">
            <v>ﾐｿﾉｶｴﾝ</v>
          </cell>
          <cell r="C2784" t="str">
            <v>（有）美園花園</v>
          </cell>
          <cell r="D2784" t="str">
            <v>越後 国博</v>
          </cell>
          <cell r="E2784" t="str">
            <v>代表取締役</v>
          </cell>
          <cell r="F2784" t="str">
            <v>065-0025</v>
          </cell>
          <cell r="G2784" t="str">
            <v>東区北２５東８－２－６</v>
          </cell>
          <cell r="H2784" t="str">
            <v>702-7641</v>
          </cell>
          <cell r="I2784" t="str">
            <v>752-0430</v>
          </cell>
        </row>
        <row r="2785">
          <cell r="A2785" t="str">
            <v>26586X</v>
          </cell>
          <cell r="B2785" t="str">
            <v>ﾐﾂﾋﾞｼｵｰﾄｸﾚｼﾞｯﾄ･ﾘｰｽ</v>
          </cell>
          <cell r="C2785" t="str">
            <v>三菱オートクレジット・リース（株）北海道支店</v>
          </cell>
          <cell r="D2785" t="str">
            <v>斉藤 純</v>
          </cell>
          <cell r="E2785" t="str">
            <v>支店長</v>
          </cell>
          <cell r="F2785" t="str">
            <v>060-0002</v>
          </cell>
          <cell r="G2785" t="str">
            <v>中央区北２西４－１</v>
          </cell>
          <cell r="H2785" t="str">
            <v>231-4071</v>
          </cell>
          <cell r="I2785" t="str">
            <v>261-7466</v>
          </cell>
        </row>
        <row r="2786">
          <cell r="A2786" t="str">
            <v>26599N</v>
          </cell>
          <cell r="B2786" t="str">
            <v>ﾐﾂﾜｼｮｳｶｲ</v>
          </cell>
          <cell r="C2786" t="str">
            <v>（株）三ツ輪商会札幌支社</v>
          </cell>
          <cell r="D2786" t="str">
            <v>岡本 憲明</v>
          </cell>
          <cell r="E2786" t="str">
            <v>取締役支社長</v>
          </cell>
          <cell r="F2786" t="str">
            <v>065-0012</v>
          </cell>
          <cell r="G2786" t="str">
            <v>東区北１２東９－３－２８</v>
          </cell>
          <cell r="H2786" t="str">
            <v>753-3333</v>
          </cell>
          <cell r="I2786" t="str">
            <v>722-3004</v>
          </cell>
        </row>
        <row r="2787">
          <cell r="A2787" t="str">
            <v>26600W</v>
          </cell>
          <cell r="B2787" t="str">
            <v>ﾐﾅﾐｾｷﾕ</v>
          </cell>
          <cell r="C2787" t="str">
            <v>ミナミ石油（株）</v>
          </cell>
          <cell r="D2787" t="str">
            <v>大塚 和男</v>
          </cell>
          <cell r="E2787" t="str">
            <v>代表取締役</v>
          </cell>
          <cell r="F2787" t="str">
            <v>002-8027</v>
          </cell>
          <cell r="G2787" t="str">
            <v>北区篠路７－１－４－１</v>
          </cell>
          <cell r="H2787" t="str">
            <v>773-7373</v>
          </cell>
          <cell r="I2787" t="str">
            <v>773-7374</v>
          </cell>
        </row>
        <row r="2788">
          <cell r="A2788" t="str">
            <v>26604Y</v>
          </cell>
          <cell r="B2788" t="str">
            <v>ﾐﾂﾋﾞｼﾌﾟﾚｼｼﾞｮﾝ</v>
          </cell>
          <cell r="C2788" t="str">
            <v>三菱プレシジョン（株）</v>
          </cell>
          <cell r="D2788" t="str">
            <v>立光 武彦</v>
          </cell>
          <cell r="E2788" t="str">
            <v>代表取締役</v>
          </cell>
          <cell r="F2788" t="str">
            <v>108-0073</v>
          </cell>
          <cell r="G2788" t="str">
            <v>東京都港区三田３－１３－１６</v>
          </cell>
          <cell r="H2788" t="str">
            <v>03-3453-6421</v>
          </cell>
          <cell r="I2788" t="str">
            <v>03-3453-6434</v>
          </cell>
        </row>
        <row r="2789">
          <cell r="A2789" t="str">
            <v>26605V</v>
          </cell>
          <cell r="B2789" t="str">
            <v>ﾐﾂﾋﾞｼｿｳｺﾞｳｹﾝｷｭｳｼｮ</v>
          </cell>
          <cell r="C2789" t="str">
            <v>（株）三菱総合研究所</v>
          </cell>
          <cell r="D2789" t="str">
            <v>谷野 剛</v>
          </cell>
          <cell r="E2789" t="str">
            <v>取締役社長</v>
          </cell>
          <cell r="F2789" t="str">
            <v>100-8141</v>
          </cell>
          <cell r="G2789" t="str">
            <v>東京都千代田区大手町２－３－６</v>
          </cell>
          <cell r="H2789" t="str">
            <v>03-3277-0515</v>
          </cell>
          <cell r="I2789" t="str">
            <v>03-3277-0520</v>
          </cell>
        </row>
        <row r="2790">
          <cell r="A2790" t="str">
            <v>26606S</v>
          </cell>
          <cell r="B2790" t="str">
            <v>ﾐﾅﾓﾄﾂｳｼﾝ</v>
          </cell>
          <cell r="C2790" t="str">
            <v>ミナモト通信（株）札幌営業所</v>
          </cell>
          <cell r="D2790" t="str">
            <v>近藤 邦通</v>
          </cell>
          <cell r="E2790" t="str">
            <v>所長</v>
          </cell>
          <cell r="F2790" t="str">
            <v>060-0009</v>
          </cell>
          <cell r="G2790" t="str">
            <v>東区北９東１６－１－１３</v>
          </cell>
          <cell r="H2790" t="str">
            <v>748-3780</v>
          </cell>
          <cell r="I2790" t="str">
            <v>748-3980</v>
          </cell>
        </row>
        <row r="2791">
          <cell r="A2791" t="str">
            <v>26607P</v>
          </cell>
          <cell r="B2791" t="str">
            <v>ﾐｭｰﾈｯﾄ</v>
          </cell>
          <cell r="C2791" t="str">
            <v>（株）ミューネット</v>
          </cell>
          <cell r="D2791" t="str">
            <v>神野 工</v>
          </cell>
          <cell r="E2791" t="str">
            <v>代表取締役</v>
          </cell>
          <cell r="F2791" t="str">
            <v>060-0809</v>
          </cell>
          <cell r="G2791" t="str">
            <v>北区北９西４－７－４ エルムビル２Ｆ</v>
          </cell>
          <cell r="H2791" t="str">
            <v>726-8001</v>
          </cell>
          <cell r="I2791" t="str">
            <v>726-7117</v>
          </cell>
        </row>
        <row r="2792">
          <cell r="A2792" t="str">
            <v>26609X</v>
          </cell>
          <cell r="B2792" t="str">
            <v>ﾐｭｰｼﾞｯｸｷｬｯﾌﾟ･ｻｯﾎﾟﾛ</v>
          </cell>
          <cell r="C2792" t="str">
            <v>（株）ミュージックキャップ・サッポロ</v>
          </cell>
          <cell r="D2792" t="str">
            <v>新居 一芳</v>
          </cell>
          <cell r="E2792" t="str">
            <v>代表取締役</v>
          </cell>
          <cell r="F2792" t="str">
            <v>064-0809</v>
          </cell>
          <cell r="G2792" t="str">
            <v>中央区南９西３－１－６彩木ビル</v>
          </cell>
          <cell r="H2792" t="str">
            <v>513-0202</v>
          </cell>
          <cell r="I2792" t="str">
            <v>513-0242</v>
          </cell>
        </row>
        <row r="2793">
          <cell r="A2793" t="str">
            <v>26612P</v>
          </cell>
          <cell r="B2793" t="str">
            <v>ﾐﾆｯﾄ</v>
          </cell>
          <cell r="C2793" t="str">
            <v>（有）ミニット</v>
          </cell>
          <cell r="D2793" t="str">
            <v>高野 紀子</v>
          </cell>
          <cell r="E2793" t="str">
            <v>代表取締役</v>
          </cell>
          <cell r="F2793" t="str">
            <v>063-0825</v>
          </cell>
          <cell r="G2793" t="str">
            <v>西区発寒５－７－６－１７</v>
          </cell>
          <cell r="H2793" t="str">
            <v>662-9557</v>
          </cell>
          <cell r="I2793" t="str">
            <v>662-9540</v>
          </cell>
        </row>
        <row r="2794">
          <cell r="A2794" t="str">
            <v>26614X</v>
          </cell>
          <cell r="B2794" t="str">
            <v>ﾐｿﾉﾌﾗﾜｰ</v>
          </cell>
          <cell r="C2794" t="str">
            <v>（株）美園フラワー</v>
          </cell>
          <cell r="D2794" t="str">
            <v>大塚 登</v>
          </cell>
          <cell r="E2794" t="str">
            <v>代表取締役</v>
          </cell>
          <cell r="F2794" t="str">
            <v>062-0003</v>
          </cell>
          <cell r="G2794" t="str">
            <v>豊平区美園３－６－１－１５</v>
          </cell>
          <cell r="H2794" t="str">
            <v>811-8706</v>
          </cell>
          <cell r="I2794" t="str">
            <v>813-0950</v>
          </cell>
        </row>
        <row r="2795">
          <cell r="A2795" t="str">
            <v>26615T</v>
          </cell>
          <cell r="B2795" t="str">
            <v>ﾐｻｷｺｳﾎﾞｳ</v>
          </cell>
          <cell r="C2795" t="str">
            <v>（株）美咲工房</v>
          </cell>
          <cell r="D2795" t="str">
            <v>石崎 淳一</v>
          </cell>
          <cell r="E2795" t="str">
            <v>代表取締役</v>
          </cell>
          <cell r="F2795" t="str">
            <v>060-0032</v>
          </cell>
          <cell r="G2795" t="str">
            <v>中央区北２東１－３－３</v>
          </cell>
          <cell r="H2795" t="str">
            <v>280-1177</v>
          </cell>
          <cell r="I2795" t="str">
            <v>221-2288</v>
          </cell>
        </row>
        <row r="2796">
          <cell r="A2796" t="str">
            <v>26616R</v>
          </cell>
          <cell r="B2796" t="str">
            <v>ﾐｯｸｽ</v>
          </cell>
          <cell r="C2796" t="str">
            <v>（株）ミックス</v>
          </cell>
          <cell r="D2796" t="str">
            <v>岩城 徹</v>
          </cell>
          <cell r="E2796" t="str">
            <v>代表取締役</v>
          </cell>
          <cell r="F2796" t="str">
            <v>006-0050</v>
          </cell>
          <cell r="G2796" t="str">
            <v>手稲区星置南４－４３－８</v>
          </cell>
          <cell r="H2796" t="str">
            <v>685-3100</v>
          </cell>
          <cell r="I2796" t="str">
            <v>685-3200</v>
          </cell>
        </row>
        <row r="2797">
          <cell r="A2797" t="str">
            <v>26617N</v>
          </cell>
          <cell r="B2797" t="str">
            <v>ﾐｶﾐﾓｰﾀｰｽ</v>
          </cell>
          <cell r="C2797" t="str">
            <v>（株）三上モータース</v>
          </cell>
          <cell r="D2797" t="str">
            <v>三上 正治</v>
          </cell>
          <cell r="E2797" t="str">
            <v>代表取締役</v>
          </cell>
          <cell r="F2797" t="str">
            <v>003-0029</v>
          </cell>
          <cell r="G2797" t="str">
            <v>白石区平和通１０北６－３５</v>
          </cell>
          <cell r="H2797" t="str">
            <v>860-2233</v>
          </cell>
          <cell r="I2797" t="str">
            <v>862-0985</v>
          </cell>
        </row>
        <row r="2798">
          <cell r="A2798" t="str">
            <v>26618Y</v>
          </cell>
          <cell r="B2798" t="str">
            <v>ﾐﾂｲﾌﾞｯｻﾝｴｱﾛｽﾍﾟｰｽ</v>
          </cell>
          <cell r="C2798" t="str">
            <v>三井物産エアロスペース（株）</v>
          </cell>
          <cell r="D2798" t="str">
            <v>青村 明</v>
          </cell>
          <cell r="E2798" t="str">
            <v>代表取締役</v>
          </cell>
          <cell r="F2798" t="str">
            <v>105-0011</v>
          </cell>
          <cell r="G2798" t="str">
            <v>東京都港区芝公園２－４－１</v>
          </cell>
          <cell r="H2798" t="str">
            <v>03-3437-8760</v>
          </cell>
          <cell r="I2798" t="str">
            <v>03-3437-8765</v>
          </cell>
        </row>
        <row r="2799">
          <cell r="A2799" t="str">
            <v>26620T</v>
          </cell>
          <cell r="B2799" t="str">
            <v>ﾐﾉﾄｳｴﾝ</v>
          </cell>
          <cell r="C2799" t="str">
            <v>（株）みの陶苑</v>
          </cell>
          <cell r="D2799" t="str">
            <v>長倉 信一</v>
          </cell>
          <cell r="E2799" t="str">
            <v>代表取締役</v>
          </cell>
          <cell r="F2799" t="str">
            <v>002-8008</v>
          </cell>
          <cell r="G2799" t="str">
            <v>北区太平８－７－１－３</v>
          </cell>
          <cell r="H2799" t="str">
            <v>772-3727</v>
          </cell>
          <cell r="I2799" t="str">
            <v>772-0721</v>
          </cell>
        </row>
        <row r="2800">
          <cell r="A2800" t="str">
            <v>26621R</v>
          </cell>
          <cell r="B2800" t="str">
            <v>ﾐﾔﾓﾄｻﾝｼｮｳ</v>
          </cell>
          <cell r="C2800" t="str">
            <v>宮本産商（株）</v>
          </cell>
          <cell r="D2800" t="str">
            <v>宮本 康弘</v>
          </cell>
          <cell r="E2800" t="str">
            <v>代表取締役</v>
          </cell>
          <cell r="F2800" t="str">
            <v>064-0914</v>
          </cell>
          <cell r="G2800" t="str">
            <v>中央区南１４西１２－８２２</v>
          </cell>
          <cell r="H2800" t="str">
            <v>551-6937</v>
          </cell>
          <cell r="I2800" t="str">
            <v>551-6857</v>
          </cell>
        </row>
        <row r="2801">
          <cell r="A2801" t="str">
            <v>26622N</v>
          </cell>
          <cell r="B2801" t="str">
            <v>ﾐｽﾀｰﾀｲﾔﾏﾝｼﾝｶﾜ</v>
          </cell>
          <cell r="C2801" t="str">
            <v>ミスタータイヤマン新川（有）</v>
          </cell>
          <cell r="D2801" t="str">
            <v>木村 周平</v>
          </cell>
          <cell r="E2801" t="str">
            <v>代表取締役</v>
          </cell>
          <cell r="F2801" t="str">
            <v>001-0925</v>
          </cell>
          <cell r="G2801" t="str">
            <v>北区新川５－４－２－３</v>
          </cell>
          <cell r="H2801" t="str">
            <v>764-6488</v>
          </cell>
          <cell r="I2801" t="str">
            <v>765-0271</v>
          </cell>
        </row>
        <row r="2802">
          <cell r="A2802" t="str">
            <v>26624W</v>
          </cell>
          <cell r="B2802" t="str">
            <v>ﾐﾗｲｹｲｴｲｼﾞｮｹﾞﾝｼﾞﾑｼｮ</v>
          </cell>
          <cell r="C2802" t="str">
            <v>（株）未来経営助言事務所</v>
          </cell>
          <cell r="D2802" t="str">
            <v>石塚 久美雄</v>
          </cell>
          <cell r="E2802" t="str">
            <v>代表取締役</v>
          </cell>
          <cell r="F2802" t="str">
            <v>064-8648</v>
          </cell>
          <cell r="G2802" t="str">
            <v>中央区南８西４－４２２</v>
          </cell>
          <cell r="H2802" t="str">
            <v>533-8999</v>
          </cell>
          <cell r="I2802" t="str">
            <v>533-2115</v>
          </cell>
        </row>
        <row r="2803">
          <cell r="A2803" t="str">
            <v>26626P</v>
          </cell>
          <cell r="B2803" t="str">
            <v>ﾐｿﾞｸﾞﾁｾｷｻﾞｲｺｳｷﾞｮｳ</v>
          </cell>
          <cell r="C2803" t="str">
            <v>（株）溝口石材工業</v>
          </cell>
          <cell r="D2803" t="str">
            <v>溝口 裕信</v>
          </cell>
          <cell r="E2803" t="str">
            <v>代表取締役</v>
          </cell>
          <cell r="F2803" t="str">
            <v>068-0842</v>
          </cell>
          <cell r="G2803" t="str">
            <v>岩見沢市志文本町２－３－１５</v>
          </cell>
          <cell r="H2803" t="str">
            <v>0126-22-4858</v>
          </cell>
          <cell r="I2803" t="str">
            <v>0126-45-4158</v>
          </cell>
        </row>
        <row r="2804">
          <cell r="A2804" t="str">
            <v>26628X</v>
          </cell>
          <cell r="B2804" t="str">
            <v>ﾐｶﾐﾃﾞﾝｷｶﾝﾘｼﾞﾑｼｮ</v>
          </cell>
          <cell r="C2804" t="str">
            <v>三上電気管理事務所</v>
          </cell>
          <cell r="D2804" t="str">
            <v>三上 大介</v>
          </cell>
          <cell r="E2804" t="str">
            <v>代表者</v>
          </cell>
          <cell r="F2804" t="str">
            <v>001-0925</v>
          </cell>
          <cell r="G2804" t="str">
            <v>北区新川５－３－３－１８－１０３</v>
          </cell>
          <cell r="H2804" t="str">
            <v>763-0883</v>
          </cell>
          <cell r="I2804" t="str">
            <v>763-0993</v>
          </cell>
        </row>
        <row r="2805">
          <cell r="A2805" t="str">
            <v>27002T</v>
          </cell>
          <cell r="B2805" t="str">
            <v>ﾑﾗｵｶﾁｸｻﾞｲｺｳﾃﾝ</v>
          </cell>
          <cell r="C2805" t="str">
            <v>（有）村岡竹材工店</v>
          </cell>
          <cell r="D2805" t="str">
            <v>村岡 藤雄</v>
          </cell>
          <cell r="E2805" t="str">
            <v>代表取締役</v>
          </cell>
          <cell r="F2805" t="str">
            <v>047-0043</v>
          </cell>
          <cell r="G2805" t="str">
            <v>小樽市豊川町１７－１</v>
          </cell>
          <cell r="H2805" t="str">
            <v>0134-22-6366</v>
          </cell>
          <cell r="I2805" t="str">
            <v>0134-33-6366</v>
          </cell>
        </row>
        <row r="2806">
          <cell r="A2806" t="str">
            <v>27003R</v>
          </cell>
          <cell r="B2806" t="str">
            <v>ﾑﾄｳ</v>
          </cell>
          <cell r="C2806" t="str">
            <v>（株）ムトウ</v>
          </cell>
          <cell r="D2806" t="str">
            <v>田尾 延幸</v>
          </cell>
          <cell r="E2806" t="str">
            <v>代表取締役</v>
          </cell>
          <cell r="F2806" t="str">
            <v>001-0011</v>
          </cell>
          <cell r="G2806" t="str">
            <v>北区北１１西４－１</v>
          </cell>
          <cell r="H2806" t="str">
            <v>746-5111</v>
          </cell>
          <cell r="I2806" t="str">
            <v>717-0547</v>
          </cell>
        </row>
        <row r="2807">
          <cell r="A2807" t="str">
            <v>27005X</v>
          </cell>
          <cell r="B2807" t="str">
            <v>ﾑｻｼ</v>
          </cell>
          <cell r="C2807" t="str">
            <v>（株）ムサシ札幌支店</v>
          </cell>
          <cell r="D2807" t="str">
            <v>五十嵐 則夫</v>
          </cell>
          <cell r="E2807" t="str">
            <v>支店長</v>
          </cell>
          <cell r="F2807" t="str">
            <v>064-0918</v>
          </cell>
          <cell r="G2807" t="str">
            <v>中央区南１８西１７－１</v>
          </cell>
          <cell r="H2807" t="str">
            <v>551-6911</v>
          </cell>
          <cell r="I2807" t="str">
            <v>563-8816</v>
          </cell>
        </row>
        <row r="2808">
          <cell r="A2808" t="str">
            <v>27006V</v>
          </cell>
          <cell r="B2808" t="str">
            <v>ﾑﾗﾓﾄｲﾝﾎﾞｳ</v>
          </cell>
          <cell r="C2808" t="str">
            <v>（株）村本印房</v>
          </cell>
          <cell r="D2808" t="str">
            <v>村本 昌王</v>
          </cell>
          <cell r="E2808" t="str">
            <v>代表取締役社長</v>
          </cell>
          <cell r="F2808" t="str">
            <v>060-0061</v>
          </cell>
          <cell r="G2808" t="str">
            <v>中央区南１西４－８</v>
          </cell>
          <cell r="H2808" t="str">
            <v>251-5533</v>
          </cell>
          <cell r="I2808" t="str">
            <v>251-8415</v>
          </cell>
        </row>
        <row r="2809">
          <cell r="A2809" t="str">
            <v>27008P</v>
          </cell>
          <cell r="B2809" t="str">
            <v>ﾑﾗｶﾐ</v>
          </cell>
          <cell r="C2809" t="str">
            <v>（株）ムラカミ</v>
          </cell>
          <cell r="D2809" t="str">
            <v>村上 和輝</v>
          </cell>
          <cell r="E2809" t="str">
            <v>代表取締役社長</v>
          </cell>
          <cell r="F2809" t="str">
            <v>060-0013</v>
          </cell>
          <cell r="G2809" t="str">
            <v>中央区北１３西１７－１－３６</v>
          </cell>
          <cell r="H2809" t="str">
            <v>736-3311</v>
          </cell>
          <cell r="I2809" t="str">
            <v>716-8339</v>
          </cell>
        </row>
        <row r="2810">
          <cell r="A2810" t="str">
            <v>27012S</v>
          </cell>
          <cell r="B2810" t="str">
            <v>ﾑﾗｾﾃｯｺｳｼｮ</v>
          </cell>
          <cell r="C2810" t="str">
            <v>（株）村瀬鉄工所札幌工場</v>
          </cell>
          <cell r="D2810" t="str">
            <v>上杉 信行</v>
          </cell>
          <cell r="E2810" t="str">
            <v>専務取締役</v>
          </cell>
          <cell r="F2810" t="str">
            <v>007-0885</v>
          </cell>
          <cell r="G2810" t="str">
            <v>東区北丘珠５－４－４－５５</v>
          </cell>
          <cell r="H2810" t="str">
            <v>791-1187</v>
          </cell>
          <cell r="I2810" t="str">
            <v>791-5185</v>
          </cell>
        </row>
        <row r="2811">
          <cell r="A2811" t="str">
            <v>27014Z</v>
          </cell>
          <cell r="B2811" t="str">
            <v>ﾑﾂﾐﾃﾞﾝｷ</v>
          </cell>
          <cell r="C2811" t="str">
            <v>むつみ電機（株）</v>
          </cell>
          <cell r="D2811" t="str">
            <v>林 宏</v>
          </cell>
          <cell r="E2811" t="str">
            <v>代表取締役</v>
          </cell>
          <cell r="F2811" t="str">
            <v>004-0831</v>
          </cell>
          <cell r="G2811" t="str">
            <v>清田区真栄１－１－１－１８</v>
          </cell>
          <cell r="H2811" t="str">
            <v>881-2408</v>
          </cell>
          <cell r="I2811" t="str">
            <v>881-2493</v>
          </cell>
        </row>
        <row r="2812">
          <cell r="A2812" t="str">
            <v>27016T</v>
          </cell>
          <cell r="B2812" t="str">
            <v>ﾑﾗｲｼｮｳﾃﾝ</v>
          </cell>
          <cell r="C2812" t="str">
            <v>村井商店</v>
          </cell>
          <cell r="D2812" t="str">
            <v>村井 弘和</v>
          </cell>
          <cell r="E2812" t="str">
            <v/>
          </cell>
          <cell r="F2812" t="str">
            <v>003-0025</v>
          </cell>
          <cell r="G2812" t="str">
            <v>白石区本郷通５北１－２２</v>
          </cell>
          <cell r="H2812" t="str">
            <v>862-2255</v>
          </cell>
          <cell r="I2812" t="str">
            <v>862-2285</v>
          </cell>
        </row>
        <row r="2813">
          <cell r="A2813" t="str">
            <v>27021T</v>
          </cell>
          <cell r="B2813" t="str">
            <v>ﾑﾗﾀﾄﾘｮｳﾃﾝ</v>
          </cell>
          <cell r="C2813" t="str">
            <v>（株）村田塗料店札幌支店</v>
          </cell>
          <cell r="D2813" t="str">
            <v>村田 敏朗</v>
          </cell>
          <cell r="E2813" t="str">
            <v>専務取締役札幌支店長</v>
          </cell>
          <cell r="F2813" t="str">
            <v>063-0850</v>
          </cell>
          <cell r="G2813" t="str">
            <v>西区八軒１０西１２－１－１０</v>
          </cell>
          <cell r="H2813" t="str">
            <v>641-5104</v>
          </cell>
          <cell r="I2813" t="str">
            <v>644-1045</v>
          </cell>
        </row>
        <row r="2814">
          <cell r="A2814" t="str">
            <v>27025V</v>
          </cell>
          <cell r="B2814" t="str">
            <v>ｼｮｳｷﾎﾞｻｷﾞｮｳｼｮｼｮｳｶﾞｲｼｬｼﾞﾘﾂｶﾂﾄﾞｳﾀﾞﾝﾀｲﾑｷﾞﾉｶ</v>
          </cell>
          <cell r="C2814" t="str">
            <v>小規模作業所 障害者自立活動団体 麦の会</v>
          </cell>
          <cell r="D2814" t="str">
            <v>齊藤 壽子</v>
          </cell>
          <cell r="E2814" t="str">
            <v>会長</v>
          </cell>
          <cell r="F2814" t="str">
            <v>064-0805</v>
          </cell>
          <cell r="G2814" t="str">
            <v>中央区南５西６－８－２ 次田ビル４０３</v>
          </cell>
          <cell r="H2814" t="str">
            <v>531-7879</v>
          </cell>
          <cell r="I2814" t="str">
            <v>531-7890</v>
          </cell>
        </row>
        <row r="2815">
          <cell r="A2815" t="str">
            <v>27028Z</v>
          </cell>
          <cell r="B2815" t="str">
            <v>ﾑﾗｼｹﾞｽﾀｼﾞｵ</v>
          </cell>
          <cell r="C2815" t="str">
            <v>（株）村重スタジオ</v>
          </cell>
          <cell r="D2815" t="str">
            <v>村重 道男</v>
          </cell>
          <cell r="E2815" t="str">
            <v>代表取締役</v>
          </cell>
          <cell r="F2815" t="str">
            <v>003-0003</v>
          </cell>
          <cell r="G2815" t="str">
            <v>白石区東札幌３－４－５－１０</v>
          </cell>
          <cell r="H2815" t="str">
            <v>821-3065</v>
          </cell>
          <cell r="I2815" t="str">
            <v>812-7075</v>
          </cell>
        </row>
        <row r="2816">
          <cell r="A2816" t="str">
            <v>27030V</v>
          </cell>
          <cell r="B2816" t="str">
            <v>ﾑﾗﾖｼﾁｭｳｺｳ</v>
          </cell>
          <cell r="C2816" t="str">
            <v>村精鋳工（株）札幌営業所</v>
          </cell>
          <cell r="D2816" t="str">
            <v>山口 正起</v>
          </cell>
          <cell r="E2816" t="str">
            <v>所長</v>
          </cell>
          <cell r="F2816" t="str">
            <v>005-0824</v>
          </cell>
          <cell r="G2816" t="str">
            <v>南区南沢４－４－１７－３１</v>
          </cell>
          <cell r="H2816" t="str">
            <v>578-5175</v>
          </cell>
          <cell r="I2816" t="str">
            <v>578-5176</v>
          </cell>
        </row>
        <row r="2817">
          <cell r="A2817" t="str">
            <v>27032P</v>
          </cell>
          <cell r="B2817" t="str">
            <v>ﾑｽﾋﾞﾔ</v>
          </cell>
          <cell r="C2817" t="str">
            <v>（株）結び屋</v>
          </cell>
          <cell r="D2817" t="str">
            <v>杉本 正夫</v>
          </cell>
          <cell r="E2817" t="str">
            <v>代表取締役</v>
          </cell>
          <cell r="F2817" t="str">
            <v>062-0052</v>
          </cell>
          <cell r="G2817" t="str">
            <v>豊平区月寒東２－１９－２０－４０</v>
          </cell>
          <cell r="H2817" t="str">
            <v>852-1283</v>
          </cell>
          <cell r="I2817" t="str">
            <v>852-1965</v>
          </cell>
        </row>
        <row r="2818">
          <cell r="A2818" t="str">
            <v>27033Z</v>
          </cell>
          <cell r="B2818" t="str">
            <v>ﾑﾗﾔﾏｺﾒｻｹﾃﾝ</v>
          </cell>
          <cell r="C2818" t="str">
            <v>（株）村山米酒店</v>
          </cell>
          <cell r="D2818" t="str">
            <v>佐々木 進一</v>
          </cell>
          <cell r="E2818" t="str">
            <v>代表取締役</v>
          </cell>
          <cell r="F2818" t="str">
            <v>063-0832</v>
          </cell>
          <cell r="G2818" t="str">
            <v>西区発寒１２－３－９－１３</v>
          </cell>
          <cell r="H2818" t="str">
            <v>695-2080</v>
          </cell>
          <cell r="I2818" t="str">
            <v>695-2085</v>
          </cell>
        </row>
        <row r="2819">
          <cell r="A2819" t="str">
            <v>27034X</v>
          </cell>
          <cell r="B2819" t="str">
            <v>ﾑﾛﾗﾝﾋﾞﾙｶﾝﾘ</v>
          </cell>
          <cell r="C2819" t="str">
            <v>室蘭ビル管理（株）札幌営業所</v>
          </cell>
          <cell r="D2819" t="str">
            <v>蝦名 桂一</v>
          </cell>
          <cell r="E2819" t="str">
            <v>所長</v>
          </cell>
          <cell r="F2819" t="str">
            <v>001-0035</v>
          </cell>
          <cell r="G2819" t="str">
            <v>北区北３５西９－１－１ﾒｿﾞﾝｴｽﾎﾟｱｰﾙ１０２</v>
          </cell>
          <cell r="H2819" t="str">
            <v>708-6181</v>
          </cell>
          <cell r="I2819" t="str">
            <v>708-6182</v>
          </cell>
        </row>
        <row r="2820">
          <cell r="A2820" t="str">
            <v>27502S</v>
          </cell>
          <cell r="B2820" t="str">
            <v>ﾒｲﾌﾞﾝﾄﾞｳｲﾝｻﾂ</v>
          </cell>
          <cell r="C2820" t="str">
            <v>明文堂印刷（株）</v>
          </cell>
          <cell r="D2820" t="str">
            <v>片柳 謙二</v>
          </cell>
          <cell r="E2820" t="str">
            <v>代表取締役</v>
          </cell>
          <cell r="F2820" t="str">
            <v>064-0803</v>
          </cell>
          <cell r="G2820" t="str">
            <v>中央区南３西２３－１－２２</v>
          </cell>
          <cell r="H2820" t="str">
            <v>611-0411</v>
          </cell>
          <cell r="I2820" t="str">
            <v>611-5018</v>
          </cell>
        </row>
        <row r="2821">
          <cell r="A2821" t="str">
            <v>27503P</v>
          </cell>
          <cell r="B2821" t="str">
            <v>ﾒｲｺｳｼｮｳｶｲ</v>
          </cell>
          <cell r="C2821" t="str">
            <v>（株）明光商会札幌支店</v>
          </cell>
          <cell r="D2821" t="str">
            <v>高橋 浩之</v>
          </cell>
          <cell r="E2821" t="str">
            <v>支店長</v>
          </cell>
          <cell r="F2821" t="str">
            <v>060-0807</v>
          </cell>
          <cell r="G2821" t="str">
            <v>北区北７西１－１－２ ＳＥ三京ビル７</v>
          </cell>
          <cell r="H2821" t="str">
            <v>707-1611</v>
          </cell>
          <cell r="I2821" t="str">
            <v>707-1116</v>
          </cell>
        </row>
        <row r="2822">
          <cell r="A2822" t="str">
            <v>27506T</v>
          </cell>
          <cell r="B2822" t="str">
            <v>ﾒﾃﾞｨｶﾙﾊｲﾃｯｸ</v>
          </cell>
          <cell r="C2822" t="str">
            <v>メディカルハイテック（株）</v>
          </cell>
          <cell r="D2822" t="str">
            <v>高野 宣行</v>
          </cell>
          <cell r="E2822" t="str">
            <v>代表取締役</v>
          </cell>
          <cell r="F2822" t="str">
            <v>064-0810</v>
          </cell>
          <cell r="G2822" t="str">
            <v>中央区南１０西１０－１－２０</v>
          </cell>
          <cell r="H2822" t="str">
            <v>530-5663</v>
          </cell>
          <cell r="I2822" t="str">
            <v>530-5662</v>
          </cell>
        </row>
        <row r="2823">
          <cell r="A2823" t="str">
            <v>27508N</v>
          </cell>
          <cell r="B2823" t="str">
            <v>ﾒｲﾜ</v>
          </cell>
          <cell r="C2823" t="str">
            <v>明和（株）</v>
          </cell>
          <cell r="D2823" t="str">
            <v>鈴木 明広</v>
          </cell>
          <cell r="E2823" t="str">
            <v>代表取締役</v>
          </cell>
          <cell r="F2823" t="str">
            <v>003-8703</v>
          </cell>
          <cell r="G2823" t="str">
            <v>白石区菊水元町２－１－５－２５</v>
          </cell>
          <cell r="H2823" t="str">
            <v>875-6511</v>
          </cell>
          <cell r="I2823" t="str">
            <v>875-6598</v>
          </cell>
        </row>
        <row r="2824">
          <cell r="A2824" t="str">
            <v>27510W</v>
          </cell>
          <cell r="B2824" t="str">
            <v>ﾒﾄﾛｻｰﾋﾞｽ</v>
          </cell>
          <cell r="C2824" t="str">
            <v>メトロサービス（株）</v>
          </cell>
          <cell r="D2824" t="str">
            <v>矢作 啓</v>
          </cell>
          <cell r="E2824" t="str">
            <v>代表取締役</v>
          </cell>
          <cell r="F2824" t="str">
            <v>063-0801</v>
          </cell>
          <cell r="G2824" t="str">
            <v>西区二十四軒１－４－６－３ 地下鉄二十四軒駅</v>
          </cell>
          <cell r="H2824" t="str">
            <v>631-7091</v>
          </cell>
          <cell r="I2824" t="str">
            <v>631-7092</v>
          </cell>
        </row>
        <row r="2825">
          <cell r="A2825" t="str">
            <v>27520V</v>
          </cell>
          <cell r="B2825" t="str">
            <v>ﾒｲﾁｬｺｰﾋｰｾﾝﾓﾝｼｮｳﾊﾝｺｰｴﾝ</v>
          </cell>
          <cell r="C2825" t="str">
            <v>銘茶珈琲専門商販晃園</v>
          </cell>
          <cell r="D2825" t="str">
            <v>黒澤 晃</v>
          </cell>
          <cell r="E2825" t="str">
            <v>代表者</v>
          </cell>
          <cell r="F2825" t="str">
            <v>002-8073</v>
          </cell>
          <cell r="G2825" t="str">
            <v>北区あいの里３－１０－１４－１９</v>
          </cell>
          <cell r="H2825" t="str">
            <v>778-2000</v>
          </cell>
          <cell r="I2825" t="str">
            <v>778-2000</v>
          </cell>
        </row>
        <row r="2826">
          <cell r="A2826" t="str">
            <v>27524X</v>
          </cell>
          <cell r="B2826" t="str">
            <v>ﾁﾉﾒｶﾞﾈ</v>
          </cell>
          <cell r="C2826" t="str">
            <v>千野メガネ</v>
          </cell>
          <cell r="D2826" t="str">
            <v>千野 俊次</v>
          </cell>
          <cell r="E2826" t="str">
            <v>代表</v>
          </cell>
          <cell r="F2826" t="str">
            <v>060-0909</v>
          </cell>
          <cell r="G2826" t="str">
            <v>東区北９東７－４</v>
          </cell>
          <cell r="H2826" t="str">
            <v>742-7737</v>
          </cell>
          <cell r="I2826" t="str">
            <v>742-7737</v>
          </cell>
        </row>
        <row r="2827">
          <cell r="A2827" t="str">
            <v>27527N</v>
          </cell>
          <cell r="B2827" t="str">
            <v>ﾒｲﾜｷｷｺｳｷﾞｮｳ</v>
          </cell>
          <cell r="C2827" t="str">
            <v>明和機器工業（株）</v>
          </cell>
          <cell r="D2827" t="str">
            <v>舟橋 謙治</v>
          </cell>
          <cell r="E2827" t="str">
            <v>代表取締役</v>
          </cell>
          <cell r="F2827" t="str">
            <v>003-0828</v>
          </cell>
          <cell r="G2827" t="str">
            <v>白石区菊水元町８－３－５－５０</v>
          </cell>
          <cell r="H2827" t="str">
            <v>874-3190</v>
          </cell>
          <cell r="I2827" t="str">
            <v>874-3190</v>
          </cell>
        </row>
        <row r="2828">
          <cell r="A2828" t="str">
            <v>27534W</v>
          </cell>
          <cell r="B2828" t="str">
            <v>ﾒｲｾｲﾒﾃﾞｨｶﾙ</v>
          </cell>
          <cell r="C2828" t="str">
            <v>明成メディカル（株）</v>
          </cell>
          <cell r="D2828" t="str">
            <v>工藤 信明</v>
          </cell>
          <cell r="E2828" t="str">
            <v>代表取締役</v>
          </cell>
          <cell r="F2828" t="str">
            <v>001-0045</v>
          </cell>
          <cell r="G2828" t="str">
            <v>北区麻生町２－４－１３</v>
          </cell>
          <cell r="H2828" t="str">
            <v>707-6822</v>
          </cell>
          <cell r="I2828" t="str">
            <v>707-6827</v>
          </cell>
        </row>
        <row r="2829">
          <cell r="A2829" t="str">
            <v>27537Z</v>
          </cell>
          <cell r="B2829" t="str">
            <v>ﾒﾃﾞｨｶﾙﾀｲﾖｰ</v>
          </cell>
          <cell r="C2829" t="str">
            <v>（株）メディカルタイヨー</v>
          </cell>
          <cell r="D2829" t="str">
            <v>鈴木 速男</v>
          </cell>
          <cell r="E2829" t="str">
            <v>代表取締役</v>
          </cell>
          <cell r="F2829" t="str">
            <v>001-0921</v>
          </cell>
          <cell r="G2829" t="str">
            <v>北区新川１－２－３－３</v>
          </cell>
          <cell r="H2829" t="str">
            <v>765-1011</v>
          </cell>
          <cell r="I2829" t="str">
            <v>765-0911</v>
          </cell>
        </row>
        <row r="2830">
          <cell r="A2830" t="str">
            <v>27545R</v>
          </cell>
          <cell r="B2830" t="str">
            <v>ﾒﾃﾞｨｱﾘｭｳﾑ</v>
          </cell>
          <cell r="C2830" t="str">
            <v>（株）メディアリュウム</v>
          </cell>
          <cell r="D2830" t="str">
            <v>花田 要</v>
          </cell>
          <cell r="E2830" t="str">
            <v>代表取締役</v>
          </cell>
          <cell r="F2830" t="str">
            <v>004-0052</v>
          </cell>
          <cell r="G2830" t="str">
            <v>厚別区厚別中央２－５－４－３５</v>
          </cell>
          <cell r="H2830" t="str">
            <v>893-6390</v>
          </cell>
          <cell r="I2830" t="str">
            <v>893-6395</v>
          </cell>
        </row>
        <row r="2831">
          <cell r="A2831" t="str">
            <v>27551N</v>
          </cell>
          <cell r="B2831" t="str">
            <v>ﾒｲﾜｻﾝｷﾞｮｳ</v>
          </cell>
          <cell r="C2831" t="str">
            <v>（株）明和産業</v>
          </cell>
          <cell r="D2831" t="str">
            <v>濱田 芳郎</v>
          </cell>
          <cell r="E2831" t="str">
            <v>代表取締役</v>
          </cell>
          <cell r="F2831" t="str">
            <v>164-0003</v>
          </cell>
          <cell r="G2831" t="str">
            <v>東京都中野区東中野３－１３－１９</v>
          </cell>
          <cell r="H2831" t="str">
            <v>03-3565-7233</v>
          </cell>
          <cell r="I2831" t="str">
            <v>03-3565-2272</v>
          </cell>
        </row>
        <row r="2832">
          <cell r="A2832" t="str">
            <v>27552Y</v>
          </cell>
          <cell r="B2832" t="str">
            <v>ﾒﾃﾞｨｶﾙｲｹﾀﾞ</v>
          </cell>
          <cell r="C2832" t="str">
            <v>（有）メディカル池田</v>
          </cell>
          <cell r="D2832" t="str">
            <v>池田 寿男</v>
          </cell>
          <cell r="E2832" t="str">
            <v>代表取締役</v>
          </cell>
          <cell r="F2832" t="str">
            <v>060-0042</v>
          </cell>
          <cell r="G2832" t="str">
            <v>中央区大通西１５－１－１２ マンション大通</v>
          </cell>
          <cell r="H2832" t="str">
            <v>631-3173</v>
          </cell>
          <cell r="I2832" t="str">
            <v>631-3174</v>
          </cell>
        </row>
        <row r="2833">
          <cell r="A2833" t="str">
            <v>27553W</v>
          </cell>
          <cell r="B2833" t="str">
            <v>ﾒﾃﾞｨｶﾙｾﾌﾃｨｼｽﾃﾑ</v>
          </cell>
          <cell r="C2833" t="str">
            <v>（株）メディカル・セフティ・システム</v>
          </cell>
          <cell r="D2833" t="str">
            <v>西田 正紀</v>
          </cell>
          <cell r="E2833" t="str">
            <v>代表取締役</v>
          </cell>
          <cell r="F2833" t="str">
            <v>073-0200</v>
          </cell>
          <cell r="G2833" t="str">
            <v>空知郡上砂川町上砂川４５－１</v>
          </cell>
          <cell r="H2833" t="str">
            <v>0125-62-6011</v>
          </cell>
          <cell r="I2833" t="str">
            <v>0125-63-2022</v>
          </cell>
        </row>
        <row r="2834">
          <cell r="A2834" t="str">
            <v>27554T</v>
          </cell>
          <cell r="B2834" t="str">
            <v>ﾒｲﾃﾂｶﾝｺｳｻｰﾋﾞｽ</v>
          </cell>
          <cell r="C2834" t="str">
            <v>名鉄観光サービス（株）札幌支店</v>
          </cell>
          <cell r="D2834" t="str">
            <v>斉藤 敦</v>
          </cell>
          <cell r="E2834" t="str">
            <v>支店長</v>
          </cell>
          <cell r="F2834" t="str">
            <v>060-0003</v>
          </cell>
          <cell r="G2834" t="str">
            <v>中央区北３西３－１－２５札幌北三条第一生命ﾋﾞﾙ</v>
          </cell>
          <cell r="H2834" t="str">
            <v>241-4986</v>
          </cell>
          <cell r="I2834" t="str">
            <v>241-0154</v>
          </cell>
        </row>
        <row r="2835">
          <cell r="A2835" t="str">
            <v>27557X</v>
          </cell>
          <cell r="B2835" t="str">
            <v>ﾒｲﾂﾎｯｶｲﾄﾞｳ</v>
          </cell>
          <cell r="C2835" t="str">
            <v>（株）メイツ北海道</v>
          </cell>
          <cell r="D2835" t="str">
            <v>大竹 正</v>
          </cell>
          <cell r="E2835" t="str">
            <v>代表取締役社長</v>
          </cell>
          <cell r="F2835" t="str">
            <v>060-0003</v>
          </cell>
          <cell r="G2835" t="str">
            <v>中央区北３西４ 日本生命札幌ビル７階</v>
          </cell>
          <cell r="H2835" t="str">
            <v>271-3331</v>
          </cell>
          <cell r="I2835" t="str">
            <v>271-7725</v>
          </cell>
        </row>
        <row r="2836">
          <cell r="A2836" t="str">
            <v>27558V</v>
          </cell>
          <cell r="B2836" t="str">
            <v>ﾒｯｸﾃｸﾉ</v>
          </cell>
          <cell r="C2836" t="str">
            <v>メックテクノ（株）北海道支店</v>
          </cell>
          <cell r="D2836" t="str">
            <v>中村 孝義</v>
          </cell>
          <cell r="E2836" t="str">
            <v>支店長</v>
          </cell>
          <cell r="F2836" t="str">
            <v>065-0013</v>
          </cell>
          <cell r="G2836" t="str">
            <v>東区北１３東６－９５－４０</v>
          </cell>
          <cell r="H2836" t="str">
            <v>733-6353</v>
          </cell>
          <cell r="I2836" t="str">
            <v>752-4336</v>
          </cell>
        </row>
        <row r="2837">
          <cell r="A2837" t="str">
            <v>27559S</v>
          </cell>
          <cell r="B2837" t="str">
            <v>ﾒﾃﾞｨｼｽﾃﾑｿﾘｭｰｼｮﾝ</v>
          </cell>
          <cell r="C2837" t="str">
            <v>（株）メディシステムソリューション</v>
          </cell>
          <cell r="D2837" t="str">
            <v>豊永 寿晴</v>
          </cell>
          <cell r="E2837" t="str">
            <v>代表取締役</v>
          </cell>
          <cell r="F2837" t="str">
            <v>101-0048</v>
          </cell>
          <cell r="G2837" t="str">
            <v>東京都千代田区神田司町２－１３ 神田第４</v>
          </cell>
          <cell r="H2837" t="str">
            <v>03-3518-6512</v>
          </cell>
          <cell r="I2837" t="str">
            <v>03-3518-6515</v>
          </cell>
        </row>
        <row r="2838">
          <cell r="A2838" t="str">
            <v>27560P</v>
          </cell>
          <cell r="B2838" t="str">
            <v>ﾒﾝﾃﾅﾝｽﾌﾟﾗﾝﾆﾝｸﾞ</v>
          </cell>
          <cell r="C2838" t="str">
            <v>（資）メンテナンスプランニング</v>
          </cell>
          <cell r="D2838" t="str">
            <v>佃 豊実</v>
          </cell>
          <cell r="E2838" t="str">
            <v>無限責任社員</v>
          </cell>
          <cell r="F2838" t="str">
            <v>005-0004</v>
          </cell>
          <cell r="G2838" t="str">
            <v>南区澄川４－４－１１－３６</v>
          </cell>
          <cell r="H2838" t="str">
            <v>822-7492</v>
          </cell>
          <cell r="I2838" t="str">
            <v>822-7493</v>
          </cell>
        </row>
        <row r="2839">
          <cell r="A2839" t="str">
            <v>27561Z</v>
          </cell>
          <cell r="B2839" t="str">
            <v>ﾒﾙﾌｧﾑ</v>
          </cell>
          <cell r="C2839" t="str">
            <v>（株）メルファム北海道支社</v>
          </cell>
          <cell r="D2839" t="str">
            <v>菅原 信行</v>
          </cell>
          <cell r="E2839" t="str">
            <v>支社長</v>
          </cell>
          <cell r="F2839" t="str">
            <v>060-0908</v>
          </cell>
          <cell r="G2839" t="str">
            <v>東区北８東１－１－４０ 郵政弘済会ビル４</v>
          </cell>
          <cell r="H2839" t="str">
            <v>752-5556</v>
          </cell>
          <cell r="I2839" t="str">
            <v>752-9899</v>
          </cell>
        </row>
        <row r="2840">
          <cell r="A2840" t="str">
            <v>27562X</v>
          </cell>
          <cell r="B2840" t="str">
            <v>ﾒｲﾎｳｼｬｶｻｲｲﾝｻﾂ</v>
          </cell>
          <cell r="C2840" t="str">
            <v>明豊社葛西印刷</v>
          </cell>
          <cell r="D2840" t="str">
            <v>葛西 豊</v>
          </cell>
          <cell r="E2840" t="str">
            <v>代表</v>
          </cell>
          <cell r="F2840" t="str">
            <v>001-0911</v>
          </cell>
          <cell r="G2840" t="str">
            <v>北区新琴似１１－１－８－２２</v>
          </cell>
          <cell r="H2840" t="str">
            <v>738-8210</v>
          </cell>
          <cell r="I2840" t="str">
            <v>736-8330</v>
          </cell>
        </row>
        <row r="2841">
          <cell r="A2841" t="str">
            <v>27563V</v>
          </cell>
          <cell r="B2841" t="str">
            <v>ﾒﾃﾞｨｶﾙﾌﾟﾛｼﾞｪｸﾄ</v>
          </cell>
          <cell r="C2841" t="str">
            <v>（株）メディカルプロジェクト</v>
          </cell>
          <cell r="D2841" t="str">
            <v>森 典昭</v>
          </cell>
          <cell r="E2841" t="str">
            <v>代表取締役</v>
          </cell>
          <cell r="F2841" t="str">
            <v>420-0026</v>
          </cell>
          <cell r="G2841" t="str">
            <v>静岡県静岡市大鋸町１－１２</v>
          </cell>
          <cell r="H2841" t="str">
            <v>054-252-1141</v>
          </cell>
          <cell r="I2841" t="str">
            <v>054-254-0574</v>
          </cell>
        </row>
        <row r="2842">
          <cell r="A2842" t="str">
            <v>28003P</v>
          </cell>
          <cell r="B2842" t="str">
            <v>ﾓﾘﾀﾆｼｮｳｶｲ</v>
          </cell>
          <cell r="C2842" t="str">
            <v>（株）守谷商会北海道支店</v>
          </cell>
          <cell r="D2842" t="str">
            <v>井上 啓</v>
          </cell>
          <cell r="E2842" t="str">
            <v>支店長</v>
          </cell>
          <cell r="F2842" t="str">
            <v>060-0001</v>
          </cell>
          <cell r="G2842" t="str">
            <v>中央区北１西４－１－２</v>
          </cell>
          <cell r="H2842" t="str">
            <v>231-5141</v>
          </cell>
          <cell r="I2842" t="str">
            <v>251-2304</v>
          </cell>
        </row>
        <row r="2843">
          <cell r="A2843" t="str">
            <v>28004Z</v>
          </cell>
          <cell r="B2843" t="str">
            <v>ﾓﾛｵ</v>
          </cell>
          <cell r="C2843" t="str">
            <v>（株）モロオ札幌営業所</v>
          </cell>
          <cell r="D2843" t="str">
            <v>中野 徳夫</v>
          </cell>
          <cell r="E2843" t="str">
            <v>所長</v>
          </cell>
          <cell r="F2843" t="str">
            <v>060-0003</v>
          </cell>
          <cell r="G2843" t="str">
            <v>中央区北３西１４－１－５</v>
          </cell>
          <cell r="H2843" t="str">
            <v>272-3301</v>
          </cell>
          <cell r="I2843" t="str">
            <v>272-3302</v>
          </cell>
        </row>
        <row r="2844">
          <cell r="A2844" t="str">
            <v>28005W</v>
          </cell>
          <cell r="B2844" t="str">
            <v>ﾓﾘﾐﾂ</v>
          </cell>
          <cell r="C2844" t="str">
            <v>（有）モリミツ</v>
          </cell>
          <cell r="D2844" t="str">
            <v>小紺 初治</v>
          </cell>
          <cell r="E2844" t="str">
            <v>代表取締役</v>
          </cell>
          <cell r="F2844" t="str">
            <v>062-0009</v>
          </cell>
          <cell r="G2844" t="str">
            <v>豊平区美園９－３－３－５</v>
          </cell>
          <cell r="H2844" t="str">
            <v>812-0497</v>
          </cell>
          <cell r="I2844" t="str">
            <v>813-6582</v>
          </cell>
        </row>
        <row r="2845">
          <cell r="A2845" t="str">
            <v>28006T</v>
          </cell>
          <cell r="B2845" t="str">
            <v>ﾓﾘｷﾞｹﾝ</v>
          </cell>
          <cell r="C2845" t="str">
            <v>（株）モリ技研</v>
          </cell>
          <cell r="D2845" t="str">
            <v>森 博昭</v>
          </cell>
          <cell r="E2845" t="str">
            <v>代表取締役</v>
          </cell>
          <cell r="F2845" t="str">
            <v>003-0832</v>
          </cell>
          <cell r="G2845" t="str">
            <v>白石区北郷２－３－６－５</v>
          </cell>
          <cell r="H2845" t="str">
            <v>873-5581</v>
          </cell>
          <cell r="I2845" t="str">
            <v>873-5599</v>
          </cell>
        </row>
        <row r="2846">
          <cell r="A2846" t="str">
            <v>28011T</v>
          </cell>
          <cell r="B2846" t="str">
            <v>ﾓﾄﾏﾁｼｮﾃﾝ</v>
          </cell>
          <cell r="C2846" t="str">
            <v>（有）元町書店</v>
          </cell>
          <cell r="D2846" t="str">
            <v>渡辺 修</v>
          </cell>
          <cell r="E2846" t="str">
            <v>代表取締役</v>
          </cell>
          <cell r="F2846" t="str">
            <v>065-0022</v>
          </cell>
          <cell r="G2846" t="str">
            <v>東区北２２東１７－３－２０</v>
          </cell>
          <cell r="H2846" t="str">
            <v>781-8426</v>
          </cell>
          <cell r="I2846" t="str">
            <v>781-1797</v>
          </cell>
        </row>
        <row r="2847">
          <cell r="A2847" t="str">
            <v>28013N</v>
          </cell>
          <cell r="B2847" t="str">
            <v>ﾎｯｶｲﾄﾞｳﾃﾞｲﾘｰﾌｰｽﾞ</v>
          </cell>
          <cell r="C2847" t="str">
            <v>（株）北海道デイリーフーズ</v>
          </cell>
          <cell r="D2847" t="str">
            <v>向中野 芳樹</v>
          </cell>
          <cell r="E2847" t="str">
            <v>代表取締役専務</v>
          </cell>
          <cell r="F2847" t="str">
            <v>063-0834</v>
          </cell>
          <cell r="G2847" t="str">
            <v>西区発寒１４－１１－１－１０</v>
          </cell>
          <cell r="H2847" t="str">
            <v>664-2131</v>
          </cell>
          <cell r="I2847" t="str">
            <v>663-7856</v>
          </cell>
        </row>
        <row r="2848">
          <cell r="A2848" t="str">
            <v>28014Y</v>
          </cell>
          <cell r="B2848" t="str">
            <v>ﾓﾘﾔｶﾞﾗｽﾃﾝ</v>
          </cell>
          <cell r="C2848" t="str">
            <v>（株）森谷硝子店</v>
          </cell>
          <cell r="D2848" t="str">
            <v>森谷 進</v>
          </cell>
          <cell r="E2848" t="str">
            <v>代表取締役</v>
          </cell>
          <cell r="F2848" t="str">
            <v>065-0023</v>
          </cell>
          <cell r="G2848" t="str">
            <v>東区北２３東１－８－１２</v>
          </cell>
          <cell r="H2848" t="str">
            <v>731-7271</v>
          </cell>
          <cell r="I2848" t="str">
            <v>731-7273</v>
          </cell>
        </row>
        <row r="2849">
          <cell r="A2849" t="str">
            <v>28015V</v>
          </cell>
          <cell r="B2849" t="str">
            <v>ﾓﾀﾞｾｷﾕ</v>
          </cell>
          <cell r="C2849" t="str">
            <v>茂田石油（株）</v>
          </cell>
          <cell r="D2849" t="str">
            <v>茂田 榮和</v>
          </cell>
          <cell r="E2849" t="str">
            <v>代表取締役</v>
          </cell>
          <cell r="F2849" t="str">
            <v>070-0854</v>
          </cell>
          <cell r="G2849" t="str">
            <v>旭川市住吉町４－２－８－１３</v>
          </cell>
          <cell r="H2849" t="str">
            <v>0166-51-5121</v>
          </cell>
          <cell r="I2849" t="str">
            <v>0166-54-0616</v>
          </cell>
        </row>
        <row r="2850">
          <cell r="A2850" t="str">
            <v>28023Z</v>
          </cell>
          <cell r="B2850" t="str">
            <v>ﾓﾘｶﾜ</v>
          </cell>
          <cell r="C2850" t="str">
            <v>森川（株）北海道支店</v>
          </cell>
          <cell r="D2850" t="str">
            <v>熊谷 正彦</v>
          </cell>
          <cell r="E2850" t="str">
            <v>支店長</v>
          </cell>
          <cell r="F2850" t="str">
            <v>061-3241</v>
          </cell>
          <cell r="G2850" t="str">
            <v>区石狩市新港西１－７３３－７石狩新港卸ｾﾝﾀｰ</v>
          </cell>
          <cell r="H2850" t="str">
            <v>0133-74-4040</v>
          </cell>
          <cell r="I2850" t="str">
            <v>0133-74-8555</v>
          </cell>
        </row>
        <row r="2851">
          <cell r="A2851" t="str">
            <v>28024X</v>
          </cell>
          <cell r="B2851" t="str">
            <v>ﾓﾘﾅｶﾞﾆｭｳｷﾞｮｳ</v>
          </cell>
          <cell r="C2851" t="str">
            <v>森永乳業（株）北海道支店</v>
          </cell>
          <cell r="D2851" t="str">
            <v>加藤 貴雄</v>
          </cell>
          <cell r="E2851" t="str">
            <v>支店長</v>
          </cell>
          <cell r="F2851" t="str">
            <v>003-0030</v>
          </cell>
          <cell r="G2851" t="str">
            <v>白石区流通センター１－１１－１７</v>
          </cell>
          <cell r="H2851" t="str">
            <v>865-2811</v>
          </cell>
          <cell r="I2851" t="str">
            <v>865-2941</v>
          </cell>
        </row>
        <row r="2852">
          <cell r="A2852" t="str">
            <v>28025T</v>
          </cell>
          <cell r="B2852" t="str">
            <v>ｴﾙﾑﾀﾒｶﾞｯｷ</v>
          </cell>
          <cell r="C2852" t="str">
            <v>（株）エルム多米楽器</v>
          </cell>
          <cell r="D2852" t="str">
            <v>寺田 良紀</v>
          </cell>
          <cell r="E2852" t="str">
            <v>代表取締役</v>
          </cell>
          <cell r="F2852" t="str">
            <v>064-0808</v>
          </cell>
          <cell r="G2852" t="str">
            <v>中央区南８西１７ー３－１０</v>
          </cell>
          <cell r="H2852" t="str">
            <v>561-9191</v>
          </cell>
          <cell r="I2852" t="str">
            <v>561-9198</v>
          </cell>
        </row>
        <row r="2853">
          <cell r="A2853" t="str">
            <v>28029W</v>
          </cell>
          <cell r="B2853" t="str">
            <v>ﾓﾀﾞﾝﾜｰｸ</v>
          </cell>
          <cell r="C2853" t="str">
            <v>（株）モダンワーク</v>
          </cell>
          <cell r="D2853" t="str">
            <v>本田 鉄男</v>
          </cell>
          <cell r="E2853" t="str">
            <v>代表取締役</v>
          </cell>
          <cell r="F2853" t="str">
            <v>003-0005</v>
          </cell>
          <cell r="G2853" t="str">
            <v>白石区東札幌５－４－４－３２</v>
          </cell>
          <cell r="H2853" t="str">
            <v>822-8552</v>
          </cell>
          <cell r="I2853" t="str">
            <v>821-8023</v>
          </cell>
        </row>
        <row r="2854">
          <cell r="A2854" t="str">
            <v>28033Y</v>
          </cell>
          <cell r="B2854" t="str">
            <v>ﾓﾘﾀﾕｰｼﾞｰ</v>
          </cell>
          <cell r="C2854" t="str">
            <v>（株）モリタユージー札幌営業所</v>
          </cell>
          <cell r="D2854" t="str">
            <v>斉藤 孝子</v>
          </cell>
          <cell r="E2854" t="str">
            <v>所長</v>
          </cell>
          <cell r="F2854" t="str">
            <v>064-0806</v>
          </cell>
          <cell r="G2854" t="str">
            <v>中央区南６西１－１８－１ ６．１ビル</v>
          </cell>
          <cell r="H2854" t="str">
            <v>512-0112</v>
          </cell>
          <cell r="I2854" t="str">
            <v>521-6598</v>
          </cell>
        </row>
        <row r="2855">
          <cell r="A2855" t="str">
            <v>28040S</v>
          </cell>
          <cell r="B2855" t="str">
            <v>ﾓﾉﾘｽ</v>
          </cell>
          <cell r="C2855" t="str">
            <v>（株）モノリス札幌営業所</v>
          </cell>
          <cell r="D2855" t="str">
            <v>古本 慶孝</v>
          </cell>
          <cell r="E2855" t="str">
            <v>営業所長</v>
          </cell>
          <cell r="F2855" t="str">
            <v>065-0041</v>
          </cell>
          <cell r="G2855" t="str">
            <v>東区本町１－１－１－２１</v>
          </cell>
          <cell r="H2855" t="str">
            <v>786-2100</v>
          </cell>
          <cell r="I2855" t="str">
            <v>786-2112</v>
          </cell>
        </row>
        <row r="2856">
          <cell r="A2856" t="str">
            <v>28043X</v>
          </cell>
          <cell r="B2856" t="str">
            <v>ﾓﾄﾔﾏ</v>
          </cell>
          <cell r="C2856" t="str">
            <v>（株）モトヤマ札幌営業所</v>
          </cell>
          <cell r="D2856" t="str">
            <v>田中 英雄</v>
          </cell>
          <cell r="E2856" t="str">
            <v>所長</v>
          </cell>
          <cell r="F2856" t="str">
            <v>001-0028</v>
          </cell>
          <cell r="G2856" t="str">
            <v>北区北２８西１３－２－５</v>
          </cell>
          <cell r="H2856" t="str">
            <v>746-6311</v>
          </cell>
          <cell r="I2856" t="str">
            <v>757-1242</v>
          </cell>
        </row>
        <row r="2857">
          <cell r="A2857" t="str">
            <v>28044V</v>
          </cell>
          <cell r="B2857" t="str">
            <v>ﾓﾝﾄﾞｼｬｼﾝｺｳﾎﾞｳ</v>
          </cell>
          <cell r="C2857" t="str">
            <v>（株）モンド写真工房札幌支社</v>
          </cell>
          <cell r="D2857" t="str">
            <v>長嶋 均</v>
          </cell>
          <cell r="E2857" t="str">
            <v>札幌支社長</v>
          </cell>
          <cell r="F2857" t="str">
            <v>007-0846</v>
          </cell>
          <cell r="G2857" t="str">
            <v>東区北４６東２－１－２２北４６吉井ビル</v>
          </cell>
          <cell r="H2857" t="str">
            <v>741-8832</v>
          </cell>
          <cell r="I2857" t="str">
            <v>741-8872</v>
          </cell>
        </row>
        <row r="2858">
          <cell r="A2858" t="str">
            <v>28045R</v>
          </cell>
          <cell r="B2858" t="str">
            <v>ﾓﾝﾌﾟﾛ</v>
          </cell>
          <cell r="C2858" t="str">
            <v>（有）モンプロ</v>
          </cell>
          <cell r="D2858" t="str">
            <v>三上 多門</v>
          </cell>
          <cell r="E2858" t="str">
            <v>代表取締役</v>
          </cell>
          <cell r="F2858" t="str">
            <v>065-0024</v>
          </cell>
          <cell r="G2858" t="str">
            <v>東区北２４東２１－５－１０</v>
          </cell>
          <cell r="H2858" t="str">
            <v>783-7123</v>
          </cell>
          <cell r="I2858" t="str">
            <v>783-7123</v>
          </cell>
        </row>
        <row r="2859">
          <cell r="A2859" t="str">
            <v>28202Z</v>
          </cell>
          <cell r="B2859" t="str">
            <v>ﾔﾏﾜﾜｼﾀﾞｼｮｳﾃﾝ</v>
          </cell>
          <cell r="C2859" t="str">
            <v>（株）山ワ鷲田商店</v>
          </cell>
          <cell r="D2859" t="str">
            <v>鷲田 潤弥</v>
          </cell>
          <cell r="E2859" t="str">
            <v>代表取締役</v>
          </cell>
          <cell r="F2859" t="str">
            <v>062-0005</v>
          </cell>
          <cell r="G2859" t="str">
            <v>豊平区美園５－４－１－１９</v>
          </cell>
          <cell r="H2859" t="str">
            <v>821-6248</v>
          </cell>
          <cell r="I2859" t="str">
            <v>821-5519</v>
          </cell>
        </row>
        <row r="2860">
          <cell r="A2860" t="str">
            <v>28205R</v>
          </cell>
          <cell r="B2860" t="str">
            <v>ﾔﾏｳﾁｾｲﾁｬ</v>
          </cell>
          <cell r="C2860" t="str">
            <v>山内製茶（株）</v>
          </cell>
          <cell r="D2860" t="str">
            <v>山内 章榮</v>
          </cell>
          <cell r="E2860" t="str">
            <v>代表取締役</v>
          </cell>
          <cell r="F2860" t="str">
            <v>060-0052</v>
          </cell>
          <cell r="G2860" t="str">
            <v>中央区南２東５－７</v>
          </cell>
          <cell r="H2860" t="str">
            <v>241-1072</v>
          </cell>
          <cell r="I2860" t="str">
            <v>241-1073</v>
          </cell>
        </row>
        <row r="2861">
          <cell r="A2861" t="str">
            <v>28206N</v>
          </cell>
          <cell r="B2861" t="str">
            <v>ﾔｼﾏｷｻﾞｲ</v>
          </cell>
          <cell r="C2861" t="str">
            <v>八洲器材（株）札幌営業所</v>
          </cell>
          <cell r="D2861" t="str">
            <v>板東 利明</v>
          </cell>
          <cell r="E2861" t="str">
            <v>所長</v>
          </cell>
          <cell r="F2861" t="str">
            <v>060-0010</v>
          </cell>
          <cell r="G2861" t="str">
            <v>中央区北１０西１６－２８－１４５ 拓殖ビル３Ｆ</v>
          </cell>
          <cell r="H2861" t="str">
            <v>614-3802</v>
          </cell>
          <cell r="I2861" t="str">
            <v>614-3805</v>
          </cell>
        </row>
        <row r="2862">
          <cell r="A2862" t="str">
            <v>28207Y</v>
          </cell>
          <cell r="B2862" t="str">
            <v>ﾔﾝﾏｰ</v>
          </cell>
          <cell r="C2862" t="str">
            <v>ヤンマー（株）札幌支店</v>
          </cell>
          <cell r="D2862" t="str">
            <v>藤田 信良</v>
          </cell>
          <cell r="E2862" t="str">
            <v>支店長</v>
          </cell>
          <cell r="F2862" t="str">
            <v>004-0004</v>
          </cell>
          <cell r="G2862" t="str">
            <v>厚別区厚別東４－４－８－１</v>
          </cell>
          <cell r="H2862" t="str">
            <v>809-2200</v>
          </cell>
          <cell r="I2862" t="str">
            <v>809-2201</v>
          </cell>
        </row>
        <row r="2863">
          <cell r="A2863" t="str">
            <v>28210R</v>
          </cell>
          <cell r="B2863" t="str">
            <v>ﾔﾏﾄｻﾝｷﾞｮｳ</v>
          </cell>
          <cell r="C2863" t="str">
            <v>大和産業（株）</v>
          </cell>
          <cell r="D2863" t="str">
            <v>大和 文一</v>
          </cell>
          <cell r="E2863" t="str">
            <v>代表取締役</v>
          </cell>
          <cell r="F2863" t="str">
            <v>002-8041</v>
          </cell>
          <cell r="G2863" t="str">
            <v>北区東茨戸１－１－２８</v>
          </cell>
          <cell r="H2863" t="str">
            <v>771-2915</v>
          </cell>
          <cell r="I2863" t="str">
            <v>771-5828</v>
          </cell>
        </row>
        <row r="2864">
          <cell r="A2864" t="str">
            <v>28212Y</v>
          </cell>
          <cell r="B2864" t="str">
            <v>ﾔﾏﾀﾞﾌﾞﾝｺｳﾄﾞｳ</v>
          </cell>
          <cell r="C2864" t="str">
            <v>（株）山田文香堂</v>
          </cell>
          <cell r="D2864" t="str">
            <v>山崎 浩三</v>
          </cell>
          <cell r="E2864" t="str">
            <v>取締役社長</v>
          </cell>
          <cell r="F2864" t="str">
            <v>060-0062</v>
          </cell>
          <cell r="G2864" t="str">
            <v>中央区南２西９－１</v>
          </cell>
          <cell r="H2864" t="str">
            <v>231-4261</v>
          </cell>
          <cell r="I2864" t="str">
            <v>271-3007</v>
          </cell>
        </row>
        <row r="2865">
          <cell r="A2865" t="str">
            <v>28213W</v>
          </cell>
          <cell r="B2865" t="str">
            <v>ﾔﾏｻﾞｷｿｳｺﾞｳｲﾝｻﾂ</v>
          </cell>
          <cell r="C2865" t="str">
            <v>（株）やまざき総合印刷</v>
          </cell>
          <cell r="D2865" t="str">
            <v>山崎 利一</v>
          </cell>
          <cell r="E2865" t="str">
            <v>代表取締役</v>
          </cell>
          <cell r="F2865" t="str">
            <v>063-0038</v>
          </cell>
          <cell r="G2865" t="str">
            <v>西区西野８－３－３－４０</v>
          </cell>
          <cell r="H2865" t="str">
            <v>661-8727</v>
          </cell>
          <cell r="I2865" t="str">
            <v>661-8767</v>
          </cell>
        </row>
        <row r="2866">
          <cell r="A2866" t="str">
            <v>28215P</v>
          </cell>
          <cell r="B2866" t="str">
            <v>ﾔﾏｶﾞﾐﾏﾃｯｸ</v>
          </cell>
          <cell r="C2866" t="str">
            <v>山上マテック（株）札幌本店</v>
          </cell>
          <cell r="D2866" t="str">
            <v>山本 雄二</v>
          </cell>
          <cell r="E2866" t="str">
            <v>本店長</v>
          </cell>
          <cell r="F2866" t="str">
            <v>060-0034</v>
          </cell>
          <cell r="G2866" t="str">
            <v>中央区北４東２－８－６ ユニオンハイツビル５Ｆ</v>
          </cell>
          <cell r="H2866" t="str">
            <v>241-7111</v>
          </cell>
          <cell r="I2866" t="str">
            <v>221-7674</v>
          </cell>
        </row>
        <row r="2867">
          <cell r="A2867" t="str">
            <v>28216Z</v>
          </cell>
          <cell r="B2867" t="str">
            <v>ﾔﾏｲﾁﾋﾟｰｴｽｺﾝｸﾘｰﾄ</v>
          </cell>
          <cell r="C2867" t="str">
            <v>山一ピーエスコンクリート（株）</v>
          </cell>
          <cell r="D2867" t="str">
            <v>阿部 仁</v>
          </cell>
          <cell r="E2867" t="str">
            <v>代表取締役</v>
          </cell>
          <cell r="F2867" t="str">
            <v>063-0830</v>
          </cell>
          <cell r="G2867" t="str">
            <v>西区発寒１０－１１－２－１４</v>
          </cell>
          <cell r="H2867" t="str">
            <v>666-4066</v>
          </cell>
          <cell r="I2867" t="str">
            <v>666-4011</v>
          </cell>
        </row>
        <row r="2868">
          <cell r="A2868" t="str">
            <v>28217X</v>
          </cell>
          <cell r="B2868" t="str">
            <v>ﾔﾏﾄﾎﾞｳｻｲｻｰﾋﾞｽｾﾝﾀｰ</v>
          </cell>
          <cell r="C2868" t="str">
            <v>（株）ヤマト防災サービスセンター</v>
          </cell>
          <cell r="D2868" t="str">
            <v>高橋 一雄</v>
          </cell>
          <cell r="E2868" t="str">
            <v>代表取締役</v>
          </cell>
          <cell r="F2868" t="str">
            <v>060-0033</v>
          </cell>
          <cell r="G2868" t="str">
            <v>中央区北３東１０－１６</v>
          </cell>
          <cell r="H2868" t="str">
            <v>251-3441</v>
          </cell>
          <cell r="I2868" t="str">
            <v>251-3442</v>
          </cell>
        </row>
        <row r="2869">
          <cell r="A2869" t="str">
            <v>28219S</v>
          </cell>
          <cell r="B2869" t="str">
            <v>ﾔﾏｷｼｮｳｶｲ</v>
          </cell>
          <cell r="C2869" t="str">
            <v>（株）ヤマキ商会</v>
          </cell>
          <cell r="D2869" t="str">
            <v>八巻 朝久</v>
          </cell>
          <cell r="E2869" t="str">
            <v>代表取締役</v>
          </cell>
          <cell r="F2869" t="str">
            <v>063-0831</v>
          </cell>
          <cell r="G2869" t="str">
            <v>西区発寒１１－１－１２－３</v>
          </cell>
          <cell r="H2869" t="str">
            <v>662-0794</v>
          </cell>
          <cell r="I2869" t="str">
            <v>662-0778</v>
          </cell>
        </row>
        <row r="2870">
          <cell r="A2870" t="str">
            <v>28220P</v>
          </cell>
          <cell r="B2870" t="str">
            <v>ﾔﾅｾ</v>
          </cell>
          <cell r="C2870" t="str">
            <v>（株）ヤナセ札幌支店</v>
          </cell>
          <cell r="D2870" t="str">
            <v>山口 光男</v>
          </cell>
          <cell r="E2870" t="str">
            <v>支店長</v>
          </cell>
          <cell r="F2870" t="str">
            <v>062-8514</v>
          </cell>
          <cell r="G2870" t="str">
            <v>豊平区月寒東１－１５－１６－１</v>
          </cell>
          <cell r="H2870" t="str">
            <v>851-6850</v>
          </cell>
          <cell r="I2870" t="str">
            <v>851-9962</v>
          </cell>
        </row>
        <row r="2871">
          <cell r="A2871" t="str">
            <v>28223V</v>
          </cell>
          <cell r="B2871" t="str">
            <v>ﾔｼﾏﾃﾞﾝｿｳｺｳｷﾞｮｳ</v>
          </cell>
          <cell r="C2871" t="str">
            <v>八洲電装工業（株）</v>
          </cell>
          <cell r="D2871" t="str">
            <v>坪田 孝史</v>
          </cell>
          <cell r="E2871" t="str">
            <v>代表取締役</v>
          </cell>
          <cell r="F2871" t="str">
            <v>003-0803</v>
          </cell>
          <cell r="G2871" t="str">
            <v>白石区菊水３－３－２－１４</v>
          </cell>
          <cell r="H2871" t="str">
            <v>831-1141</v>
          </cell>
          <cell r="I2871" t="str">
            <v>831-1148</v>
          </cell>
        </row>
        <row r="2872">
          <cell r="A2872" t="str">
            <v>28224S</v>
          </cell>
          <cell r="B2872" t="str">
            <v>ﾔｼﾏｼｮｳｶｲ</v>
          </cell>
          <cell r="C2872" t="str">
            <v>（株）ヤシマ商会</v>
          </cell>
          <cell r="D2872" t="str">
            <v>下出 浩</v>
          </cell>
          <cell r="E2872" t="str">
            <v>代表取締役</v>
          </cell>
          <cell r="F2872" t="str">
            <v>064-0919</v>
          </cell>
          <cell r="G2872" t="str">
            <v>中央区南１９西１５－３－１５</v>
          </cell>
          <cell r="H2872" t="str">
            <v>551-1611</v>
          </cell>
          <cell r="I2872" t="str">
            <v>561-2575</v>
          </cell>
        </row>
        <row r="2873">
          <cell r="A2873" t="str">
            <v>28229R</v>
          </cell>
          <cell r="B2873" t="str">
            <v>ﾔﾏｼﾝｹｲﾘｮｳｷｺｳｷﾞｮｳｼｮ</v>
          </cell>
          <cell r="C2873" t="str">
            <v>（株）山新計量器工業所</v>
          </cell>
          <cell r="D2873" t="str">
            <v>山崎 栄宏</v>
          </cell>
          <cell r="E2873" t="str">
            <v>代表取締役</v>
          </cell>
          <cell r="F2873" t="str">
            <v>064-0916</v>
          </cell>
          <cell r="G2873" t="str">
            <v>中央区南１６西７－１－７</v>
          </cell>
          <cell r="H2873" t="str">
            <v>511-4631</v>
          </cell>
          <cell r="I2873" t="str">
            <v>511-6079</v>
          </cell>
        </row>
        <row r="2874">
          <cell r="A2874" t="str">
            <v>28230N</v>
          </cell>
          <cell r="B2874" t="str">
            <v>ﾔﾏﾄｻｲｾｷｺｳｷﾞｮｳ</v>
          </cell>
          <cell r="C2874" t="str">
            <v>大和砕石工業（株）</v>
          </cell>
          <cell r="D2874" t="str">
            <v>日野 京成</v>
          </cell>
          <cell r="E2874" t="str">
            <v>代表取締役</v>
          </cell>
          <cell r="F2874" t="str">
            <v>047-0261</v>
          </cell>
          <cell r="G2874" t="str">
            <v>小樽市銭函３－３０１</v>
          </cell>
          <cell r="H2874" t="str">
            <v>0134-62-5402</v>
          </cell>
          <cell r="I2874" t="str">
            <v>0134-62-6004</v>
          </cell>
        </row>
        <row r="2875">
          <cell r="A2875" t="str">
            <v>28231Y</v>
          </cell>
          <cell r="B2875" t="str">
            <v>ﾔﾏｼﾀ</v>
          </cell>
          <cell r="C2875" t="str">
            <v>（株）ヤマシタ</v>
          </cell>
          <cell r="D2875" t="str">
            <v>山下 睦雄</v>
          </cell>
          <cell r="E2875" t="str">
            <v>代表取締役</v>
          </cell>
          <cell r="F2875" t="str">
            <v>063-0846</v>
          </cell>
          <cell r="G2875" t="str">
            <v>西区八軒６西１－９－５</v>
          </cell>
          <cell r="H2875" t="str">
            <v>631-8831</v>
          </cell>
          <cell r="I2875" t="str">
            <v>631-9251</v>
          </cell>
        </row>
        <row r="2876">
          <cell r="A2876" t="str">
            <v>28232W</v>
          </cell>
          <cell r="B2876" t="str">
            <v>ﾔﾏﾀﾞﾃﾞﾝｷ</v>
          </cell>
          <cell r="C2876" t="str">
            <v>（株）ヤマダ電機</v>
          </cell>
          <cell r="D2876" t="str">
            <v>山田 昇</v>
          </cell>
          <cell r="E2876" t="str">
            <v>代表取締役</v>
          </cell>
          <cell r="F2876" t="str">
            <v>371-0017</v>
          </cell>
          <cell r="G2876" t="str">
            <v>群馬県前橋市日吉町４－４０－１１</v>
          </cell>
          <cell r="H2876" t="str">
            <v>027-233-5522</v>
          </cell>
          <cell r="I2876" t="str">
            <v>027-233-3309</v>
          </cell>
        </row>
        <row r="2877">
          <cell r="A2877" t="str">
            <v>28233T</v>
          </cell>
          <cell r="B2877" t="str">
            <v>ﾔﾏﾘﾏｴﾀﾞｺｳﾐｴﾝ</v>
          </cell>
          <cell r="C2877" t="str">
            <v>（有）山利前田香味園</v>
          </cell>
          <cell r="D2877" t="str">
            <v>前田 久雄</v>
          </cell>
          <cell r="E2877" t="str">
            <v>代表取締役</v>
          </cell>
          <cell r="F2877" t="str">
            <v>062-0020</v>
          </cell>
          <cell r="G2877" t="str">
            <v>豊平区月寒中央通５－２－２７</v>
          </cell>
          <cell r="H2877" t="str">
            <v>851-0538</v>
          </cell>
          <cell r="I2877" t="str">
            <v>851-0538</v>
          </cell>
        </row>
        <row r="2878">
          <cell r="A2878" t="str">
            <v>28243S</v>
          </cell>
          <cell r="B2878" t="str">
            <v>ﾔﾏｳﾁﾋﾞﾆｰﾙｶｺｳ</v>
          </cell>
          <cell r="C2878" t="str">
            <v>山内ビニール加工（株）札幌支店</v>
          </cell>
          <cell r="D2878" t="str">
            <v>山内 正幸</v>
          </cell>
          <cell r="E2878" t="str">
            <v>常務取締役札幌支店長</v>
          </cell>
          <cell r="F2878" t="str">
            <v>063-0811</v>
          </cell>
          <cell r="G2878" t="str">
            <v>西区琴似１－３－１－５</v>
          </cell>
          <cell r="H2878" t="str">
            <v>641-2939</v>
          </cell>
          <cell r="I2878" t="str">
            <v>644-0406</v>
          </cell>
        </row>
        <row r="2879">
          <cell r="A2879" t="str">
            <v>28252T</v>
          </cell>
          <cell r="B2879" t="str">
            <v>ﾔﾏﾀﾞｾｲｻｸｼｮ</v>
          </cell>
          <cell r="C2879" t="str">
            <v>（株）山田製作所</v>
          </cell>
          <cell r="D2879" t="str">
            <v>山田 修</v>
          </cell>
          <cell r="E2879" t="str">
            <v>代表取締役</v>
          </cell>
          <cell r="F2879" t="str">
            <v>064-0822</v>
          </cell>
          <cell r="G2879" t="str">
            <v>中央区北２西２２－３－１４</v>
          </cell>
          <cell r="H2879" t="str">
            <v>631-0448</v>
          </cell>
          <cell r="I2879" t="str">
            <v>631-0496</v>
          </cell>
        </row>
        <row r="2880">
          <cell r="A2880" t="str">
            <v>28259Z</v>
          </cell>
          <cell r="B2880" t="str">
            <v>ﾔﾏﾓﾄｶﾅﾓﾉﾃﾝ</v>
          </cell>
          <cell r="C2880" t="str">
            <v>（有）やまもと金物店</v>
          </cell>
          <cell r="D2880" t="str">
            <v>山本 吉治</v>
          </cell>
          <cell r="E2880" t="str">
            <v>取締役</v>
          </cell>
          <cell r="F2880" t="str">
            <v>063-0038</v>
          </cell>
          <cell r="G2880" t="str">
            <v>西区西野８－３－３－１</v>
          </cell>
          <cell r="H2880" t="str">
            <v>663-1537</v>
          </cell>
          <cell r="I2880" t="str">
            <v>663-1520</v>
          </cell>
        </row>
        <row r="2881">
          <cell r="A2881" t="str">
            <v>28268N</v>
          </cell>
          <cell r="B2881" t="str">
            <v>ﾔﾏｼﾁ</v>
          </cell>
          <cell r="C2881" t="str">
            <v>山七（株）</v>
          </cell>
          <cell r="D2881" t="str">
            <v>山本 輝征</v>
          </cell>
          <cell r="E2881" t="str">
            <v>代表取締役</v>
          </cell>
          <cell r="F2881" t="str">
            <v>064-0807</v>
          </cell>
          <cell r="G2881" t="str">
            <v>中央区南７西１３－３－３１</v>
          </cell>
          <cell r="H2881" t="str">
            <v>561-3725</v>
          </cell>
          <cell r="I2881" t="str">
            <v>561-3732</v>
          </cell>
        </row>
        <row r="2882">
          <cell r="A2882" t="str">
            <v>28274Y</v>
          </cell>
          <cell r="B2882" t="str">
            <v>ﾔﾏﾓﾄｷｶｲ</v>
          </cell>
          <cell r="C2882" t="str">
            <v>山本機械（株）</v>
          </cell>
          <cell r="D2882" t="str">
            <v>山本 征二</v>
          </cell>
          <cell r="E2882" t="str">
            <v>代表取締役</v>
          </cell>
          <cell r="F2882" t="str">
            <v>063-0038</v>
          </cell>
          <cell r="G2882" t="str">
            <v>西区西野８－４－７－１０</v>
          </cell>
          <cell r="H2882" t="str">
            <v>661-5755</v>
          </cell>
          <cell r="I2882" t="str">
            <v>661-3749</v>
          </cell>
        </row>
        <row r="2883">
          <cell r="A2883" t="str">
            <v>28278Z</v>
          </cell>
          <cell r="B2883" t="str">
            <v>ﾔﾏﾀﾞﾌﾞﾛｯｸｺｳｷﾞｮｳ</v>
          </cell>
          <cell r="C2883" t="str">
            <v>山田ブロック工業（株）</v>
          </cell>
          <cell r="D2883" t="str">
            <v>山田 寛</v>
          </cell>
          <cell r="E2883" t="str">
            <v>代表取締役</v>
          </cell>
          <cell r="F2883" t="str">
            <v>060-0042</v>
          </cell>
          <cell r="G2883" t="str">
            <v>中央区大通西１４－１</v>
          </cell>
          <cell r="H2883" t="str">
            <v>261-3521</v>
          </cell>
          <cell r="I2883" t="str">
            <v>281-4390</v>
          </cell>
        </row>
        <row r="2884">
          <cell r="A2884" t="str">
            <v>28286R</v>
          </cell>
          <cell r="B2884" t="str">
            <v>ﾔﾊﾗｶﾅﾓﾉﾃﾝ</v>
          </cell>
          <cell r="C2884" t="str">
            <v>矢原金物店</v>
          </cell>
          <cell r="D2884" t="str">
            <v>矢原 庄作</v>
          </cell>
          <cell r="E2884" t="str">
            <v>代表</v>
          </cell>
          <cell r="F2884" t="str">
            <v>065-0032</v>
          </cell>
          <cell r="G2884" t="str">
            <v>東区北３２東８－１－３</v>
          </cell>
          <cell r="H2884" t="str">
            <v>711-3686</v>
          </cell>
          <cell r="I2884" t="str">
            <v>711-3686</v>
          </cell>
        </row>
        <row r="2885">
          <cell r="A2885" t="str">
            <v>28288Y</v>
          </cell>
          <cell r="B2885" t="str">
            <v>ﾔﾏｷﾞｼｺﾋﾟｰｾﾝﾀｰ</v>
          </cell>
          <cell r="C2885" t="str">
            <v>（株）山岸コピーセンター</v>
          </cell>
          <cell r="D2885" t="str">
            <v>山岸 鉄樹</v>
          </cell>
          <cell r="E2885" t="str">
            <v>代表取締役</v>
          </cell>
          <cell r="F2885" t="str">
            <v>060-0004</v>
          </cell>
          <cell r="G2885" t="str">
            <v>中央区北４西６－１</v>
          </cell>
          <cell r="H2885" t="str">
            <v>222-7461</v>
          </cell>
          <cell r="I2885" t="str">
            <v>222-7493</v>
          </cell>
        </row>
        <row r="2886">
          <cell r="A2886" t="str">
            <v>28290T</v>
          </cell>
          <cell r="B2886" t="str">
            <v>ﾔﾏﾋﾛﾔﾏﾀﾞｼｮｳﾃﾝ</v>
          </cell>
          <cell r="C2886" t="str">
            <v>（有）山廣山田商店</v>
          </cell>
          <cell r="D2886" t="str">
            <v>山田 義則</v>
          </cell>
          <cell r="E2886" t="str">
            <v>代表取締役</v>
          </cell>
          <cell r="F2886" t="str">
            <v>065-0013</v>
          </cell>
          <cell r="G2886" t="str">
            <v>東区北１３東１３－４９</v>
          </cell>
          <cell r="H2886" t="str">
            <v>711-1978</v>
          </cell>
          <cell r="I2886" t="str">
            <v>711-9014</v>
          </cell>
        </row>
        <row r="2887">
          <cell r="A2887" t="str">
            <v>28294W</v>
          </cell>
          <cell r="B2887" t="str">
            <v>ﾔﾏｻｻﾄｳｶﾅﾓﾉﾃﾝ</v>
          </cell>
          <cell r="C2887" t="str">
            <v>（株）山佐佐藤金物店</v>
          </cell>
          <cell r="D2887" t="str">
            <v>佐藤 茂雄</v>
          </cell>
          <cell r="E2887" t="str">
            <v>代表取締役</v>
          </cell>
          <cell r="F2887" t="str">
            <v>064-0821</v>
          </cell>
          <cell r="G2887" t="str">
            <v>中央区北１西２５－３－３</v>
          </cell>
          <cell r="H2887" t="str">
            <v>621-2331</v>
          </cell>
          <cell r="I2887" t="str">
            <v>621-2332</v>
          </cell>
        </row>
        <row r="2888">
          <cell r="A2888" t="str">
            <v>28304S</v>
          </cell>
          <cell r="B2888" t="str">
            <v>ﾔﾏﾊﾐｭｰｼﾞｯｸﾎｯｶｲﾄﾞｳ</v>
          </cell>
          <cell r="C2888" t="str">
            <v>（株）ヤマハミュージック北海道</v>
          </cell>
          <cell r="D2888" t="str">
            <v>杉野 俊郎</v>
          </cell>
          <cell r="E2888" t="str">
            <v>代表取締役</v>
          </cell>
          <cell r="F2888" t="str">
            <v>064-0810</v>
          </cell>
          <cell r="G2888" t="str">
            <v>中央区南１０西１－１－５０</v>
          </cell>
          <cell r="H2888" t="str">
            <v>512-6111</v>
          </cell>
          <cell r="I2888" t="str">
            <v>512-5211</v>
          </cell>
        </row>
        <row r="2889">
          <cell r="A2889" t="str">
            <v>28313T</v>
          </cell>
          <cell r="B2889" t="str">
            <v>ﾔｽﾓﾄ</v>
          </cell>
          <cell r="C2889" t="str">
            <v>（株）やすもと</v>
          </cell>
          <cell r="D2889" t="str">
            <v>石田 昌昭</v>
          </cell>
          <cell r="E2889" t="str">
            <v>代表取締役</v>
          </cell>
          <cell r="F2889" t="str">
            <v>003-0873</v>
          </cell>
          <cell r="G2889" t="str">
            <v>白石区米里３－２－８－６</v>
          </cell>
          <cell r="H2889" t="str">
            <v>875-2241</v>
          </cell>
          <cell r="I2889" t="str">
            <v>875-3041</v>
          </cell>
        </row>
        <row r="2890">
          <cell r="A2890" t="str">
            <v>28318S</v>
          </cell>
          <cell r="B2890" t="str">
            <v>ﾔﾏｶｶﾈｺｼｮｳﾃﾝ</v>
          </cell>
          <cell r="C2890" t="str">
            <v>（株）山カ金子商店</v>
          </cell>
          <cell r="D2890" t="str">
            <v>金子 嘉男</v>
          </cell>
          <cell r="E2890" t="str">
            <v>代表取締役</v>
          </cell>
          <cell r="F2890" t="str">
            <v>064-0821</v>
          </cell>
          <cell r="G2890" t="str">
            <v>中央区北１西２３－１－４０</v>
          </cell>
          <cell r="H2890" t="str">
            <v>611-7939</v>
          </cell>
          <cell r="I2890" t="str">
            <v>611-7949</v>
          </cell>
        </row>
        <row r="2891">
          <cell r="A2891" t="str">
            <v>28319P</v>
          </cell>
          <cell r="B2891" t="str">
            <v>ﾔｽﾀﾞﾌﾞﾄﾞｳｸﾞ</v>
          </cell>
          <cell r="C2891" t="str">
            <v>（有）安田武道具</v>
          </cell>
          <cell r="D2891" t="str">
            <v>安田 博幸</v>
          </cell>
          <cell r="E2891" t="str">
            <v>代表取締役</v>
          </cell>
          <cell r="F2891" t="str">
            <v>001-0925</v>
          </cell>
          <cell r="G2891" t="str">
            <v>北区新川５－１６－３－１８</v>
          </cell>
          <cell r="H2891" t="str">
            <v>764-7755</v>
          </cell>
          <cell r="I2891" t="str">
            <v>764-7765</v>
          </cell>
        </row>
        <row r="2892">
          <cell r="A2892" t="str">
            <v>28321X</v>
          </cell>
          <cell r="B2892" t="str">
            <v>ﾔﾏﾓﾄｼｮｸﾊﾝ</v>
          </cell>
          <cell r="C2892" t="str">
            <v>ヤマモト食販（株）札幌営業所</v>
          </cell>
          <cell r="D2892" t="str">
            <v>五十嵐 暉美</v>
          </cell>
          <cell r="E2892" t="str">
            <v>所長</v>
          </cell>
          <cell r="F2892" t="str">
            <v>065-0043</v>
          </cell>
          <cell r="G2892" t="str">
            <v>東区苗穂町１１－３－３６</v>
          </cell>
          <cell r="H2892" t="str">
            <v>731-7187</v>
          </cell>
          <cell r="I2892" t="str">
            <v>704-2929</v>
          </cell>
        </row>
        <row r="2893">
          <cell r="A2893" t="str">
            <v>28322V</v>
          </cell>
          <cell r="B2893" t="str">
            <v>ﾔｼﾏﾃﾞﾝｺｳ</v>
          </cell>
          <cell r="C2893" t="str">
            <v>八州電工（株）札幌営業所</v>
          </cell>
          <cell r="D2893" t="str">
            <v>高松 敏実</v>
          </cell>
          <cell r="E2893" t="str">
            <v>営業所長</v>
          </cell>
          <cell r="F2893" t="str">
            <v>007-0883</v>
          </cell>
          <cell r="G2893" t="str">
            <v>東区北丘珠３－３－２－２０</v>
          </cell>
          <cell r="H2893" t="str">
            <v>785-4123</v>
          </cell>
          <cell r="I2893" t="str">
            <v>785-4125</v>
          </cell>
        </row>
        <row r="2894">
          <cell r="A2894" t="str">
            <v>28324P</v>
          </cell>
          <cell r="B2894" t="str">
            <v>ﾔｾｲｾｲﾌﾞﾂｿｳｺﾞｳｹﾝｷｭｳｼｮ</v>
          </cell>
          <cell r="C2894" t="str">
            <v>（株）野生生物総合研究所</v>
          </cell>
          <cell r="D2894" t="str">
            <v>酒井 健司</v>
          </cell>
          <cell r="E2894" t="str">
            <v>代表取締役</v>
          </cell>
          <cell r="F2894" t="str">
            <v>001-0017</v>
          </cell>
          <cell r="G2894" t="str">
            <v>北区北１７西４－２１－７７２</v>
          </cell>
          <cell r="H2894" t="str">
            <v>700-6737</v>
          </cell>
          <cell r="I2894" t="str">
            <v>700-6738</v>
          </cell>
        </row>
        <row r="2895">
          <cell r="A2895" t="str">
            <v>28328R</v>
          </cell>
          <cell r="B2895" t="str">
            <v>ﾔﾏﾀｹ</v>
          </cell>
          <cell r="C2895" t="str">
            <v>（株）山武ビルシステムカンパニー北海道支店</v>
          </cell>
          <cell r="D2895" t="str">
            <v>真壁 則義</v>
          </cell>
          <cell r="E2895" t="str">
            <v>支店長</v>
          </cell>
          <cell r="F2895" t="str">
            <v>060-0003</v>
          </cell>
          <cell r="G2895" t="str">
            <v>中央区北３西３－１ 札幌北三条ビル７Ｆ</v>
          </cell>
          <cell r="H2895" t="str">
            <v>251-2432</v>
          </cell>
          <cell r="I2895" t="str">
            <v>222-8242</v>
          </cell>
        </row>
        <row r="2896">
          <cell r="A2896" t="str">
            <v>28332T</v>
          </cell>
          <cell r="B2896" t="str">
            <v>ﾔﾏｻﾞｷﾄﾞﾎﾞｸｺｳｷﾞｮｳ</v>
          </cell>
          <cell r="C2896" t="str">
            <v>（株）山崎土木工業</v>
          </cell>
          <cell r="D2896" t="str">
            <v>山崎 勲</v>
          </cell>
          <cell r="E2896" t="str">
            <v>代表取締役</v>
          </cell>
          <cell r="F2896" t="str">
            <v>065-0028</v>
          </cell>
          <cell r="G2896" t="str">
            <v>東区北２８東２１－２－２２</v>
          </cell>
          <cell r="H2896" t="str">
            <v>783-1552</v>
          </cell>
          <cell r="I2896" t="str">
            <v>783-1579</v>
          </cell>
        </row>
        <row r="2897">
          <cell r="A2897" t="str">
            <v>28333R</v>
          </cell>
          <cell r="B2897" t="str">
            <v>ﾔﾏﾊﾊﾂﾄﾞｳｷ</v>
          </cell>
          <cell r="C2897" t="str">
            <v>ヤマハ発動機（株）北海道営業所</v>
          </cell>
          <cell r="D2897" t="str">
            <v>小原 健司</v>
          </cell>
          <cell r="E2897" t="str">
            <v>営業所長</v>
          </cell>
          <cell r="F2897" t="str">
            <v>063-0801</v>
          </cell>
          <cell r="G2897" t="str">
            <v>西区二十四軒１－７－３－１３</v>
          </cell>
          <cell r="H2897" t="str">
            <v>612-1923</v>
          </cell>
          <cell r="I2897" t="str">
            <v>643-4458</v>
          </cell>
        </row>
        <row r="2898">
          <cell r="A2898" t="str">
            <v>28334N</v>
          </cell>
          <cell r="B2898" t="str">
            <v>ﾔﾏｼﾞｮｳｳｴｻｶ</v>
          </cell>
          <cell r="C2898" t="str">
            <v>（株）山上ウエサカ</v>
          </cell>
          <cell r="D2898" t="str">
            <v>上坂 久恵</v>
          </cell>
          <cell r="E2898" t="str">
            <v>代表取締役</v>
          </cell>
          <cell r="F2898" t="str">
            <v>062-0053</v>
          </cell>
          <cell r="G2898" t="str">
            <v>豊平区月寒東３－８－１－６</v>
          </cell>
          <cell r="H2898" t="str">
            <v>857-3321</v>
          </cell>
          <cell r="I2898" t="str">
            <v>857-8282</v>
          </cell>
        </row>
        <row r="2899">
          <cell r="A2899" t="str">
            <v>28335X</v>
          </cell>
          <cell r="B2899" t="str">
            <v>ﾔﾝﾏｰｴﾈﾙｷﾞｰｼｽﾃﾑ</v>
          </cell>
          <cell r="C2899" t="str">
            <v>ヤンマーエネルギーシステム（株）札幌支店</v>
          </cell>
          <cell r="D2899" t="str">
            <v>高橋 昭</v>
          </cell>
          <cell r="E2899" t="str">
            <v>支店長</v>
          </cell>
          <cell r="F2899" t="str">
            <v>004-0004</v>
          </cell>
          <cell r="G2899" t="str">
            <v>厚別区厚別東４－４－８－１</v>
          </cell>
          <cell r="H2899" t="str">
            <v>809-2200</v>
          </cell>
          <cell r="I2899" t="str">
            <v>809-2201</v>
          </cell>
        </row>
        <row r="2900">
          <cell r="A2900" t="str">
            <v>28336V</v>
          </cell>
          <cell r="B2900" t="str">
            <v>ﾔﾝﾏｰｹﾝｷﾊﾝﾊﾞｲ</v>
          </cell>
          <cell r="C2900" t="str">
            <v>ヤンマー建機販売（株）北海道営業部</v>
          </cell>
          <cell r="D2900" t="str">
            <v>筆村 光昭</v>
          </cell>
          <cell r="E2900" t="str">
            <v>営業部長</v>
          </cell>
          <cell r="F2900" t="str">
            <v>004-0004</v>
          </cell>
          <cell r="G2900" t="str">
            <v>厚別区厚別東４－４－８－１</v>
          </cell>
          <cell r="H2900" t="str">
            <v>898-8001</v>
          </cell>
          <cell r="I2900" t="str">
            <v>898-8088</v>
          </cell>
        </row>
        <row r="2901">
          <cell r="A2901" t="str">
            <v>28372T</v>
          </cell>
          <cell r="B2901" t="str">
            <v>ﾔﾏｶﾉｳ</v>
          </cell>
          <cell r="C2901" t="str">
            <v>山叶（株）</v>
          </cell>
          <cell r="D2901" t="str">
            <v>佐々木 守</v>
          </cell>
          <cell r="E2901" t="str">
            <v>代表取締役</v>
          </cell>
          <cell r="F2901" t="str">
            <v>062-0933</v>
          </cell>
          <cell r="G2901" t="str">
            <v>豊平区平岸３－８－７－３０</v>
          </cell>
          <cell r="H2901" t="str">
            <v>823-1375</v>
          </cell>
          <cell r="I2901" t="str">
            <v>823-1742</v>
          </cell>
        </row>
        <row r="2902">
          <cell r="A2902" t="str">
            <v>28401X</v>
          </cell>
          <cell r="B2902" t="str">
            <v>ｼﾞｰｴｽ･ﾕｱｻﾊﾟﾜｰｻﾌﾟﾗｲ</v>
          </cell>
          <cell r="C2902" t="str">
            <v>（株）ジーエス・ユアサパワーサプライ北海道支社</v>
          </cell>
          <cell r="D2902" t="str">
            <v>上田 敏明</v>
          </cell>
          <cell r="E2902" t="str">
            <v>支社長</v>
          </cell>
          <cell r="F2902" t="str">
            <v>060-0002</v>
          </cell>
          <cell r="G2902" t="str">
            <v>中央区北２西４－１ 北海道ビルヂング７Ｆ</v>
          </cell>
          <cell r="H2902" t="str">
            <v>231-6880</v>
          </cell>
          <cell r="I2902" t="str">
            <v>231-6881</v>
          </cell>
        </row>
        <row r="2903">
          <cell r="A2903" t="str">
            <v>28402V</v>
          </cell>
          <cell r="B2903" t="str">
            <v>ﾕｷｼﾞﾙｼｼｭﾋﾞｮｳ</v>
          </cell>
          <cell r="C2903" t="str">
            <v>雪印種苗（株）</v>
          </cell>
          <cell r="D2903" t="str">
            <v>城座 勝明</v>
          </cell>
          <cell r="E2903" t="str">
            <v>代表取締役社長</v>
          </cell>
          <cell r="F2903" t="str">
            <v>004-8531</v>
          </cell>
          <cell r="G2903" t="str">
            <v>厚別区上野幌１－５－１－８</v>
          </cell>
          <cell r="H2903" t="str">
            <v>891-5691</v>
          </cell>
          <cell r="I2903" t="str">
            <v>891-5699</v>
          </cell>
        </row>
        <row r="2904">
          <cell r="A2904" t="str">
            <v>28417S</v>
          </cell>
          <cell r="B2904" t="str">
            <v>ﾕﾆｼｮｳｶｲ</v>
          </cell>
          <cell r="C2904" t="str">
            <v>（株）ユニ商会</v>
          </cell>
          <cell r="D2904" t="str">
            <v>洞庭 勝男</v>
          </cell>
          <cell r="E2904" t="str">
            <v>代表取締役</v>
          </cell>
          <cell r="F2904" t="str">
            <v>004-0801</v>
          </cell>
          <cell r="G2904" t="str">
            <v>清田区里塚１－４－１－５</v>
          </cell>
          <cell r="H2904" t="str">
            <v>886-0010</v>
          </cell>
          <cell r="I2904" t="str">
            <v>886-0030</v>
          </cell>
        </row>
        <row r="2905">
          <cell r="A2905" t="str">
            <v>28423P</v>
          </cell>
          <cell r="B2905" t="str">
            <v>ﾕｰﾍﾝｼｭｳｼﾂ</v>
          </cell>
          <cell r="C2905" t="str">
            <v>（有）ユー編集室</v>
          </cell>
          <cell r="D2905" t="str">
            <v>上田 信</v>
          </cell>
          <cell r="E2905" t="str">
            <v>代表取締役</v>
          </cell>
          <cell r="F2905" t="str">
            <v>060-0808</v>
          </cell>
          <cell r="G2905" t="str">
            <v>北区北８西６－２－２３</v>
          </cell>
          <cell r="H2905" t="str">
            <v>726-4005</v>
          </cell>
          <cell r="I2905" t="str">
            <v>717-5993</v>
          </cell>
        </row>
        <row r="2906">
          <cell r="A2906" t="str">
            <v>28424Z</v>
          </cell>
          <cell r="B2906" t="str">
            <v>ﾕｰﾃｯｸ</v>
          </cell>
          <cell r="C2906" t="str">
            <v>（有）ユーテック</v>
          </cell>
          <cell r="D2906" t="str">
            <v>三浦 廣大</v>
          </cell>
          <cell r="E2906" t="str">
            <v>代表取締役</v>
          </cell>
          <cell r="F2906" t="str">
            <v>003-0822</v>
          </cell>
          <cell r="G2906" t="str">
            <v>白石区菊水元町２－５－４－８</v>
          </cell>
          <cell r="H2906" t="str">
            <v>874-0077</v>
          </cell>
          <cell r="I2906" t="str">
            <v>874-0011</v>
          </cell>
        </row>
        <row r="2907">
          <cell r="A2907" t="str">
            <v>28425W</v>
          </cell>
          <cell r="B2907" t="str">
            <v>ﾕﾆｵﾝｼｮｳｶｲ</v>
          </cell>
          <cell r="C2907" t="str">
            <v>ユニオン商会</v>
          </cell>
          <cell r="D2907" t="str">
            <v>生田 千里</v>
          </cell>
          <cell r="E2907" t="str">
            <v>代表</v>
          </cell>
          <cell r="F2907" t="str">
            <v>063-0040</v>
          </cell>
          <cell r="G2907" t="str">
            <v>西区西野１０－６－２－１</v>
          </cell>
          <cell r="H2907" t="str">
            <v>665-1678</v>
          </cell>
          <cell r="I2907" t="str">
            <v>665-1678</v>
          </cell>
        </row>
        <row r="2908">
          <cell r="A2908" t="str">
            <v>28429Y</v>
          </cell>
          <cell r="B2908" t="str">
            <v>ﾕﾆｺ･ｺｰﾎﾟﾚｰｼｮﾝ</v>
          </cell>
          <cell r="C2908" t="str">
            <v>（株）ユニコ・コーポレーション</v>
          </cell>
          <cell r="D2908" t="str">
            <v>山田 洋司</v>
          </cell>
          <cell r="E2908" t="str">
            <v>代表取締役</v>
          </cell>
          <cell r="F2908" t="str">
            <v>063-8558</v>
          </cell>
          <cell r="G2908" t="str">
            <v>西区二十四軒２－４－６－２３ ユニコビル</v>
          </cell>
          <cell r="H2908" t="str">
            <v>641-1101</v>
          </cell>
          <cell r="I2908" t="str">
            <v>641-1677</v>
          </cell>
        </row>
        <row r="2909">
          <cell r="A2909" t="str">
            <v>28431T</v>
          </cell>
          <cell r="B2909" t="str">
            <v>ﾕﾆｵﾝｷｭｳｼｮｸ</v>
          </cell>
          <cell r="C2909" t="str">
            <v>ユニオン給食（株）</v>
          </cell>
          <cell r="D2909" t="str">
            <v>堀川 輝男</v>
          </cell>
          <cell r="E2909" t="str">
            <v>代表取締役</v>
          </cell>
          <cell r="F2909" t="str">
            <v>003-0005</v>
          </cell>
          <cell r="G2909" t="str">
            <v>白石区東札幌５－２－８－１９</v>
          </cell>
          <cell r="H2909" t="str">
            <v>841-1431</v>
          </cell>
          <cell r="I2909" t="str">
            <v>841-1434</v>
          </cell>
        </row>
        <row r="2910">
          <cell r="A2910" t="str">
            <v>28435V</v>
          </cell>
          <cell r="B2910" t="str">
            <v>ﾕｰﾏｯｸ</v>
          </cell>
          <cell r="C2910" t="str">
            <v>（有）ユーマック</v>
          </cell>
          <cell r="D2910" t="str">
            <v>高橋 政司</v>
          </cell>
          <cell r="E2910" t="str">
            <v>代表取締役</v>
          </cell>
          <cell r="F2910" t="str">
            <v>062-0008</v>
          </cell>
          <cell r="G2910" t="str">
            <v>豊平区美園８－６－１－１</v>
          </cell>
          <cell r="H2910" t="str">
            <v>818-7177</v>
          </cell>
          <cell r="I2910" t="str">
            <v>818-7178</v>
          </cell>
        </row>
        <row r="2911">
          <cell r="A2911" t="str">
            <v>28442P</v>
          </cell>
          <cell r="B2911" t="str">
            <v>ﾕｳｼﾝｼｮｳｶｲ</v>
          </cell>
          <cell r="C2911" t="str">
            <v>（株）有伸商会</v>
          </cell>
          <cell r="D2911" t="str">
            <v>有村 憲二</v>
          </cell>
          <cell r="E2911" t="str">
            <v>代表取締役</v>
          </cell>
          <cell r="F2911" t="str">
            <v>062-0006</v>
          </cell>
          <cell r="G2911" t="str">
            <v>豊平区美園６－６－１－１</v>
          </cell>
          <cell r="H2911" t="str">
            <v>814-6211</v>
          </cell>
          <cell r="I2911" t="str">
            <v>823-6311</v>
          </cell>
        </row>
        <row r="2912">
          <cell r="A2912" t="str">
            <v>28443Z</v>
          </cell>
          <cell r="B2912" t="str">
            <v>ﾕﾆｱﾃﾞｯｸｽ</v>
          </cell>
          <cell r="C2912" t="str">
            <v>ユニアデックス（株）</v>
          </cell>
          <cell r="D2912" t="str">
            <v>福永 努</v>
          </cell>
          <cell r="E2912" t="str">
            <v>代表取締役社長</v>
          </cell>
          <cell r="F2912" t="str">
            <v>135-8560</v>
          </cell>
          <cell r="G2912" t="str">
            <v>東京都江東区豊洲１－１－１</v>
          </cell>
          <cell r="H2912" t="str">
            <v>03-5546-4900</v>
          </cell>
          <cell r="I2912" t="str">
            <v>03-5546-7861</v>
          </cell>
        </row>
        <row r="2913">
          <cell r="A2913" t="str">
            <v>28445T</v>
          </cell>
          <cell r="B2913" t="str">
            <v>ﾕｰﾒﾃﾞｨｯｸ</v>
          </cell>
          <cell r="C2913" t="str">
            <v>（株）ユーメディック</v>
          </cell>
          <cell r="D2913" t="str">
            <v>植津 章夫</v>
          </cell>
          <cell r="E2913" t="str">
            <v>代表取締役</v>
          </cell>
          <cell r="F2913" t="str">
            <v>062-0933</v>
          </cell>
          <cell r="G2913" t="str">
            <v>豊平区平岸３－５－１－１８</v>
          </cell>
          <cell r="H2913" t="str">
            <v>820-7377</v>
          </cell>
          <cell r="I2913" t="str">
            <v>820-7382</v>
          </cell>
        </row>
        <row r="2914">
          <cell r="A2914" t="str">
            <v>28446R</v>
          </cell>
          <cell r="B2914" t="str">
            <v>ﾕﾒｿｳｿﾞｳ</v>
          </cell>
          <cell r="C2914" t="str">
            <v>（有）夢創造</v>
          </cell>
          <cell r="D2914" t="str">
            <v>佐藤 一郎</v>
          </cell>
          <cell r="E2914" t="str">
            <v>代表取締役</v>
          </cell>
          <cell r="F2914" t="str">
            <v>003-0833</v>
          </cell>
          <cell r="G2914" t="str">
            <v>白石区北郷３－８－４－２７ ﾋﾟｱｽ陽功２０３号室</v>
          </cell>
          <cell r="H2914" t="str">
            <v>875-3288</v>
          </cell>
          <cell r="I2914" t="str">
            <v>875-3293</v>
          </cell>
        </row>
        <row r="2915">
          <cell r="A2915" t="str">
            <v>28449W</v>
          </cell>
          <cell r="B2915" t="str">
            <v>ﾕｰｷ･ﾄﾛﾌｨｰ</v>
          </cell>
          <cell r="C2915" t="str">
            <v>ユーキ・トロフィー（有）</v>
          </cell>
          <cell r="D2915" t="str">
            <v>蛯名 祥一</v>
          </cell>
          <cell r="E2915" t="str">
            <v>代表取締役</v>
          </cell>
          <cell r="F2915" t="str">
            <v>004-0053</v>
          </cell>
          <cell r="G2915" t="str">
            <v>厚別区厚別中央３－１－６－２</v>
          </cell>
          <cell r="H2915" t="str">
            <v>892-6989</v>
          </cell>
          <cell r="I2915" t="str">
            <v>892-7188</v>
          </cell>
        </row>
        <row r="2916">
          <cell r="A2916" t="str">
            <v>28450T</v>
          </cell>
          <cell r="B2916" t="str">
            <v>ﾕﾆﾃｯｸｽ</v>
          </cell>
          <cell r="C2916" t="str">
            <v>（株）ユニテックス北海道支社</v>
          </cell>
          <cell r="D2916" t="str">
            <v>三野 康行</v>
          </cell>
          <cell r="E2916" t="str">
            <v>支社長</v>
          </cell>
          <cell r="F2916" t="str">
            <v>003-0026</v>
          </cell>
          <cell r="G2916" t="str">
            <v>白石区本通２１南１－１０ 第２拓殖ビル４Ｆ</v>
          </cell>
          <cell r="H2916" t="str">
            <v>868-7550</v>
          </cell>
          <cell r="I2916" t="str">
            <v>868-7551</v>
          </cell>
        </row>
        <row r="2917">
          <cell r="A2917" t="str">
            <v>28606P</v>
          </cell>
          <cell r="B2917" t="str">
            <v>ﾖｼﾐｻﾝｼｮｳ</v>
          </cell>
          <cell r="C2917" t="str">
            <v>吉見産商（株）</v>
          </cell>
          <cell r="D2917" t="str">
            <v>斉藤 武彦</v>
          </cell>
          <cell r="E2917" t="str">
            <v>代表取締役</v>
          </cell>
          <cell r="F2917" t="str">
            <v>063-0861</v>
          </cell>
          <cell r="G2917" t="str">
            <v>西区八軒１東３－３－１</v>
          </cell>
          <cell r="H2917" t="str">
            <v>641-4811</v>
          </cell>
          <cell r="I2917" t="str">
            <v>641-4815</v>
          </cell>
        </row>
        <row r="2918">
          <cell r="A2918" t="str">
            <v>28607Z</v>
          </cell>
          <cell r="B2918" t="str">
            <v>ﾖｺﾔﾏｿﾞｳｴﾝ</v>
          </cell>
          <cell r="C2918" t="str">
            <v>（株）横山造園</v>
          </cell>
          <cell r="D2918" t="str">
            <v>横山 桂</v>
          </cell>
          <cell r="E2918" t="str">
            <v>代表取締役</v>
          </cell>
          <cell r="F2918" t="str">
            <v>060-0034</v>
          </cell>
          <cell r="G2918" t="str">
            <v>中央区北４東４－３</v>
          </cell>
          <cell r="H2918" t="str">
            <v>231-2019</v>
          </cell>
          <cell r="I2918" t="str">
            <v>231-2619</v>
          </cell>
        </row>
        <row r="2919">
          <cell r="A2919" t="str">
            <v>28608X</v>
          </cell>
          <cell r="B2919" t="str">
            <v>ﾖｺﾔﾏｲﾝｻﾂｼｮ</v>
          </cell>
          <cell r="C2919" t="str">
            <v>横山印刷所</v>
          </cell>
          <cell r="D2919" t="str">
            <v>横山 信</v>
          </cell>
          <cell r="E2919" t="str">
            <v>代表者</v>
          </cell>
          <cell r="F2919" t="str">
            <v>060-0807</v>
          </cell>
          <cell r="G2919" t="str">
            <v>北区北７西８－２</v>
          </cell>
          <cell r="H2919" t="str">
            <v>716-1834</v>
          </cell>
          <cell r="I2919" t="str">
            <v>716-5008</v>
          </cell>
        </row>
        <row r="2920">
          <cell r="A2920" t="str">
            <v>28611P</v>
          </cell>
          <cell r="B2920" t="str">
            <v>ﾖｺﾊﾏｳｴｷ</v>
          </cell>
          <cell r="C2920" t="str">
            <v>横浜植木（株）北海道支店</v>
          </cell>
          <cell r="D2920" t="str">
            <v>河内 幹彦</v>
          </cell>
          <cell r="E2920" t="str">
            <v>取締役支店長</v>
          </cell>
          <cell r="F2920" t="str">
            <v>003-0029</v>
          </cell>
          <cell r="G2920" t="str">
            <v>白石区平和通１４北２－１６</v>
          </cell>
          <cell r="H2920" t="str">
            <v>862-3561</v>
          </cell>
          <cell r="I2920" t="str">
            <v>864-3634</v>
          </cell>
        </row>
        <row r="2921">
          <cell r="A2921" t="str">
            <v>28615R</v>
          </cell>
          <cell r="B2921" t="str">
            <v>ﾖﾈﾀﾞﾌﾞｯｻﾝ</v>
          </cell>
          <cell r="C2921" t="str">
            <v>米田物産（株）札幌出張所</v>
          </cell>
          <cell r="D2921" t="str">
            <v>百武 伴和</v>
          </cell>
          <cell r="E2921" t="str">
            <v>所長</v>
          </cell>
          <cell r="F2921" t="str">
            <v>060-0908</v>
          </cell>
          <cell r="G2921" t="str">
            <v>東区北８東１－３－１５－３１５</v>
          </cell>
          <cell r="H2921" t="str">
            <v>731-8823</v>
          </cell>
          <cell r="I2921" t="str">
            <v>731-8823</v>
          </cell>
        </row>
        <row r="2922">
          <cell r="A2922" t="str">
            <v>28618W</v>
          </cell>
          <cell r="B2922" t="str">
            <v>ﾏｳﾝﾃﾝ</v>
          </cell>
          <cell r="C2922" t="str">
            <v>（株）マウンテン</v>
          </cell>
          <cell r="D2922" t="str">
            <v>吉田 正幸</v>
          </cell>
          <cell r="E2922" t="str">
            <v>代表取締役</v>
          </cell>
          <cell r="F2922" t="str">
            <v>002-8024</v>
          </cell>
          <cell r="G2922" t="str">
            <v>北区篠路４－４－６－１４</v>
          </cell>
          <cell r="H2922" t="str">
            <v>774-1961</v>
          </cell>
          <cell r="I2922" t="str">
            <v>774-1973</v>
          </cell>
        </row>
        <row r="2923">
          <cell r="A2923" t="str">
            <v>28630P</v>
          </cell>
          <cell r="B2923" t="str">
            <v>ｼﾞｰｲｰﾖｺｶﾞﾜﾒﾃﾞｨｶﾙｼｽﾃﾑ</v>
          </cell>
          <cell r="C2923" t="str">
            <v>ジーイー横河メディカルシステム（株）札幌支店</v>
          </cell>
          <cell r="D2923" t="str">
            <v>多田 紀彦</v>
          </cell>
          <cell r="E2923" t="str">
            <v>支店長</v>
          </cell>
          <cell r="F2923" t="str">
            <v>063-0801</v>
          </cell>
          <cell r="G2923" t="str">
            <v>西区二十四軒１－３－２－１２</v>
          </cell>
          <cell r="H2923" t="str">
            <v>615-7714</v>
          </cell>
          <cell r="I2923" t="str">
            <v>615-7811</v>
          </cell>
        </row>
        <row r="2924">
          <cell r="A2924" t="str">
            <v>28632X</v>
          </cell>
          <cell r="B2924" t="str">
            <v>ﾖｼﾔﾏﾄﾘｮｳﾃﾝ</v>
          </cell>
          <cell r="C2924" t="str">
            <v>（株）吉山塗料店</v>
          </cell>
          <cell r="D2924" t="str">
            <v>小坂 好弘</v>
          </cell>
          <cell r="E2924" t="str">
            <v>代表取締役</v>
          </cell>
          <cell r="F2924" t="str">
            <v>060-0041</v>
          </cell>
          <cell r="G2924" t="str">
            <v>中央区大通東８－１</v>
          </cell>
          <cell r="H2924" t="str">
            <v>241-0291</v>
          </cell>
          <cell r="I2924" t="str">
            <v>241-0290</v>
          </cell>
        </row>
        <row r="2925">
          <cell r="A2925" t="str">
            <v>28639R</v>
          </cell>
          <cell r="B2925" t="str">
            <v>ﾖﾐｳﾘｺｳｺｸｼｬ</v>
          </cell>
          <cell r="C2925" t="str">
            <v>（株）読売広告社札幌支社</v>
          </cell>
          <cell r="D2925" t="str">
            <v>小柳 延彦</v>
          </cell>
          <cell r="E2925" t="str">
            <v>札幌支社長</v>
          </cell>
          <cell r="F2925" t="str">
            <v>060-0001</v>
          </cell>
          <cell r="G2925" t="str">
            <v>中央区北１西５北一条三井ビル</v>
          </cell>
          <cell r="H2925" t="str">
            <v>281-2341</v>
          </cell>
          <cell r="I2925" t="str">
            <v>281-2340</v>
          </cell>
        </row>
        <row r="2926">
          <cell r="A2926" t="str">
            <v>28640N</v>
          </cell>
          <cell r="B2926" t="str">
            <v>ﾖｼﾀﾞｷｶｲ</v>
          </cell>
          <cell r="C2926" t="str">
            <v>（株）吉田機械</v>
          </cell>
          <cell r="D2926" t="str">
            <v>吉田 豐</v>
          </cell>
          <cell r="E2926" t="str">
            <v>代表取締役</v>
          </cell>
          <cell r="F2926" t="str">
            <v>007-0823</v>
          </cell>
          <cell r="G2926" t="str">
            <v>東区東雁來３－１－２－５</v>
          </cell>
          <cell r="H2926" t="str">
            <v>782-6161</v>
          </cell>
          <cell r="I2926" t="str">
            <v>783-6353</v>
          </cell>
        </row>
        <row r="2927">
          <cell r="A2927" t="str">
            <v>28642W</v>
          </cell>
          <cell r="B2927" t="str">
            <v>ﾛｯｸｻｰﾋﾞｽ</v>
          </cell>
          <cell r="C2927" t="str">
            <v>（株）ロックサービス</v>
          </cell>
          <cell r="D2927" t="str">
            <v>尾形 勝夫</v>
          </cell>
          <cell r="E2927" t="str">
            <v>代表取締役</v>
          </cell>
          <cell r="F2927" t="str">
            <v>007-0834</v>
          </cell>
          <cell r="G2927" t="str">
            <v>東区北３４東１４－１－２０</v>
          </cell>
          <cell r="H2927" t="str">
            <v>704-7571</v>
          </cell>
          <cell r="I2927" t="str">
            <v>704-7572</v>
          </cell>
        </row>
        <row r="2928">
          <cell r="A2928" t="str">
            <v>28648S</v>
          </cell>
          <cell r="B2928" t="str">
            <v>ﾖﾐｯｸｽ</v>
          </cell>
          <cell r="C2928" t="str">
            <v>（株）ヨミックス</v>
          </cell>
          <cell r="D2928" t="str">
            <v>関根 忠三</v>
          </cell>
          <cell r="E2928" t="str">
            <v>代表取締役社長</v>
          </cell>
          <cell r="F2928" t="str">
            <v>060-0003</v>
          </cell>
          <cell r="G2928" t="str">
            <v>中央区北３西３－１－４４</v>
          </cell>
          <cell r="H2928" t="str">
            <v>231-4667</v>
          </cell>
          <cell r="I2928" t="str">
            <v>210-4780</v>
          </cell>
        </row>
        <row r="2929">
          <cell r="A2929" t="str">
            <v>28660Y</v>
          </cell>
          <cell r="B2929" t="str">
            <v>ﾖｺｲ</v>
          </cell>
          <cell r="C2929" t="str">
            <v>（株）ヨコイ</v>
          </cell>
          <cell r="D2929" t="str">
            <v>横井 桂</v>
          </cell>
          <cell r="E2929" t="str">
            <v>代表取締役</v>
          </cell>
          <cell r="F2929" t="str">
            <v>007-0873</v>
          </cell>
          <cell r="G2929" t="str">
            <v>東区伏古１３－５－１０－１５</v>
          </cell>
          <cell r="H2929" t="str">
            <v>785-5559</v>
          </cell>
          <cell r="I2929" t="str">
            <v>785-8335</v>
          </cell>
        </row>
        <row r="2930">
          <cell r="A2930" t="str">
            <v>28661W</v>
          </cell>
          <cell r="B2930" t="str">
            <v>ﾖｺﾔﾏﾃﾞﾝｷｶﾝﾘｼﾞﾑｼｮ</v>
          </cell>
          <cell r="C2930" t="str">
            <v>横山電気管理事務所</v>
          </cell>
          <cell r="D2930" t="str">
            <v>横山 昌信</v>
          </cell>
          <cell r="E2930" t="str">
            <v>代表</v>
          </cell>
          <cell r="F2930" t="str">
            <v>061-1132</v>
          </cell>
          <cell r="G2930" t="str">
            <v>北広島市北進町２－１－５－３０２</v>
          </cell>
          <cell r="H2930" t="str">
            <v>372-2039</v>
          </cell>
          <cell r="I2930" t="str">
            <v>372-2039</v>
          </cell>
        </row>
        <row r="2931">
          <cell r="A2931" t="str">
            <v>28662T</v>
          </cell>
          <cell r="B2931" t="str">
            <v>ﾖﾈｲ</v>
          </cell>
          <cell r="C2931" t="str">
            <v>（株）ヨネイ札幌営業所</v>
          </cell>
          <cell r="D2931" t="str">
            <v>窪田 和男</v>
          </cell>
          <cell r="E2931" t="str">
            <v>営業所長</v>
          </cell>
          <cell r="F2931" t="str">
            <v>060-0042</v>
          </cell>
          <cell r="G2931" t="str">
            <v>中央区大通西１２－４ あいおい損保・札幌大通ﾋﾞﾙ</v>
          </cell>
          <cell r="H2931" t="str">
            <v>272-2045</v>
          </cell>
          <cell r="I2931" t="str">
            <v>272-2546</v>
          </cell>
        </row>
        <row r="2932">
          <cell r="A2932" t="str">
            <v>28663R</v>
          </cell>
          <cell r="B2932" t="str">
            <v>ﾖｼﾀﾞ</v>
          </cell>
          <cell r="C2932" t="str">
            <v>（株）ヨシダ北海道支店</v>
          </cell>
          <cell r="D2932" t="str">
            <v>山本 憲一</v>
          </cell>
          <cell r="E2932" t="str">
            <v>支店長</v>
          </cell>
          <cell r="F2932" t="str">
            <v>001-0016</v>
          </cell>
          <cell r="G2932" t="str">
            <v>北区北１６西３－２１－３８５</v>
          </cell>
          <cell r="H2932" t="str">
            <v>756-7722</v>
          </cell>
          <cell r="I2932" t="str">
            <v>756-3080</v>
          </cell>
        </row>
        <row r="2933">
          <cell r="A2933" t="str">
            <v>28667S</v>
          </cell>
          <cell r="B2933" t="str">
            <v>ﾖｼﾀﾞｾｲﾌﾞﾂｹﾝｷｭｳｼｮ</v>
          </cell>
          <cell r="C2933" t="str">
            <v>（株）吉田生物研究所</v>
          </cell>
          <cell r="D2933" t="str">
            <v>吉田 秀男</v>
          </cell>
          <cell r="E2933" t="str">
            <v>代表取締役</v>
          </cell>
          <cell r="F2933" t="str">
            <v>607-8454</v>
          </cell>
          <cell r="G2933" t="str">
            <v>京都市山科区厨子奥苗代元町３１</v>
          </cell>
          <cell r="H2933" t="str">
            <v>075-581-0835</v>
          </cell>
          <cell r="I2933" t="str">
            <v>075-581-1809</v>
          </cell>
        </row>
        <row r="2934">
          <cell r="A2934" t="str">
            <v>28668P</v>
          </cell>
          <cell r="B2934" t="str">
            <v>ﾖｺﾊﾏﾀｲﾔﾘﾃｰﾙﾎｯｶｲﾄﾞｳ</v>
          </cell>
          <cell r="C2934" t="str">
            <v>（有）ヨコハマタイヤリテール北海道</v>
          </cell>
          <cell r="D2934" t="str">
            <v>村井 清志</v>
          </cell>
          <cell r="E2934" t="str">
            <v>代表取締役社長</v>
          </cell>
          <cell r="F2934" t="str">
            <v>064-0804</v>
          </cell>
          <cell r="G2934" t="str">
            <v>中央区南４西１５－２－５</v>
          </cell>
          <cell r="H2934" t="str">
            <v>563-2528</v>
          </cell>
          <cell r="I2934" t="str">
            <v>563-3629</v>
          </cell>
        </row>
        <row r="2935">
          <cell r="A2935" t="str">
            <v>28669Z</v>
          </cell>
          <cell r="B2935" t="str">
            <v>ﾖｳｹﾞﾝｼｬｲﾝｻﾂ</v>
          </cell>
          <cell r="C2935" t="str">
            <v>（株）洋玄社印刷</v>
          </cell>
          <cell r="D2935" t="str">
            <v>金子 均</v>
          </cell>
          <cell r="E2935" t="str">
            <v>代表取締役</v>
          </cell>
          <cell r="F2935" t="str">
            <v>062-0904</v>
          </cell>
          <cell r="G2935" t="str">
            <v>豊平区豊平４－１３－１－２６</v>
          </cell>
          <cell r="H2935" t="str">
            <v>831-3081</v>
          </cell>
          <cell r="I2935" t="str">
            <v>821-4239</v>
          </cell>
        </row>
        <row r="2936">
          <cell r="A2936" t="str">
            <v>28801Y</v>
          </cell>
          <cell r="B2936" t="str">
            <v>ﾗｻｼｮｳｼﾞ</v>
          </cell>
          <cell r="C2936" t="str">
            <v>ラサ商事（株）北海道支店</v>
          </cell>
          <cell r="D2936" t="str">
            <v>鎌田 和裕</v>
          </cell>
          <cell r="E2936" t="str">
            <v>支店長</v>
          </cell>
          <cell r="F2936" t="str">
            <v>007-0835</v>
          </cell>
          <cell r="G2936" t="str">
            <v>東区北３５東２６－３－２２</v>
          </cell>
          <cell r="H2936" t="str">
            <v>784-4011</v>
          </cell>
          <cell r="I2936" t="str">
            <v>784-1068</v>
          </cell>
        </row>
        <row r="2937">
          <cell r="A2937" t="str">
            <v>28803T</v>
          </cell>
          <cell r="B2937" t="str">
            <v>ﾗｲｵﾝｼﾞﾑｷ</v>
          </cell>
          <cell r="C2937" t="str">
            <v>（株）ライオン事務器札幌支店</v>
          </cell>
          <cell r="D2937" t="str">
            <v>遠藤 英樹</v>
          </cell>
          <cell r="E2937" t="str">
            <v>支店長</v>
          </cell>
          <cell r="F2937" t="str">
            <v>004-0866</v>
          </cell>
          <cell r="G2937" t="str">
            <v>清田区北野６－２－１４－３</v>
          </cell>
          <cell r="H2937" t="str">
            <v>883-6722</v>
          </cell>
          <cell r="I2937" t="str">
            <v>883-6744</v>
          </cell>
        </row>
        <row r="2938">
          <cell r="A2938" t="str">
            <v>28804R</v>
          </cell>
          <cell r="B2938" t="str">
            <v>ﾗｹｯﾄｼｮｯﾌﾟｽｶﾞﾜﾗ</v>
          </cell>
          <cell r="C2938" t="str">
            <v>（有）ラケットショップスガワラ</v>
          </cell>
          <cell r="D2938" t="str">
            <v>菅原 薫</v>
          </cell>
          <cell r="E2938" t="str">
            <v>代表取締役</v>
          </cell>
          <cell r="F2938" t="str">
            <v>060-0061</v>
          </cell>
          <cell r="G2938" t="str">
            <v>中央区南１西１２－３２２</v>
          </cell>
          <cell r="H2938" t="str">
            <v>271-3855</v>
          </cell>
          <cell r="I2938" t="str">
            <v>271-3863</v>
          </cell>
        </row>
        <row r="2939">
          <cell r="A2939" t="str">
            <v>28805Z</v>
          </cell>
          <cell r="B2939" t="str">
            <v>ﾗﾝﾄﾞﾘｰｼｽﾃﾑ</v>
          </cell>
          <cell r="C2939" t="str">
            <v>（有）ランドリーシステム</v>
          </cell>
          <cell r="D2939" t="str">
            <v>熊谷 泰裕</v>
          </cell>
          <cell r="E2939" t="str">
            <v>代表取締役</v>
          </cell>
          <cell r="F2939" t="str">
            <v>060-0042</v>
          </cell>
          <cell r="G2939" t="str">
            <v>中央区大通西１５－３－１</v>
          </cell>
          <cell r="H2939" t="str">
            <v>612-1155</v>
          </cell>
          <cell r="I2939" t="str">
            <v>612-1156</v>
          </cell>
        </row>
        <row r="2940">
          <cell r="A2940" t="str">
            <v>28806X</v>
          </cell>
          <cell r="B2940" t="str">
            <v>ﾗﾎﾞ</v>
          </cell>
          <cell r="C2940" t="str">
            <v>（株）ラボ</v>
          </cell>
          <cell r="D2940" t="str">
            <v>杉田 一憲</v>
          </cell>
          <cell r="E2940" t="str">
            <v>代表取締役</v>
          </cell>
          <cell r="F2940" t="str">
            <v>001-0027</v>
          </cell>
          <cell r="G2940" t="str">
            <v>北区北２７西６－２－１２</v>
          </cell>
          <cell r="H2940" t="str">
            <v>758-4515</v>
          </cell>
          <cell r="I2940" t="str">
            <v>758-4729</v>
          </cell>
        </row>
        <row r="2941">
          <cell r="A2941" t="str">
            <v>28809P</v>
          </cell>
          <cell r="B2941" t="str">
            <v>ﾗﾝﾄﾞ･ﾄｩｴﾝﾃｨﾜﾝ</v>
          </cell>
          <cell r="C2941" t="str">
            <v>（株）ランド・トゥエンティワン</v>
          </cell>
          <cell r="D2941" t="str">
            <v>橋本 徹哉</v>
          </cell>
          <cell r="E2941" t="str">
            <v>代表取締役</v>
          </cell>
          <cell r="F2941" t="str">
            <v>063-0823</v>
          </cell>
          <cell r="G2941" t="str">
            <v>西区発寒３－６－１０－２５</v>
          </cell>
          <cell r="H2941" t="str">
            <v>667-2500</v>
          </cell>
          <cell r="I2941" t="str">
            <v>667-1800</v>
          </cell>
        </row>
        <row r="2942">
          <cell r="A2942" t="str">
            <v>28811X</v>
          </cell>
          <cell r="B2942" t="str">
            <v>ﾗｲｵﾝｺｳｹﾞｲ</v>
          </cell>
          <cell r="C2942" t="str">
            <v>（株）ライオン工芸</v>
          </cell>
          <cell r="D2942" t="str">
            <v>楢原 武正</v>
          </cell>
          <cell r="E2942" t="str">
            <v>代表取締役</v>
          </cell>
          <cell r="F2942" t="str">
            <v>064-0808</v>
          </cell>
          <cell r="G2942" t="str">
            <v>中央区南８西１３－４－２０</v>
          </cell>
          <cell r="H2942" t="str">
            <v>561-6735</v>
          </cell>
          <cell r="I2942" t="str">
            <v>563-8061</v>
          </cell>
        </row>
        <row r="2943">
          <cell r="A2943" t="str">
            <v>28816W</v>
          </cell>
          <cell r="B2943" t="str">
            <v>ﾗ･ｳｨﾙ</v>
          </cell>
          <cell r="C2943" t="str">
            <v>（株）ラ・ウィル</v>
          </cell>
          <cell r="D2943" t="str">
            <v>讃良 美規</v>
          </cell>
          <cell r="E2943" t="str">
            <v>代表取締役</v>
          </cell>
          <cell r="F2943" t="str">
            <v>060-0063</v>
          </cell>
          <cell r="G2943" t="str">
            <v>中央区南３西４－８－２</v>
          </cell>
          <cell r="H2943" t="str">
            <v>232-5110</v>
          </cell>
          <cell r="I2943" t="str">
            <v>222-2455</v>
          </cell>
        </row>
        <row r="2944">
          <cell r="A2944" t="str">
            <v>28820Y</v>
          </cell>
          <cell r="B2944" t="str">
            <v>ﾗｲﾌ</v>
          </cell>
          <cell r="C2944" t="str">
            <v>（株）ライフ</v>
          </cell>
          <cell r="D2944" t="str">
            <v>齊藤 芳昭</v>
          </cell>
          <cell r="E2944" t="str">
            <v>代表取締役</v>
          </cell>
          <cell r="F2944" t="str">
            <v>001-0015</v>
          </cell>
          <cell r="G2944" t="str">
            <v>北区北１５西４－２１－３１６</v>
          </cell>
          <cell r="H2944" t="str">
            <v>709-0333</v>
          </cell>
          <cell r="I2944" t="str">
            <v>709-0332</v>
          </cell>
        </row>
        <row r="2945">
          <cell r="A2945" t="str">
            <v>28821W</v>
          </cell>
          <cell r="B2945" t="str">
            <v>ﾗｲﾝﾊﾟｯｸ</v>
          </cell>
          <cell r="C2945" t="str">
            <v>ラインパック（株）</v>
          </cell>
          <cell r="D2945" t="str">
            <v>竹中 邦博</v>
          </cell>
          <cell r="E2945" t="str">
            <v>代表取締役</v>
          </cell>
          <cell r="F2945" t="str">
            <v>006-0805</v>
          </cell>
          <cell r="G2945" t="str">
            <v>手稲区新発寒５－１－７－２２</v>
          </cell>
          <cell r="H2945" t="str">
            <v>664-4011</v>
          </cell>
          <cell r="I2945" t="str">
            <v>662-8178</v>
          </cell>
        </row>
        <row r="2946">
          <cell r="A2946" t="str">
            <v>28822T</v>
          </cell>
          <cell r="B2946" t="str">
            <v>ﾗｲﾌｽﾃｰｼﾞ</v>
          </cell>
          <cell r="C2946" t="str">
            <v>ライフステージ（企組）</v>
          </cell>
          <cell r="D2946" t="str">
            <v>塩谷 浩之介</v>
          </cell>
          <cell r="E2946" t="str">
            <v>理事長</v>
          </cell>
          <cell r="F2946" t="str">
            <v>060-0005</v>
          </cell>
          <cell r="G2946" t="str">
            <v>中央区北５西１９－２４－１０</v>
          </cell>
          <cell r="H2946" t="str">
            <v>615-0147</v>
          </cell>
          <cell r="I2946" t="str">
            <v>615-0147</v>
          </cell>
        </row>
        <row r="2947">
          <cell r="A2947" t="str">
            <v>28823R</v>
          </cell>
          <cell r="B2947" t="str">
            <v>ﾗﾝﾀﾞﾑｱｸｾｽ</v>
          </cell>
          <cell r="C2947" t="str">
            <v>（有）ランダムアクセス</v>
          </cell>
          <cell r="D2947" t="str">
            <v>高橋 俊彦</v>
          </cell>
          <cell r="E2947" t="str">
            <v>代表取締役</v>
          </cell>
          <cell r="F2947" t="str">
            <v>064-0915</v>
          </cell>
          <cell r="G2947" t="str">
            <v>中央区南１５西１２－１－１４</v>
          </cell>
          <cell r="H2947" t="str">
            <v>562-5846</v>
          </cell>
          <cell r="I2947" t="str">
            <v>512-0616</v>
          </cell>
        </row>
        <row r="2948">
          <cell r="A2948" t="str">
            <v>28825X</v>
          </cell>
          <cell r="B2948" t="str">
            <v>ﾗｳﾞｨ</v>
          </cell>
          <cell r="C2948" t="str">
            <v>（有）ラヴィ</v>
          </cell>
          <cell r="D2948" t="str">
            <v>星山 弘美</v>
          </cell>
          <cell r="E2948" t="str">
            <v>代表取締役</v>
          </cell>
          <cell r="F2948" t="str">
            <v>064-0801</v>
          </cell>
          <cell r="G2948" t="str">
            <v>中央区南１西２３－１－３３ 北勝ビル</v>
          </cell>
          <cell r="H2948" t="str">
            <v>615-8432</v>
          </cell>
          <cell r="I2948" t="str">
            <v>640-2000</v>
          </cell>
        </row>
        <row r="2949">
          <cell r="A2949" t="str">
            <v>28826V</v>
          </cell>
          <cell r="B2949" t="str">
            <v>ﾗｲｼﾞﾝｸﾞｱｰﾄ</v>
          </cell>
          <cell r="C2949" t="str">
            <v>（株）ライジングアート</v>
          </cell>
          <cell r="D2949" t="str">
            <v>髙橋 勝隆</v>
          </cell>
          <cell r="E2949" t="str">
            <v>代表取締役</v>
          </cell>
          <cell r="F2949" t="str">
            <v>006-0836</v>
          </cell>
          <cell r="G2949" t="str">
            <v>手稲区曙６－１－８４１－５</v>
          </cell>
          <cell r="H2949" t="str">
            <v>691-5524</v>
          </cell>
          <cell r="I2949" t="str">
            <v>691-5523</v>
          </cell>
        </row>
        <row r="2950">
          <cell r="A2950" t="str">
            <v>28828P</v>
          </cell>
          <cell r="B2950" t="str">
            <v>ﾗﾏﾅﾌﾟﾛｼﾞｪｸﾄ</v>
          </cell>
          <cell r="C2950" t="str">
            <v>（株）ラマナプロジェクト</v>
          </cell>
          <cell r="D2950" t="str">
            <v>森川 英之</v>
          </cell>
          <cell r="E2950" t="str">
            <v>代表取締役</v>
          </cell>
          <cell r="F2950" t="str">
            <v>060-0031</v>
          </cell>
          <cell r="G2950" t="str">
            <v>中央区北１東１３－１－１</v>
          </cell>
          <cell r="H2950" t="str">
            <v>242-1465</v>
          </cell>
          <cell r="I2950" t="str">
            <v>242-1466</v>
          </cell>
        </row>
        <row r="2951">
          <cell r="A2951" t="str">
            <v>29001T</v>
          </cell>
          <cell r="B2951" t="str">
            <v>ﾘｺｳｻﾝｷﾞｮｳ</v>
          </cell>
          <cell r="C2951" t="str">
            <v>理興産業（株）</v>
          </cell>
          <cell r="D2951" t="str">
            <v>本田 行雄</v>
          </cell>
          <cell r="E2951" t="str">
            <v>代表取締役</v>
          </cell>
          <cell r="F2951" t="str">
            <v>060-0031</v>
          </cell>
          <cell r="G2951" t="str">
            <v>中央区北１東３－５</v>
          </cell>
          <cell r="H2951" t="str">
            <v>820-1000</v>
          </cell>
          <cell r="I2951" t="str">
            <v>818-8181</v>
          </cell>
        </row>
        <row r="2952">
          <cell r="A2952" t="str">
            <v>29003N</v>
          </cell>
          <cell r="B2952" t="str">
            <v>ﾘｭｳｹﾝ</v>
          </cell>
          <cell r="C2952" t="str">
            <v>（株）流研</v>
          </cell>
          <cell r="D2952" t="str">
            <v>大野 昌広</v>
          </cell>
          <cell r="E2952" t="str">
            <v>代表取締役</v>
          </cell>
          <cell r="F2952" t="str">
            <v>060-0031</v>
          </cell>
          <cell r="G2952" t="str">
            <v>中央区北１東２－５</v>
          </cell>
          <cell r="H2952" t="str">
            <v>232-1371</v>
          </cell>
          <cell r="I2952" t="str">
            <v>232-1256</v>
          </cell>
        </row>
        <row r="2953">
          <cell r="A2953" t="str">
            <v>29005V</v>
          </cell>
          <cell r="B2953" t="str">
            <v>ﾘｺｳｾｲｻｸｼｮ</v>
          </cell>
          <cell r="C2953" t="str">
            <v>（株）理興製作所</v>
          </cell>
          <cell r="D2953" t="str">
            <v>小泉 實</v>
          </cell>
          <cell r="E2953" t="str">
            <v>代表取締役</v>
          </cell>
          <cell r="F2953" t="str">
            <v>003-0030</v>
          </cell>
          <cell r="G2953" t="str">
            <v>白石区流通センター４－１－１３</v>
          </cell>
          <cell r="H2953" t="str">
            <v>862-9688</v>
          </cell>
          <cell r="I2953" t="str">
            <v>862-9689</v>
          </cell>
        </row>
        <row r="2954">
          <cell r="A2954" t="str">
            <v>29009X</v>
          </cell>
          <cell r="B2954" t="str">
            <v>ﾘｹﾝ</v>
          </cell>
          <cell r="C2954" t="str">
            <v>（株）りけん</v>
          </cell>
          <cell r="D2954" t="str">
            <v>立野 満博</v>
          </cell>
          <cell r="E2954" t="str">
            <v>代表取締役</v>
          </cell>
          <cell r="F2954" t="str">
            <v>003-0004</v>
          </cell>
          <cell r="G2954" t="str">
            <v>白石区東札幌４－１－２－２０ 安全ビル</v>
          </cell>
          <cell r="H2954" t="str">
            <v>813-1330</v>
          </cell>
          <cell r="I2954" t="str">
            <v>813-1320</v>
          </cell>
        </row>
        <row r="2955">
          <cell r="A2955" t="str">
            <v>29015T</v>
          </cell>
          <cell r="B2955" t="str">
            <v>ﾘｺｰｴﾚﾒｯｸｽ</v>
          </cell>
          <cell r="C2955" t="str">
            <v>リコーエレメックス（株）札幌支店</v>
          </cell>
          <cell r="D2955" t="str">
            <v>安田 竹史</v>
          </cell>
          <cell r="E2955" t="str">
            <v>支店長</v>
          </cell>
          <cell r="F2955" t="str">
            <v>060-0051</v>
          </cell>
          <cell r="G2955" t="str">
            <v>中央区南１東１－３</v>
          </cell>
          <cell r="H2955" t="str">
            <v>221-2521</v>
          </cell>
          <cell r="I2955" t="str">
            <v>221-2893</v>
          </cell>
        </row>
        <row r="2956">
          <cell r="A2956" t="str">
            <v>29016R</v>
          </cell>
          <cell r="B2956" t="str">
            <v>ｻｯﾎﾟﾛﾆﾁｴｰ</v>
          </cell>
          <cell r="C2956" t="str">
            <v>（株）札幌ニチエー</v>
          </cell>
          <cell r="D2956" t="str">
            <v>牧野 正博</v>
          </cell>
          <cell r="E2956" t="str">
            <v>代表取締役</v>
          </cell>
          <cell r="F2956" t="str">
            <v>006-0805</v>
          </cell>
          <cell r="G2956" t="str">
            <v>手稲区新発寒５－１－１１０１－３５</v>
          </cell>
          <cell r="H2956" t="str">
            <v>665-6601</v>
          </cell>
          <cell r="I2956" t="str">
            <v>661-9922</v>
          </cell>
        </row>
        <row r="2957">
          <cell r="A2957" t="str">
            <v>29017N</v>
          </cell>
          <cell r="B2957" t="str">
            <v>ﾘﾘｰｶｰﾃﾝ</v>
          </cell>
          <cell r="C2957" t="str">
            <v>（有）リリーカーテン</v>
          </cell>
          <cell r="D2957" t="str">
            <v>新山 秋静</v>
          </cell>
          <cell r="E2957" t="str">
            <v>代表取締役</v>
          </cell>
          <cell r="F2957" t="str">
            <v>005-0003</v>
          </cell>
          <cell r="G2957" t="str">
            <v>南区澄川３－４－５－２０</v>
          </cell>
          <cell r="H2957" t="str">
            <v>831-5870</v>
          </cell>
          <cell r="I2957" t="str">
            <v>831-5880</v>
          </cell>
        </row>
        <row r="2958">
          <cell r="A2958" t="str">
            <v>29021R</v>
          </cell>
          <cell r="B2958" t="str">
            <v>ﾘｰｽｷﾝ ｻﾝ</v>
          </cell>
          <cell r="C2958" t="str">
            <v>（株）リースキン サン 札幌営業所</v>
          </cell>
          <cell r="D2958" t="str">
            <v>梅津 京一</v>
          </cell>
          <cell r="E2958" t="str">
            <v>札幌営業所所長</v>
          </cell>
          <cell r="F2958" t="str">
            <v>065-0030</v>
          </cell>
          <cell r="G2958" t="str">
            <v>東区北３０東１７－３－１４</v>
          </cell>
          <cell r="H2958" t="str">
            <v>785-5151</v>
          </cell>
          <cell r="I2958" t="str">
            <v>785-5154</v>
          </cell>
        </row>
        <row r="2959">
          <cell r="A2959" t="str">
            <v>29022N</v>
          </cell>
          <cell r="B2959" t="str">
            <v>ﾘｰｽｷﾝｻｯｿﾝ</v>
          </cell>
          <cell r="C2959" t="str">
            <v>リースキン札樽（株）</v>
          </cell>
          <cell r="D2959" t="str">
            <v>宮城 伸哉</v>
          </cell>
          <cell r="E2959" t="str">
            <v>代表取締役</v>
          </cell>
          <cell r="F2959" t="str">
            <v>006-0032</v>
          </cell>
          <cell r="G2959" t="str">
            <v>手稲区稲穂２－２－３－１５</v>
          </cell>
          <cell r="H2959" t="str">
            <v>683-3141</v>
          </cell>
          <cell r="I2959" t="str">
            <v>683-3142</v>
          </cell>
        </row>
        <row r="2960">
          <cell r="A2960" t="str">
            <v>29025S</v>
          </cell>
          <cell r="B2960" t="str">
            <v>ﾘｿｳｶｶﾞｸｺｳｷﾞｮｳ</v>
          </cell>
          <cell r="C2960" t="str">
            <v>理想科学工業（株）理想札幌支店</v>
          </cell>
          <cell r="D2960" t="str">
            <v>坂本 修</v>
          </cell>
          <cell r="E2960" t="str">
            <v>支店長</v>
          </cell>
          <cell r="F2960" t="str">
            <v>003-0801</v>
          </cell>
          <cell r="G2960" t="str">
            <v>白石区菊水１－１－３－１７理想札幌ビル</v>
          </cell>
          <cell r="H2960" t="str">
            <v>822-2200</v>
          </cell>
          <cell r="I2960" t="str">
            <v>822-0083</v>
          </cell>
        </row>
        <row r="2961">
          <cell r="A2961" t="str">
            <v>29028X</v>
          </cell>
          <cell r="B2961" t="str">
            <v>ﾘﾊﾋﾞﾘｰ･ｻｰﾋﾞｽ</v>
          </cell>
          <cell r="C2961" t="str">
            <v>リハビリー・サービス（株）</v>
          </cell>
          <cell r="D2961" t="str">
            <v>奥貫 一之</v>
          </cell>
          <cell r="E2961" t="str">
            <v>代表取締役社長</v>
          </cell>
          <cell r="F2961" t="str">
            <v>064-0919</v>
          </cell>
          <cell r="G2961" t="str">
            <v>中央区南１９西１４－１－２３</v>
          </cell>
          <cell r="H2961" t="str">
            <v>721-1023</v>
          </cell>
          <cell r="I2961" t="str">
            <v>721-5676</v>
          </cell>
        </row>
        <row r="2962">
          <cell r="A2962" t="str">
            <v>29030S</v>
          </cell>
          <cell r="B2962" t="str">
            <v>ﾘﾋﾞﾝｸﾞｲｽﾞﾐﾔ</v>
          </cell>
          <cell r="C2962" t="str">
            <v>（株）リビングいずみや</v>
          </cell>
          <cell r="D2962" t="str">
            <v>泉 敏博</v>
          </cell>
          <cell r="E2962" t="str">
            <v>代表取締役</v>
          </cell>
          <cell r="F2962" t="str">
            <v>003-0024</v>
          </cell>
          <cell r="G2962" t="str">
            <v>白石区本郷通１２南２－９</v>
          </cell>
          <cell r="H2962" t="str">
            <v>861-0236</v>
          </cell>
          <cell r="I2962" t="str">
            <v>861-2750</v>
          </cell>
        </row>
        <row r="2963">
          <cell r="A2963" t="str">
            <v>29033X</v>
          </cell>
          <cell r="B2963" t="str">
            <v>ﾘｰﾀﾞｰｽｻﾝｷﾞｮｳ</v>
          </cell>
          <cell r="C2963" t="str">
            <v>リーダース産業（株）札幌営業所</v>
          </cell>
          <cell r="D2963" t="str">
            <v>長谷川 健</v>
          </cell>
          <cell r="E2963" t="str">
            <v>所長</v>
          </cell>
          <cell r="F2963" t="str">
            <v>064-0826</v>
          </cell>
          <cell r="G2963" t="str">
            <v>中央区北６西２６－１－３３ ２６ＫＩビル６Ｆ</v>
          </cell>
          <cell r="H2963" t="str">
            <v>612-8611</v>
          </cell>
          <cell r="I2963" t="str">
            <v>612-8605</v>
          </cell>
        </row>
        <row r="2964">
          <cell r="A2964" t="str">
            <v>29040R</v>
          </cell>
          <cell r="B2964" t="str">
            <v>ﾘｺｰﾘｰｽ</v>
          </cell>
          <cell r="C2964" t="str">
            <v>リコーリース（株）札幌支社</v>
          </cell>
          <cell r="D2964" t="str">
            <v>黒川 憲司</v>
          </cell>
          <cell r="E2964" t="str">
            <v>支社長</v>
          </cell>
          <cell r="F2964" t="str">
            <v>060-0002</v>
          </cell>
          <cell r="G2964" t="str">
            <v>中央区北２西２－２６ 道特会館４Ｆ</v>
          </cell>
          <cell r="H2964" t="str">
            <v>251-2896</v>
          </cell>
          <cell r="I2964" t="str">
            <v>222-4423</v>
          </cell>
        </row>
        <row r="2965">
          <cell r="A2965" t="str">
            <v>29041N</v>
          </cell>
          <cell r="B2965" t="str">
            <v>ﾘｹﾝﾕｱﾂｺｳｷﾞｮｳ</v>
          </cell>
          <cell r="C2965" t="str">
            <v>（株）理研油圧興業</v>
          </cell>
          <cell r="D2965" t="str">
            <v>濱田 俊司</v>
          </cell>
          <cell r="E2965" t="str">
            <v>代表取締役</v>
          </cell>
          <cell r="F2965" t="str">
            <v>002-0859</v>
          </cell>
          <cell r="G2965" t="str">
            <v>北区屯田９－２－１－２０</v>
          </cell>
          <cell r="H2965" t="str">
            <v>772-8280</v>
          </cell>
          <cell r="I2965" t="str">
            <v>772-8032</v>
          </cell>
        </row>
        <row r="2966">
          <cell r="A2966" t="str">
            <v>29043W</v>
          </cell>
          <cell r="B2966" t="str">
            <v>ﾘｽﾛﾝ</v>
          </cell>
          <cell r="C2966" t="str">
            <v>リスロン（株）札幌支店</v>
          </cell>
          <cell r="D2966" t="str">
            <v>市川 正俊</v>
          </cell>
          <cell r="E2966" t="str">
            <v>支店長</v>
          </cell>
          <cell r="F2966" t="str">
            <v>062-0009</v>
          </cell>
          <cell r="G2966" t="str">
            <v>豊平区美園９－７－３－２４</v>
          </cell>
          <cell r="H2966" t="str">
            <v>812-0111</v>
          </cell>
          <cell r="I2966" t="str">
            <v>812-0666</v>
          </cell>
        </row>
        <row r="2967">
          <cell r="A2967" t="str">
            <v>29049S</v>
          </cell>
          <cell r="B2967" t="str">
            <v>ﾘｮｸﾖｳﾘｰｽ</v>
          </cell>
          <cell r="C2967" t="str">
            <v>緑葉リース（株）</v>
          </cell>
          <cell r="D2967" t="str">
            <v>澤山 滿成</v>
          </cell>
          <cell r="E2967" t="str">
            <v>代表取締役</v>
          </cell>
          <cell r="F2967" t="str">
            <v>001-0034</v>
          </cell>
          <cell r="G2967" t="str">
            <v>北区北３４西２－２－７</v>
          </cell>
          <cell r="H2967" t="str">
            <v>756-0971</v>
          </cell>
          <cell r="I2967" t="str">
            <v>746-4370</v>
          </cell>
        </row>
        <row r="2968">
          <cell r="A2968" t="str">
            <v>29050P</v>
          </cell>
          <cell r="B2968" t="str">
            <v>ﾘﾌﾟﾛﾜｰｸ</v>
          </cell>
          <cell r="C2968" t="str">
            <v>（株）リプロワーク</v>
          </cell>
          <cell r="D2968" t="str">
            <v>武田 篤</v>
          </cell>
          <cell r="E2968" t="str">
            <v>代表取締役社長</v>
          </cell>
          <cell r="F2968" t="str">
            <v>061-3242</v>
          </cell>
          <cell r="G2968" t="str">
            <v>石狩市新港中央３－７５０－３</v>
          </cell>
          <cell r="H2968" t="str">
            <v>0133-64-4311</v>
          </cell>
          <cell r="I2968" t="str">
            <v>0133-64-4312</v>
          </cell>
        </row>
        <row r="2969">
          <cell r="A2969" t="str">
            <v>29054S</v>
          </cell>
          <cell r="B2969" t="str">
            <v>ﾘｳﾞｨﾉｰﾙｼｽﾃﾑ</v>
          </cell>
          <cell r="C2969" t="str">
            <v>（株）リヴィノールシステム</v>
          </cell>
          <cell r="D2969" t="str">
            <v>石山 建治</v>
          </cell>
          <cell r="E2969" t="str">
            <v>代表取締役</v>
          </cell>
          <cell r="F2969" t="str">
            <v>007-0871</v>
          </cell>
          <cell r="G2969" t="str">
            <v>東区伏古１１－１－１－１５</v>
          </cell>
          <cell r="H2969" t="str">
            <v>783-3544</v>
          </cell>
          <cell r="I2969" t="str">
            <v>784-7227</v>
          </cell>
        </row>
        <row r="2970">
          <cell r="A2970" t="str">
            <v>29055N</v>
          </cell>
          <cell r="B2970" t="str">
            <v>ﾉｰﾊﾞﾘｰｽ</v>
          </cell>
          <cell r="C2970" t="str">
            <v>（株）ノーバリース</v>
          </cell>
          <cell r="D2970" t="str">
            <v>大類 隆夫</v>
          </cell>
          <cell r="E2970" t="str">
            <v>代表取締役</v>
          </cell>
          <cell r="F2970" t="str">
            <v>003-0869</v>
          </cell>
          <cell r="G2970" t="str">
            <v>白石区川下２１１３－１５</v>
          </cell>
          <cell r="H2970" t="str">
            <v>873-7617</v>
          </cell>
          <cell r="I2970" t="str">
            <v>873-9793</v>
          </cell>
        </row>
        <row r="2971">
          <cell r="A2971" t="str">
            <v>29056Y</v>
          </cell>
          <cell r="B2971" t="str">
            <v>ﾘｮｸｻﾝ</v>
          </cell>
          <cell r="C2971" t="str">
            <v>緑産（株）</v>
          </cell>
          <cell r="D2971" t="str">
            <v>小菅 定雄</v>
          </cell>
          <cell r="E2971" t="str">
            <v>代表取締役</v>
          </cell>
          <cell r="F2971" t="str">
            <v>229-1124</v>
          </cell>
          <cell r="G2971" t="str">
            <v>神奈川県相模原市田名３３３４－５</v>
          </cell>
          <cell r="H2971" t="str">
            <v>042-762-1021</v>
          </cell>
          <cell r="I2971" t="str">
            <v>042-762-1531</v>
          </cell>
        </row>
        <row r="2972">
          <cell r="A2972" t="str">
            <v>29057W</v>
          </cell>
          <cell r="B2972" t="str">
            <v>ﾘｺｰﾃｸﾉｼｽﾃﾑｽﾞ</v>
          </cell>
          <cell r="C2972" t="str">
            <v>リコーテクノシステムズ（株）北海道支社</v>
          </cell>
          <cell r="D2972" t="str">
            <v>岡 久男</v>
          </cell>
          <cell r="E2972" t="str">
            <v>支社長</v>
          </cell>
          <cell r="F2972" t="str">
            <v>060-0004</v>
          </cell>
          <cell r="G2972" t="str">
            <v>中央区北４西３－１</v>
          </cell>
          <cell r="H2972" t="str">
            <v>271-2616</v>
          </cell>
          <cell r="I2972" t="str">
            <v>271-2647</v>
          </cell>
        </row>
        <row r="2973">
          <cell r="A2973" t="str">
            <v>29059R</v>
          </cell>
          <cell r="B2973" t="str">
            <v>ﾘﾗｨｱﾌﾞﾙ</v>
          </cell>
          <cell r="C2973" t="str">
            <v>（株）リラィアブル札幌支社</v>
          </cell>
          <cell r="D2973" t="str">
            <v>鈴木 滋</v>
          </cell>
          <cell r="E2973" t="str">
            <v>支社長</v>
          </cell>
          <cell r="F2973" t="str">
            <v>062-0921</v>
          </cell>
          <cell r="G2973" t="str">
            <v>豊平区中の島１－１３－１－１</v>
          </cell>
          <cell r="H2973" t="str">
            <v>817-2700</v>
          </cell>
          <cell r="I2973" t="str">
            <v>817-2762</v>
          </cell>
        </row>
        <row r="2974">
          <cell r="A2974" t="str">
            <v>29060N</v>
          </cell>
          <cell r="B2974" t="str">
            <v>ﾘｮｸｶﾃﾞｻﾞｲﾝ</v>
          </cell>
          <cell r="C2974" t="str">
            <v>緑化デザイン（株）</v>
          </cell>
          <cell r="D2974" t="str">
            <v>小林 勝美</v>
          </cell>
          <cell r="E2974" t="str">
            <v>代表取締役</v>
          </cell>
          <cell r="F2974" t="str">
            <v>065-0043</v>
          </cell>
          <cell r="G2974" t="str">
            <v>東区苗穂町４－１－８</v>
          </cell>
          <cell r="H2974" t="str">
            <v>741-5076</v>
          </cell>
          <cell r="I2974" t="str">
            <v>741-6980</v>
          </cell>
        </row>
        <row r="2975">
          <cell r="A2975" t="str">
            <v>29065Z</v>
          </cell>
          <cell r="B2975" t="str">
            <v>ﾘﾃｰﾙﾈｯﾄﾜｰｸｼｽﾃﾑ</v>
          </cell>
          <cell r="C2975" t="str">
            <v>リテールネットワークシステム（株）</v>
          </cell>
          <cell r="D2975" t="str">
            <v>渡辺 国昭</v>
          </cell>
          <cell r="E2975" t="str">
            <v>代表取締役</v>
          </cell>
          <cell r="F2975" t="str">
            <v>060-0032</v>
          </cell>
          <cell r="G2975" t="str">
            <v>中央区北２東１１－２３</v>
          </cell>
          <cell r="H2975" t="str">
            <v>221-1110</v>
          </cell>
          <cell r="I2975" t="str">
            <v>221-1125</v>
          </cell>
        </row>
        <row r="2976">
          <cell r="A2976" t="str">
            <v>29066X</v>
          </cell>
          <cell r="B2976" t="str">
            <v>ﾘﾝｹｰｼﾞｻｰﾋﾞｽ</v>
          </cell>
          <cell r="C2976" t="str">
            <v>リンケージサービス（株）</v>
          </cell>
          <cell r="D2976" t="str">
            <v>八木 一郎</v>
          </cell>
          <cell r="E2976" t="str">
            <v>代表取締役社長</v>
          </cell>
          <cell r="F2976" t="str">
            <v>060-0042</v>
          </cell>
          <cell r="G2976" t="str">
            <v>中央区大通西４－１ 道銀ビル７階</v>
          </cell>
          <cell r="H2976" t="str">
            <v>272-2234</v>
          </cell>
          <cell r="I2976" t="str">
            <v>272-2210</v>
          </cell>
        </row>
        <row r="2977">
          <cell r="A2977" t="str">
            <v>29068S</v>
          </cell>
          <cell r="B2977" t="str">
            <v>ﾘｮｯｶｺｳﾎﾞｳ</v>
          </cell>
          <cell r="C2977" t="str">
            <v>（有）緑花工房</v>
          </cell>
          <cell r="D2977" t="str">
            <v>木下 正美</v>
          </cell>
          <cell r="E2977" t="str">
            <v>取締役</v>
          </cell>
          <cell r="F2977" t="str">
            <v>062-0008</v>
          </cell>
          <cell r="G2977" t="str">
            <v>豊平区美園８－１－３－１３－２０２</v>
          </cell>
          <cell r="H2977" t="str">
            <v>782-8792</v>
          </cell>
          <cell r="I2977" t="str">
            <v>782-8792</v>
          </cell>
        </row>
        <row r="2978">
          <cell r="A2978" t="str">
            <v>29072V</v>
          </cell>
          <cell r="B2978" t="str">
            <v>ﾘﾌﾟﾛﾀﾞｸｼｮﾝ</v>
          </cell>
          <cell r="C2978" t="str">
            <v>（株）リプロダクション</v>
          </cell>
          <cell r="D2978" t="str">
            <v>酒井 浩司</v>
          </cell>
          <cell r="E2978" t="str">
            <v>代表取締役</v>
          </cell>
          <cell r="F2978" t="str">
            <v>001-0932</v>
          </cell>
          <cell r="G2978" t="str">
            <v>北区新川西２－２－４－１２</v>
          </cell>
          <cell r="H2978" t="str">
            <v>768-3970</v>
          </cell>
          <cell r="I2978" t="str">
            <v>768-3970</v>
          </cell>
        </row>
        <row r="2979">
          <cell r="A2979" t="str">
            <v>29073S</v>
          </cell>
          <cell r="B2979" t="str">
            <v>ﾘｮｳﾊﾝ</v>
          </cell>
          <cell r="C2979" t="str">
            <v>（株）糧販</v>
          </cell>
          <cell r="D2979" t="str">
            <v>菅原 英晃</v>
          </cell>
          <cell r="E2979" t="str">
            <v>代表取締役</v>
          </cell>
          <cell r="F2979" t="str">
            <v>067-0063</v>
          </cell>
          <cell r="G2979" t="str">
            <v>江別市上江別西町６１－１</v>
          </cell>
          <cell r="H2979" t="str">
            <v>391-8511</v>
          </cell>
          <cell r="I2979" t="str">
            <v>391-8512</v>
          </cell>
        </row>
        <row r="2980">
          <cell r="A2980" t="str">
            <v>29074P</v>
          </cell>
          <cell r="B2980" t="str">
            <v>ﾘﾝｺｳｼｮｸﾋﾝ</v>
          </cell>
          <cell r="C2980" t="str">
            <v>鱗幸食品（株）</v>
          </cell>
          <cell r="D2980" t="str">
            <v>平野 保男</v>
          </cell>
          <cell r="E2980" t="str">
            <v>代表取締役</v>
          </cell>
          <cell r="F2980" t="str">
            <v>063-0861</v>
          </cell>
          <cell r="G2980" t="str">
            <v>西区八軒１東５－２－１６</v>
          </cell>
          <cell r="H2980" t="str">
            <v>611-6224</v>
          </cell>
          <cell r="I2980" t="str">
            <v>644-5180</v>
          </cell>
        </row>
        <row r="2981">
          <cell r="A2981" t="str">
            <v>29075Y</v>
          </cell>
          <cell r="B2981" t="str">
            <v>ﾛｯｸﾒﾃﾞｨｶﾙ</v>
          </cell>
          <cell r="C2981" t="str">
            <v>ロックメディカル（有）</v>
          </cell>
          <cell r="D2981" t="str">
            <v>岩崎 敏晴</v>
          </cell>
          <cell r="E2981" t="str">
            <v>代表取締役</v>
          </cell>
          <cell r="F2981" t="str">
            <v>063-0012</v>
          </cell>
          <cell r="G2981" t="str">
            <v>西区福井５－１８－２６</v>
          </cell>
          <cell r="H2981" t="str">
            <v>665-6262</v>
          </cell>
          <cell r="I2981" t="str">
            <v>665-6274</v>
          </cell>
        </row>
        <row r="2982">
          <cell r="A2982" t="str">
            <v>29077T</v>
          </cell>
          <cell r="B2982" t="str">
            <v>ﾘｮｳﾜｺｳｻﾝ</v>
          </cell>
          <cell r="C2982" t="str">
            <v>菱和興産（株）</v>
          </cell>
          <cell r="D2982" t="str">
            <v>馬場 武司</v>
          </cell>
          <cell r="E2982" t="str">
            <v>代表取締役</v>
          </cell>
          <cell r="F2982" t="str">
            <v>001-0032</v>
          </cell>
          <cell r="G2982" t="str">
            <v>北区北３２西４－３－２２</v>
          </cell>
          <cell r="H2982" t="str">
            <v>758-3841</v>
          </cell>
          <cell r="I2982" t="str">
            <v>758-4735</v>
          </cell>
        </row>
        <row r="2983">
          <cell r="A2983" t="str">
            <v>29205P</v>
          </cell>
          <cell r="B2983" t="str">
            <v>ﾙﾓｲｲﾝｻﾂ</v>
          </cell>
          <cell r="C2983" t="str">
            <v>留萌印刷（株）札幌支社</v>
          </cell>
          <cell r="D2983" t="str">
            <v>池田 文彦</v>
          </cell>
          <cell r="E2983" t="str">
            <v>支社長</v>
          </cell>
          <cell r="F2983" t="str">
            <v>001-0910</v>
          </cell>
          <cell r="G2983" t="str">
            <v>北区新琴似１－１０－６－１３</v>
          </cell>
          <cell r="H2983" t="str">
            <v>761-4384</v>
          </cell>
          <cell r="I2983" t="str">
            <v>709-5733</v>
          </cell>
        </row>
        <row r="2984">
          <cell r="A2984" t="str">
            <v>29403R</v>
          </cell>
          <cell r="B2984" t="str">
            <v>ﾚﾝﾀｺﾑﾎｯｶｲﾄﾞｳ</v>
          </cell>
          <cell r="C2984" t="str">
            <v>（株）レンタコム北海道</v>
          </cell>
          <cell r="D2984" t="str">
            <v>片桐 理</v>
          </cell>
          <cell r="E2984" t="str">
            <v>代表取締役</v>
          </cell>
          <cell r="F2984" t="str">
            <v>060-0051</v>
          </cell>
          <cell r="G2984" t="str">
            <v>中央区南１東７－２－４</v>
          </cell>
          <cell r="H2984" t="str">
            <v>222-2880</v>
          </cell>
          <cell r="I2984" t="str">
            <v>222-2928</v>
          </cell>
        </row>
        <row r="2985">
          <cell r="A2985" t="str">
            <v>29405X</v>
          </cell>
          <cell r="B2985" t="str">
            <v>ﾚﾀﾘﾝｸﾞﾋﾞｾｲ</v>
          </cell>
          <cell r="C2985" t="str">
            <v>（有）レタリング美成</v>
          </cell>
          <cell r="D2985" t="str">
            <v>成田 修</v>
          </cell>
          <cell r="E2985" t="str">
            <v>代表取締役</v>
          </cell>
          <cell r="F2985" t="str">
            <v>004-0842</v>
          </cell>
          <cell r="G2985" t="str">
            <v>清田区清田２－１－１５－２３</v>
          </cell>
          <cell r="H2985" t="str">
            <v>882-2040</v>
          </cell>
          <cell r="I2985" t="str">
            <v>882-7472</v>
          </cell>
        </row>
        <row r="2986">
          <cell r="A2986" t="str">
            <v>29406V</v>
          </cell>
          <cell r="B2986" t="str">
            <v>ｲｰﾚﾝﾄ</v>
          </cell>
          <cell r="C2986" t="str">
            <v>（株）イーレント</v>
          </cell>
          <cell r="D2986" t="str">
            <v>山地 章夫</v>
          </cell>
          <cell r="E2986" t="str">
            <v>代表取締役</v>
          </cell>
          <cell r="F2986" t="str">
            <v>063-0802</v>
          </cell>
          <cell r="G2986" t="str">
            <v>西区二十四軒２－７－３</v>
          </cell>
          <cell r="H2986" t="str">
            <v>631-0110</v>
          </cell>
          <cell r="I2986" t="str">
            <v>643-1050</v>
          </cell>
        </row>
        <row r="2987">
          <cell r="A2987" t="str">
            <v>29407S</v>
          </cell>
          <cell r="B2987" t="str">
            <v>ﾚﾝﾄｵｰﾙｻｯﾎﾟﾛ</v>
          </cell>
          <cell r="C2987" t="str">
            <v>（株）レントオールサッポロ</v>
          </cell>
          <cell r="D2987" t="str">
            <v>石栗 利彦</v>
          </cell>
          <cell r="E2987" t="str">
            <v>代表取締役社長</v>
          </cell>
          <cell r="F2987" t="str">
            <v>063-0850</v>
          </cell>
          <cell r="G2987" t="str">
            <v>西区八軒１０西１２－６－５</v>
          </cell>
          <cell r="H2987" t="str">
            <v>643-0050</v>
          </cell>
          <cell r="I2987" t="str">
            <v>643-7181</v>
          </cell>
        </row>
        <row r="2988">
          <cell r="A2988" t="str">
            <v>29411V</v>
          </cell>
          <cell r="B2988" t="str">
            <v>ﾚｰｻﾞｰ･ﾌﾟﾛ</v>
          </cell>
          <cell r="C2988" t="str">
            <v>（株）レーザー・プロ</v>
          </cell>
          <cell r="D2988" t="str">
            <v>藤沢 清司</v>
          </cell>
          <cell r="E2988" t="str">
            <v>代表取締役</v>
          </cell>
          <cell r="F2988" t="str">
            <v>060-0032</v>
          </cell>
          <cell r="G2988" t="str">
            <v>中央区北２東９－９０－３２</v>
          </cell>
          <cell r="H2988" t="str">
            <v>252-5844</v>
          </cell>
          <cell r="I2988" t="str">
            <v>252-5843</v>
          </cell>
        </row>
        <row r="2989">
          <cell r="A2989" t="str">
            <v>29423N</v>
          </cell>
          <cell r="B2989" t="str">
            <v>ﾚﾌﾃｯｸ</v>
          </cell>
          <cell r="C2989" t="str">
            <v>（有）レフテック</v>
          </cell>
          <cell r="D2989" t="str">
            <v>川尻 敦史</v>
          </cell>
          <cell r="E2989" t="str">
            <v>代表取締役</v>
          </cell>
          <cell r="F2989" t="str">
            <v>065-0023</v>
          </cell>
          <cell r="G2989" t="str">
            <v>東区北２３東１４－４－５－１００２号</v>
          </cell>
          <cell r="H2989" t="str">
            <v>742-1857</v>
          </cell>
          <cell r="I2989" t="str">
            <v>742-1857</v>
          </cell>
        </row>
        <row r="2990">
          <cell r="A2990" t="str">
            <v>29424Y</v>
          </cell>
          <cell r="B2990" t="str">
            <v>ﾚﾝﾀﾙｻﾎﾟｰﾄ</v>
          </cell>
          <cell r="C2990" t="str">
            <v>（有）レンタルサポート</v>
          </cell>
          <cell r="D2990" t="str">
            <v>北野 憲一</v>
          </cell>
          <cell r="E2990" t="str">
            <v>代表取締役</v>
          </cell>
          <cell r="F2990" t="str">
            <v>007-0838</v>
          </cell>
          <cell r="G2990" t="str">
            <v>東区北３８東５－２－２４</v>
          </cell>
          <cell r="H2990" t="str">
            <v>721-1600</v>
          </cell>
          <cell r="I2990" t="str">
            <v>721-1611</v>
          </cell>
        </row>
        <row r="2991">
          <cell r="A2991" t="str">
            <v>29425V</v>
          </cell>
          <cell r="B2991" t="str">
            <v>ﾚﾝﾀﾙﾉﾆｯｹﾝ</v>
          </cell>
          <cell r="C2991" t="str">
            <v>（株）レンタルのニッケン札幌営業所</v>
          </cell>
          <cell r="D2991" t="str">
            <v>度胸 太郎</v>
          </cell>
          <cell r="E2991" t="str">
            <v>所長</v>
          </cell>
          <cell r="F2991" t="str">
            <v>063-0833</v>
          </cell>
          <cell r="G2991" t="str">
            <v>西区発寒１３－１２－４－３５</v>
          </cell>
          <cell r="H2991" t="str">
            <v>663-4081</v>
          </cell>
          <cell r="I2991" t="str">
            <v>663-4004</v>
          </cell>
        </row>
        <row r="2992">
          <cell r="A2992" t="str">
            <v>29427P</v>
          </cell>
          <cell r="B2992" t="str">
            <v>ﾚｵｯｸｷﾀﾆﾎﾝ</v>
          </cell>
          <cell r="C2992" t="str">
            <v>（株）レオック北日本</v>
          </cell>
          <cell r="D2992" t="str">
            <v>瀬戸 秀明</v>
          </cell>
          <cell r="E2992" t="str">
            <v>代表取締役</v>
          </cell>
          <cell r="F2992" t="str">
            <v>060-0001</v>
          </cell>
          <cell r="G2992" t="str">
            <v>中央区北１西４－２－２ 札幌ノースプラザ６階</v>
          </cell>
          <cell r="H2992" t="str">
            <v>200-8844</v>
          </cell>
          <cell r="I2992" t="str">
            <v>223-8855</v>
          </cell>
        </row>
        <row r="2993">
          <cell r="A2993" t="str">
            <v>29428Z</v>
          </cell>
          <cell r="B2993" t="str">
            <v>ﾚﾌﾟﾄﾝ</v>
          </cell>
          <cell r="C2993" t="str">
            <v>（有）レプトン</v>
          </cell>
          <cell r="D2993" t="str">
            <v>吉田 貢</v>
          </cell>
          <cell r="E2993" t="str">
            <v>取締役社長</v>
          </cell>
          <cell r="F2993" t="str">
            <v>065-0022</v>
          </cell>
          <cell r="G2993" t="str">
            <v>東区北２２東１－２－１７</v>
          </cell>
          <cell r="H2993" t="str">
            <v>723-5100</v>
          </cell>
          <cell r="I2993" t="str">
            <v>723-5155</v>
          </cell>
        </row>
        <row r="2994">
          <cell r="A2994" t="str">
            <v>29602Z</v>
          </cell>
          <cell r="B2994" t="str">
            <v>ﾛｸｼｮﾄﾞｳ</v>
          </cell>
          <cell r="C2994" t="str">
            <v>（株）六書堂</v>
          </cell>
          <cell r="D2994" t="str">
            <v>藤田 開</v>
          </cell>
          <cell r="E2994" t="str">
            <v>代表取締役</v>
          </cell>
          <cell r="F2994" t="str">
            <v>001-0036</v>
          </cell>
          <cell r="G2994" t="str">
            <v>北区北３６西２－１－１</v>
          </cell>
          <cell r="H2994" t="str">
            <v>727-0616</v>
          </cell>
          <cell r="I2994" t="str">
            <v>727-0636</v>
          </cell>
        </row>
        <row r="2995">
          <cell r="A2995" t="str">
            <v>29606N</v>
          </cell>
          <cell r="B2995" t="str">
            <v>ﾛｲﾔﾙｽﾁｰﾙ</v>
          </cell>
          <cell r="C2995" t="str">
            <v>ロイヤルスチール（株）</v>
          </cell>
          <cell r="D2995" t="str">
            <v>多田 利光</v>
          </cell>
          <cell r="E2995" t="str">
            <v>代表取締役</v>
          </cell>
          <cell r="F2995" t="str">
            <v>001-0932</v>
          </cell>
          <cell r="G2995" t="str">
            <v>北区新川西２－１－３－１１</v>
          </cell>
          <cell r="H2995" t="str">
            <v>769-1111</v>
          </cell>
          <cell r="I2995" t="str">
            <v>769-1100</v>
          </cell>
        </row>
        <row r="2996">
          <cell r="A2996" t="str">
            <v>29607Y</v>
          </cell>
          <cell r="B2996" t="str">
            <v>ﾛｸﾊﾞﾝﾄﾞｳｼｮﾃﾝ</v>
          </cell>
          <cell r="C2996" t="str">
            <v>六番堂書店</v>
          </cell>
          <cell r="D2996" t="str">
            <v>秋山 忠継</v>
          </cell>
          <cell r="E2996" t="str">
            <v>代表</v>
          </cell>
          <cell r="F2996" t="str">
            <v>001-0911</v>
          </cell>
          <cell r="G2996" t="str">
            <v>北区新琴似１１－１０－６－１５</v>
          </cell>
          <cell r="H2996" t="str">
            <v>762-5533</v>
          </cell>
          <cell r="I2996" t="str">
            <v>762-5533</v>
          </cell>
        </row>
        <row r="2997">
          <cell r="A2997" t="str">
            <v>29608W</v>
          </cell>
          <cell r="B2997" t="str">
            <v>ﾛｰﾚﾙﾊﾞﾝｸﾏｼﾝ</v>
          </cell>
          <cell r="C2997" t="str">
            <v>ローレルバンクマシン（株）</v>
          </cell>
          <cell r="D2997" t="str">
            <v>加本 重雄</v>
          </cell>
          <cell r="E2997" t="str">
            <v>札幌支店長</v>
          </cell>
          <cell r="F2997" t="str">
            <v>060-0061</v>
          </cell>
          <cell r="G2997" t="str">
            <v>中央区南１西７ 岩倉ビル</v>
          </cell>
          <cell r="H2997" t="str">
            <v>261-6551</v>
          </cell>
          <cell r="I2997" t="str">
            <v>210-1247</v>
          </cell>
        </row>
        <row r="2998">
          <cell r="A2998" t="str">
            <v>29614T</v>
          </cell>
          <cell r="B2998" t="str">
            <v>ﾛｼﾞｯｸｼﾞｬﾑ</v>
          </cell>
          <cell r="C2998" t="str">
            <v>（有）ロジックジャム</v>
          </cell>
          <cell r="D2998" t="str">
            <v>出原 金生</v>
          </cell>
          <cell r="E2998" t="str">
            <v>取締役</v>
          </cell>
          <cell r="F2998" t="str">
            <v>060-0004</v>
          </cell>
          <cell r="G2998" t="str">
            <v>中央区北４西１２</v>
          </cell>
          <cell r="H2998" t="str">
            <v>280-0161</v>
          </cell>
          <cell r="I2998" t="str">
            <v>280-0163</v>
          </cell>
        </row>
        <row r="2999">
          <cell r="A2999" t="str">
            <v>29615P</v>
          </cell>
          <cell r="B2999" t="str">
            <v>ﾛｰﾄﾞｾｷｭﾘﾃｨｰ</v>
          </cell>
          <cell r="C2999" t="str">
            <v>ロードセキュリティー（株）</v>
          </cell>
          <cell r="D2999" t="str">
            <v>櫻田 充郎</v>
          </cell>
          <cell r="E2999" t="str">
            <v>代表取締役</v>
          </cell>
          <cell r="F2999" t="str">
            <v>060-0032</v>
          </cell>
          <cell r="G2999" t="str">
            <v>中央区北２東１２－９８－１２</v>
          </cell>
          <cell r="H2999" t="str">
            <v>252-2122</v>
          </cell>
          <cell r="I2999" t="str">
            <v>252-2133</v>
          </cell>
        </row>
        <row r="3000">
          <cell r="A3000" t="str">
            <v>29617X</v>
          </cell>
          <cell r="B3000" t="str">
            <v>ﾛｰﾄﾞｷｺｳ</v>
          </cell>
          <cell r="C3000" t="str">
            <v>ロード機工（有）</v>
          </cell>
          <cell r="D3000" t="str">
            <v>小泉 彰</v>
          </cell>
          <cell r="E3000" t="str">
            <v>代表取締役</v>
          </cell>
          <cell r="F3000" t="str">
            <v>060-0032</v>
          </cell>
          <cell r="G3000" t="str">
            <v>中央区北２東１２－９８－１２ ＲＳビル２</v>
          </cell>
          <cell r="H3000" t="str">
            <v>252-0722</v>
          </cell>
          <cell r="I3000" t="str">
            <v>252-0723</v>
          </cell>
        </row>
        <row r="3001">
          <cell r="A3001" t="str">
            <v>29801X</v>
          </cell>
          <cell r="B3001" t="str">
            <v>ﾜﾀﾅﾍﾞﾁｭｳｺｳｼｮ</v>
          </cell>
          <cell r="C3001" t="str">
            <v>（株）渡辺鋳工所</v>
          </cell>
          <cell r="D3001" t="str">
            <v>渡辺 力</v>
          </cell>
          <cell r="E3001" t="str">
            <v>代表取締役</v>
          </cell>
          <cell r="F3001" t="str">
            <v>007-0884</v>
          </cell>
          <cell r="G3001" t="str">
            <v>東区北丘珠４－４－１－１５</v>
          </cell>
          <cell r="H3001" t="str">
            <v>781-7121</v>
          </cell>
          <cell r="I3001" t="str">
            <v>784-2392</v>
          </cell>
        </row>
        <row r="3002">
          <cell r="A3002" t="str">
            <v>29803S</v>
          </cell>
          <cell r="B3002" t="str">
            <v>ﾜｼｮｳ</v>
          </cell>
          <cell r="C3002" t="str">
            <v>和商（株）</v>
          </cell>
          <cell r="D3002" t="str">
            <v>田中 歳晟</v>
          </cell>
          <cell r="E3002" t="str">
            <v>代表取締役社長</v>
          </cell>
          <cell r="F3002" t="str">
            <v>063-0835</v>
          </cell>
          <cell r="G3002" t="str">
            <v>西区発寒１５－１３－１－４５</v>
          </cell>
          <cell r="H3002" t="str">
            <v>666-8900</v>
          </cell>
          <cell r="I3002" t="str">
            <v>666-8902</v>
          </cell>
        </row>
        <row r="3003">
          <cell r="A3003" t="str">
            <v>29804P</v>
          </cell>
          <cell r="B3003" t="str">
            <v>ﾜﾀｼｮｳ</v>
          </cell>
          <cell r="C3003" t="str">
            <v>（株）渡商</v>
          </cell>
          <cell r="D3003" t="str">
            <v>櫛引 英男</v>
          </cell>
          <cell r="E3003" t="str">
            <v>代表取締役</v>
          </cell>
          <cell r="F3003" t="str">
            <v>001-0907</v>
          </cell>
          <cell r="G3003" t="str">
            <v>北区新琴似７－１３－５－１３</v>
          </cell>
          <cell r="H3003" t="str">
            <v>762-2231</v>
          </cell>
          <cell r="I3003" t="str">
            <v>762-1339</v>
          </cell>
        </row>
        <row r="3004">
          <cell r="A3004" t="str">
            <v>29805Y</v>
          </cell>
          <cell r="B3004" t="str">
            <v>ﾜｶﾓﾘｼｮｳｶｲ</v>
          </cell>
          <cell r="C3004" t="str">
            <v>（株）和科盛商会</v>
          </cell>
          <cell r="D3004" t="str">
            <v>関川 守雄</v>
          </cell>
          <cell r="E3004" t="str">
            <v>代表取締役</v>
          </cell>
          <cell r="F3004" t="str">
            <v>063-0870</v>
          </cell>
          <cell r="G3004" t="str">
            <v>西区八軒１０東３－１－２７</v>
          </cell>
          <cell r="H3004" t="str">
            <v>756-1821</v>
          </cell>
          <cell r="I3004" t="str">
            <v>756-1763</v>
          </cell>
        </row>
        <row r="3005">
          <cell r="A3005" t="str">
            <v>29806W</v>
          </cell>
          <cell r="B3005" t="str">
            <v>ﾜｺｵｺｳｷﾞｮｳ</v>
          </cell>
          <cell r="C3005" t="str">
            <v>ワコオ工業（株）</v>
          </cell>
          <cell r="D3005" t="str">
            <v>和田 一仁</v>
          </cell>
          <cell r="E3005" t="str">
            <v>代表取締役</v>
          </cell>
          <cell r="F3005" t="str">
            <v>003-0012</v>
          </cell>
          <cell r="G3005" t="str">
            <v>白石区中央２－１－５－２６</v>
          </cell>
          <cell r="H3005" t="str">
            <v>832-5111</v>
          </cell>
          <cell r="I3005" t="str">
            <v>832-0459</v>
          </cell>
        </row>
        <row r="3006">
          <cell r="A3006" t="str">
            <v>29811W</v>
          </cell>
          <cell r="B3006" t="str">
            <v>ﾌﾟﾗｽﾒﾃﾞｨｱ</v>
          </cell>
          <cell r="C3006" t="str">
            <v>（有）プラスメディア</v>
          </cell>
          <cell r="D3006" t="str">
            <v>島津 明美</v>
          </cell>
          <cell r="E3006" t="str">
            <v>代表取締役</v>
          </cell>
          <cell r="F3006" t="str">
            <v>003-0839</v>
          </cell>
          <cell r="G3006" t="str">
            <v>白石区北郷９－７－７－２４</v>
          </cell>
          <cell r="H3006" t="str">
            <v>872-5060</v>
          </cell>
          <cell r="I3006" t="str">
            <v>207-5070</v>
          </cell>
        </row>
        <row r="3007">
          <cell r="A3007" t="str">
            <v>29815X</v>
          </cell>
          <cell r="B3007" t="str">
            <v>ﾜﾀﾅﾍﾞｼｮﾃﾝ</v>
          </cell>
          <cell r="C3007" t="str">
            <v>（株）ワタナベ書店</v>
          </cell>
          <cell r="D3007" t="str">
            <v>渡辺 満</v>
          </cell>
          <cell r="E3007" t="str">
            <v>代表取締役</v>
          </cell>
          <cell r="F3007" t="str">
            <v>711-6232</v>
          </cell>
          <cell r="G3007" t="str">
            <v>東区苗穂町４－４－３</v>
          </cell>
          <cell r="H3007" t="str">
            <v>711-6232</v>
          </cell>
          <cell r="I3007" t="str">
            <v>711-6199</v>
          </cell>
        </row>
        <row r="3008">
          <cell r="A3008" t="str">
            <v>29816V</v>
          </cell>
          <cell r="B3008" t="str">
            <v>ﾜｺｳｾｲｶﾃﾝ</v>
          </cell>
          <cell r="C3008" t="str">
            <v>（株）和紘生花店</v>
          </cell>
          <cell r="D3008" t="str">
            <v>服部 和仁</v>
          </cell>
          <cell r="E3008" t="str">
            <v>代表取締役</v>
          </cell>
          <cell r="F3008" t="str">
            <v>064-0806</v>
          </cell>
          <cell r="G3008" t="str">
            <v>中央区南６西１５－１－５</v>
          </cell>
          <cell r="H3008" t="str">
            <v>561-9702</v>
          </cell>
          <cell r="I3008" t="str">
            <v>561-9383</v>
          </cell>
        </row>
        <row r="3009">
          <cell r="A3009" t="str">
            <v>29817S</v>
          </cell>
          <cell r="B3009" t="str">
            <v>ﾜｺｳﾋﾞｼﾞﾈｽﾌｫｰﾑ</v>
          </cell>
          <cell r="C3009" t="str">
            <v>和幸ビジネスフォーム（株）</v>
          </cell>
          <cell r="D3009" t="str">
            <v>田井 稔</v>
          </cell>
          <cell r="E3009" t="str">
            <v>代表取締役</v>
          </cell>
          <cell r="F3009" t="str">
            <v>003-0027</v>
          </cell>
          <cell r="G3009" t="str">
            <v>白石区本通１８北３－８７</v>
          </cell>
          <cell r="H3009" t="str">
            <v>864-8434</v>
          </cell>
          <cell r="I3009" t="str">
            <v>864-8578</v>
          </cell>
        </row>
        <row r="3010">
          <cell r="A3010" t="str">
            <v>29818P</v>
          </cell>
          <cell r="B3010" t="str">
            <v>ﾜｰﾙﾄﾞﾊﾟｲｵﾆｱﾎｯｶｲﾄﾞｳ</v>
          </cell>
          <cell r="C3010" t="str">
            <v>（株）ワールドパイオニア北海道</v>
          </cell>
          <cell r="D3010" t="str">
            <v>道 勝年</v>
          </cell>
          <cell r="E3010" t="str">
            <v>代表取締役</v>
          </cell>
          <cell r="F3010" t="str">
            <v>063-0836</v>
          </cell>
          <cell r="G3010" t="str">
            <v>西区発寒１６－４－７－２０</v>
          </cell>
          <cell r="H3010" t="str">
            <v>663-6338</v>
          </cell>
          <cell r="I3010" t="str">
            <v>663-4673</v>
          </cell>
        </row>
        <row r="3011">
          <cell r="A3011" t="str">
            <v>29820X</v>
          </cell>
          <cell r="B3011" t="str">
            <v>ｻｯﾎﾟﾛﾜｾﾀﾞｿｯｷ</v>
          </cell>
          <cell r="C3011" t="str">
            <v>（有）札幌早稲田速記</v>
          </cell>
          <cell r="D3011" t="str">
            <v>岡本 登</v>
          </cell>
          <cell r="E3011" t="str">
            <v>代表取締役</v>
          </cell>
          <cell r="F3011" t="str">
            <v>001-0031</v>
          </cell>
          <cell r="G3011" t="str">
            <v>北区北３１西３－４－２１</v>
          </cell>
          <cell r="H3011" t="str">
            <v>709-5203</v>
          </cell>
          <cell r="I3011" t="str">
            <v>709-5203</v>
          </cell>
        </row>
        <row r="3012">
          <cell r="A3012" t="str">
            <v>29824Z</v>
          </cell>
          <cell r="B3012" t="str">
            <v>ﾜｹｲｻﾝｷﾞｮｳ</v>
          </cell>
          <cell r="C3012" t="str">
            <v>和慶産業（株）</v>
          </cell>
          <cell r="D3012" t="str">
            <v>平塚 和芳</v>
          </cell>
          <cell r="E3012" t="str">
            <v>代表取締役</v>
          </cell>
          <cell r="F3012" t="str">
            <v>007-0894</v>
          </cell>
          <cell r="G3012" t="str">
            <v>東区中沼西４－２－１０－１</v>
          </cell>
          <cell r="H3012" t="str">
            <v>791-3939</v>
          </cell>
          <cell r="I3012" t="str">
            <v>791-5964</v>
          </cell>
        </row>
        <row r="3013">
          <cell r="A3013" t="str">
            <v>29829Y</v>
          </cell>
          <cell r="B3013" t="str">
            <v>ﾜｰﾙﾄﾞｸﾘｴｰﾄ</v>
          </cell>
          <cell r="C3013" t="str">
            <v>（株）ワールド・クリエート</v>
          </cell>
          <cell r="D3013" t="str">
            <v>吉田 豊</v>
          </cell>
          <cell r="E3013" t="str">
            <v>代表取締役</v>
          </cell>
          <cell r="F3013" t="str">
            <v>064-0926</v>
          </cell>
          <cell r="G3013" t="str">
            <v>中央区南２６西７－１１０６－８</v>
          </cell>
          <cell r="H3013" t="str">
            <v>563-1211</v>
          </cell>
          <cell r="I3013" t="str">
            <v>563-5968</v>
          </cell>
        </row>
        <row r="3014">
          <cell r="A3014" t="str">
            <v>29834Y</v>
          </cell>
          <cell r="B3014" t="str">
            <v>ﾜｺｳｾｷﾕ</v>
          </cell>
          <cell r="C3014" t="str">
            <v>（株）和光石油</v>
          </cell>
          <cell r="D3014" t="str">
            <v>酒井 了</v>
          </cell>
          <cell r="E3014" t="str">
            <v>代表取締役</v>
          </cell>
          <cell r="F3014" t="str">
            <v>007-0867</v>
          </cell>
          <cell r="G3014" t="str">
            <v>東区伏古７－４－２－８</v>
          </cell>
          <cell r="H3014" t="str">
            <v>783-1311</v>
          </cell>
          <cell r="I3014" t="str">
            <v>784-8448</v>
          </cell>
        </row>
        <row r="3015">
          <cell r="A3015" t="str">
            <v>29835V</v>
          </cell>
          <cell r="B3015" t="str">
            <v>ﾜｾﾀﾞｼｽﾃﾑｶｲﾊﾂ</v>
          </cell>
          <cell r="C3015" t="str">
            <v>早稲田システム開発（株）</v>
          </cell>
          <cell r="D3015" t="str">
            <v>内田 剛史</v>
          </cell>
          <cell r="E3015" t="str">
            <v>代表取締役</v>
          </cell>
          <cell r="F3015" t="str">
            <v>169-0075</v>
          </cell>
          <cell r="G3015" t="str">
            <v>東京都新宿区高田馬場２－１４－２６</v>
          </cell>
          <cell r="H3015" t="str">
            <v>03-3203-9223</v>
          </cell>
          <cell r="I3015" t="str">
            <v>03-3203-0901</v>
          </cell>
        </row>
        <row r="3016">
          <cell r="A3016" t="str">
            <v>29836S</v>
          </cell>
          <cell r="B3016" t="str">
            <v>ﾜｰｸｱｯﾌﾟ</v>
          </cell>
          <cell r="C3016" t="str">
            <v>（有）ワークアップ</v>
          </cell>
          <cell r="D3016" t="str">
            <v>長田 徳広</v>
          </cell>
          <cell r="E3016" t="str">
            <v>代表取締役</v>
          </cell>
          <cell r="F3016" t="str">
            <v>063-0866</v>
          </cell>
          <cell r="G3016" t="str">
            <v>西区八軒６東３－６－５</v>
          </cell>
          <cell r="H3016" t="str">
            <v>666-8982</v>
          </cell>
          <cell r="I3016" t="str">
            <v>666-8983</v>
          </cell>
        </row>
        <row r="3017">
          <cell r="A3017" t="str">
            <v>29837P</v>
          </cell>
          <cell r="B3017" t="str">
            <v>ﾜﾀﾅﾍﾞﾊﾟｲﾌﾟ</v>
          </cell>
          <cell r="C3017" t="str">
            <v>渡辺パイプ（株）北海道支店</v>
          </cell>
          <cell r="D3017" t="str">
            <v>有賀 稔</v>
          </cell>
          <cell r="E3017" t="str">
            <v>支店長</v>
          </cell>
          <cell r="F3017" t="str">
            <v>060-0031</v>
          </cell>
          <cell r="G3017" t="str">
            <v>中央区北１東１３</v>
          </cell>
          <cell r="H3017" t="str">
            <v>251-6880</v>
          </cell>
          <cell r="I3017" t="str">
            <v>251-6893</v>
          </cell>
        </row>
        <row r="3018">
          <cell r="A3018" t="str">
            <v>29839X</v>
          </cell>
          <cell r="B3018" t="str">
            <v>ﾜｰﾙﾄﾞﾈｯﾄﾜｰｸ</v>
          </cell>
          <cell r="C3018" t="str">
            <v>ワールドネットワーク（株）戸田営業所</v>
          </cell>
          <cell r="D3018" t="str">
            <v>牧 冴弥</v>
          </cell>
          <cell r="E3018" t="str">
            <v>戸田営業所長</v>
          </cell>
          <cell r="F3018" t="str">
            <v>335-0036</v>
          </cell>
          <cell r="G3018" t="str">
            <v>区埼玉県戸田市早瀬１－１９－１４</v>
          </cell>
          <cell r="H3018" t="str">
            <v>048-445-8918</v>
          </cell>
          <cell r="I3018" t="str">
            <v>048-445-8917</v>
          </cell>
        </row>
        <row r="3019">
          <cell r="A3019" t="str">
            <v>29842P</v>
          </cell>
          <cell r="B3019" t="str">
            <v>ﾜﾀｷｭｰｾｲﾓｱ</v>
          </cell>
          <cell r="C3019" t="str">
            <v>ワタキューセイモア（株）北海道支店</v>
          </cell>
          <cell r="D3019" t="str">
            <v>薮内 俊</v>
          </cell>
          <cell r="E3019" t="str">
            <v>支店長</v>
          </cell>
          <cell r="F3019" t="str">
            <v>047-0198</v>
          </cell>
          <cell r="G3019" t="str">
            <v>区小樽市新光５－１３－３</v>
          </cell>
          <cell r="H3019" t="str">
            <v>0134-54-6525</v>
          </cell>
          <cell r="I3019" t="str">
            <v>0134-54-6580</v>
          </cell>
        </row>
        <row r="3020">
          <cell r="A3020" t="str">
            <v>35001W</v>
          </cell>
          <cell r="B3020" t="str">
            <v>ｱｻﾉｹﾝｺｳ</v>
          </cell>
          <cell r="C3020" t="str">
            <v>（株）アサノ建工札幌支店</v>
          </cell>
          <cell r="D3020" t="str">
            <v>成田 稔</v>
          </cell>
          <cell r="E3020" t="str">
            <v>支店長</v>
          </cell>
          <cell r="F3020" t="str">
            <v>060-0001</v>
          </cell>
          <cell r="G3020" t="str">
            <v>中央区北１西１０－１－１７</v>
          </cell>
          <cell r="H3020" t="str">
            <v>231-8415</v>
          </cell>
          <cell r="I3020" t="str">
            <v>231-8433</v>
          </cell>
        </row>
        <row r="3021">
          <cell r="A3021" t="str">
            <v>35002T</v>
          </cell>
          <cell r="B3021" t="str">
            <v>ｱｶｼﾔﾋﾞﾙｻｰﾋﾞｽ</v>
          </cell>
          <cell r="C3021" t="str">
            <v>（株）アカシヤビルサービス</v>
          </cell>
          <cell r="D3021" t="str">
            <v>三浦 努</v>
          </cell>
          <cell r="E3021" t="str">
            <v>代表取締役</v>
          </cell>
          <cell r="F3021" t="str">
            <v>003-0805</v>
          </cell>
          <cell r="G3021" t="str">
            <v>白石区菊水５－１－４－３４</v>
          </cell>
          <cell r="H3021" t="str">
            <v>812-2827</v>
          </cell>
          <cell r="I3021" t="str">
            <v>812-2870</v>
          </cell>
        </row>
        <row r="3022">
          <cell r="A3022" t="str">
            <v>35003R</v>
          </cell>
          <cell r="B3022" t="str">
            <v>ｱﾝｾﾞﾝｹｲﾋﾞ</v>
          </cell>
          <cell r="C3022" t="str">
            <v>安全警備（株）</v>
          </cell>
          <cell r="D3022" t="str">
            <v>塚田 康夫</v>
          </cell>
          <cell r="E3022" t="str">
            <v>代表取締役</v>
          </cell>
          <cell r="F3022" t="str">
            <v>062-0004</v>
          </cell>
          <cell r="G3022" t="str">
            <v>豊平区美園４－１－１－１４</v>
          </cell>
          <cell r="H3022" t="str">
            <v>832-5660</v>
          </cell>
          <cell r="I3022" t="str">
            <v>832-5661</v>
          </cell>
        </row>
        <row r="3023">
          <cell r="A3023" t="str">
            <v>35005X</v>
          </cell>
          <cell r="B3023" t="str">
            <v>ｱｰﾄﾋﾞﾙｼｽﾃﾑ</v>
          </cell>
          <cell r="C3023" t="str">
            <v>アートビルシステム（株）</v>
          </cell>
          <cell r="D3023" t="str">
            <v>伊藤 豊</v>
          </cell>
          <cell r="E3023" t="str">
            <v>代表取締役</v>
          </cell>
          <cell r="F3023" t="str">
            <v>063-0867</v>
          </cell>
          <cell r="G3023" t="str">
            <v>西区八軒７東３－７－１１</v>
          </cell>
          <cell r="H3023" t="str">
            <v>707-7722</v>
          </cell>
          <cell r="I3023" t="str">
            <v>707-5172</v>
          </cell>
        </row>
        <row r="3024">
          <cell r="A3024" t="str">
            <v>35006V</v>
          </cell>
          <cell r="B3024" t="str">
            <v>ｱｰｸｶｲﾊﾂｼﾝｺｳ</v>
          </cell>
          <cell r="C3024" t="str">
            <v>アーク開発振興（株）</v>
          </cell>
          <cell r="D3024" t="str">
            <v>石原 昭一</v>
          </cell>
          <cell r="E3024" t="str">
            <v>代表取締役社長</v>
          </cell>
          <cell r="F3024" t="str">
            <v>004-0052</v>
          </cell>
          <cell r="G3024" t="str">
            <v>厚別区厚別中央２－５－６－２</v>
          </cell>
          <cell r="H3024" t="str">
            <v>890-2440</v>
          </cell>
          <cell r="I3024" t="str">
            <v>890-2444</v>
          </cell>
        </row>
        <row r="3025">
          <cell r="A3025" t="str">
            <v>35007S</v>
          </cell>
          <cell r="B3025" t="str">
            <v>ｱｵﾔﾏﾌﾟﾘｻﾞｰﾌﾞ</v>
          </cell>
          <cell r="C3025" t="str">
            <v>（株）青山プリザーブ</v>
          </cell>
          <cell r="D3025" t="str">
            <v>青山 修三</v>
          </cell>
          <cell r="E3025" t="str">
            <v>代表取締役</v>
          </cell>
          <cell r="F3025" t="str">
            <v>004-0873</v>
          </cell>
          <cell r="G3025" t="str">
            <v>清田区平岡３－３－１－５</v>
          </cell>
          <cell r="H3025" t="str">
            <v>882-1722</v>
          </cell>
          <cell r="I3025" t="str">
            <v>883-6411</v>
          </cell>
        </row>
        <row r="3026">
          <cell r="A3026" t="str">
            <v>35008P</v>
          </cell>
          <cell r="B3026" t="str">
            <v>ｱｻﾋﾌｧｼﾘﾃｨｽﾞ</v>
          </cell>
          <cell r="C3026" t="str">
            <v>（株）アサヒファシリティズ北海道支店</v>
          </cell>
          <cell r="D3026" t="str">
            <v>木村 伸彌</v>
          </cell>
          <cell r="E3026" t="str">
            <v>支店長</v>
          </cell>
          <cell r="F3026" t="str">
            <v>060-0042</v>
          </cell>
          <cell r="G3026" t="str">
            <v>中央区大通西４－１</v>
          </cell>
          <cell r="H3026" t="str">
            <v>231-3332</v>
          </cell>
          <cell r="I3026" t="str">
            <v>222-6289</v>
          </cell>
        </row>
        <row r="3027">
          <cell r="A3027" t="str">
            <v>35101T</v>
          </cell>
          <cell r="B3027" t="str">
            <v>ｲｸｴｲｶﾝｻﾞｲ</v>
          </cell>
          <cell r="C3027" t="str">
            <v>育栄管財（株）</v>
          </cell>
          <cell r="D3027" t="str">
            <v>鳴海 博道</v>
          </cell>
          <cell r="E3027" t="str">
            <v>代表取締役</v>
          </cell>
          <cell r="F3027" t="str">
            <v>062-0004</v>
          </cell>
          <cell r="G3027" t="str">
            <v>豊平区美園４－８－１－１</v>
          </cell>
          <cell r="H3027" t="str">
            <v>811-1899</v>
          </cell>
          <cell r="I3027" t="str">
            <v>842-7750</v>
          </cell>
        </row>
        <row r="3028">
          <cell r="A3028" t="str">
            <v>35104Y</v>
          </cell>
          <cell r="B3028" t="str">
            <v>ｲｶﾘｼｮｳﾄﾞｸ</v>
          </cell>
          <cell r="C3028" t="str">
            <v>イカリ消毒（株）札幌営業所</v>
          </cell>
          <cell r="D3028" t="str">
            <v>土居 尚</v>
          </cell>
          <cell r="E3028" t="str">
            <v>札幌営業所長</v>
          </cell>
          <cell r="F3028" t="str">
            <v>003-0836</v>
          </cell>
          <cell r="G3028" t="str">
            <v>白石区北郷６－７－１－２８</v>
          </cell>
          <cell r="H3028" t="str">
            <v>876-3575</v>
          </cell>
          <cell r="I3028" t="str">
            <v>876-3570</v>
          </cell>
        </row>
        <row r="3029">
          <cell r="A3029" t="str">
            <v>35107P</v>
          </cell>
          <cell r="B3029" t="str">
            <v>ｲﾏｻﾞｷﾔｯｷｮｸ</v>
          </cell>
          <cell r="C3029" t="str">
            <v>（株）今崎薬局</v>
          </cell>
          <cell r="D3029" t="str">
            <v>今崎 孝博</v>
          </cell>
          <cell r="E3029" t="str">
            <v>代表取締役</v>
          </cell>
          <cell r="F3029" t="str">
            <v>062-0932</v>
          </cell>
          <cell r="G3029" t="str">
            <v>豊平区平岸２－１４－１－２２</v>
          </cell>
          <cell r="H3029" t="str">
            <v>811-8836</v>
          </cell>
          <cell r="I3029" t="str">
            <v>812-2835</v>
          </cell>
        </row>
        <row r="3030">
          <cell r="A3030" t="str">
            <v>35110V</v>
          </cell>
          <cell r="B3030" t="str">
            <v>ｲｼｲﾋﾞﾙｶﾝﾘ</v>
          </cell>
          <cell r="C3030" t="str">
            <v>石井ビル管理（株）札幌営業所</v>
          </cell>
          <cell r="D3030" t="str">
            <v>木村 久儀</v>
          </cell>
          <cell r="E3030" t="str">
            <v>営業所長</v>
          </cell>
          <cell r="F3030" t="str">
            <v>060-0051</v>
          </cell>
          <cell r="G3030" t="str">
            <v>中央区南１東１－３日本生命札幌大通り東ビル８階</v>
          </cell>
          <cell r="H3030" t="str">
            <v>221-6514</v>
          </cell>
          <cell r="I3030" t="str">
            <v>221-6514</v>
          </cell>
        </row>
        <row r="3031">
          <cell r="A3031" t="str">
            <v>35201R</v>
          </cell>
          <cell r="B3031" t="str">
            <v>ｳｻﾐｼｮｳｶｲ</v>
          </cell>
          <cell r="C3031" t="str">
            <v>（株）ウサミ商会</v>
          </cell>
          <cell r="D3031" t="str">
            <v>宇佐美 章彦</v>
          </cell>
          <cell r="E3031" t="str">
            <v>代表取締役</v>
          </cell>
          <cell r="F3031" t="str">
            <v>004-0862</v>
          </cell>
          <cell r="G3031" t="str">
            <v>清田区北野２－２－２４－１</v>
          </cell>
          <cell r="H3031" t="str">
            <v>882-1231</v>
          </cell>
          <cell r="I3031" t="str">
            <v>885-6560</v>
          </cell>
        </row>
        <row r="3032">
          <cell r="A3032" t="str">
            <v>35301N</v>
          </cell>
          <cell r="B3032" t="str">
            <v>ｴｰｼﾞｼｮｳｼﾞ</v>
          </cell>
          <cell r="C3032" t="str">
            <v>（株）エージ商事</v>
          </cell>
          <cell r="D3032" t="str">
            <v>佐藤 英二</v>
          </cell>
          <cell r="E3032" t="str">
            <v>代表取締役</v>
          </cell>
          <cell r="F3032" t="str">
            <v>064-0808</v>
          </cell>
          <cell r="G3032" t="str">
            <v>中央区南８西８ 南８アーバンライフ２Ｆ</v>
          </cell>
          <cell r="H3032" t="str">
            <v>512-6185</v>
          </cell>
          <cell r="I3032" t="str">
            <v>512-3341</v>
          </cell>
        </row>
        <row r="3033">
          <cell r="A3033" t="str">
            <v>35307X</v>
          </cell>
          <cell r="B3033" t="str">
            <v>ｴﾇｴｽｶﾝｷｮｳ</v>
          </cell>
          <cell r="C3033" t="str">
            <v>エヌエス環境（株）札幌支社</v>
          </cell>
          <cell r="D3033" t="str">
            <v>佐藤 勝春</v>
          </cell>
          <cell r="E3033" t="str">
            <v>支社長</v>
          </cell>
          <cell r="F3033" t="str">
            <v>060-0001</v>
          </cell>
          <cell r="G3033" t="str">
            <v>中央区北１西１６－１－１２</v>
          </cell>
          <cell r="H3033" t="str">
            <v>643-1981</v>
          </cell>
          <cell r="I3033" t="str">
            <v>641-6471</v>
          </cell>
        </row>
        <row r="3034">
          <cell r="A3034" t="str">
            <v>35401Y</v>
          </cell>
          <cell r="B3034" t="str">
            <v>ｵｰﾃｯｸ</v>
          </cell>
          <cell r="C3034" t="str">
            <v>（株）オーテックシステム事業部北海道支店</v>
          </cell>
          <cell r="D3034" t="str">
            <v>角張 忠司</v>
          </cell>
          <cell r="E3034" t="str">
            <v>支店長</v>
          </cell>
          <cell r="F3034" t="str">
            <v>065-0023</v>
          </cell>
          <cell r="G3034" t="str">
            <v>東区北２３東２１－１</v>
          </cell>
          <cell r="H3034" t="str">
            <v>785-2121</v>
          </cell>
          <cell r="I3034" t="str">
            <v>785-5211</v>
          </cell>
        </row>
        <row r="3035">
          <cell r="A3035" t="str">
            <v>35402W</v>
          </cell>
          <cell r="B3035" t="str">
            <v>ﾀﾞｲﾀﾞﾝ</v>
          </cell>
          <cell r="C3035" t="str">
            <v>ダイダン（株）北海道支店</v>
          </cell>
          <cell r="D3035" t="str">
            <v>小川 裕二</v>
          </cell>
          <cell r="E3035" t="str">
            <v>支店長</v>
          </cell>
          <cell r="F3035" t="str">
            <v>001-0020</v>
          </cell>
          <cell r="G3035" t="str">
            <v>北区北２０西５－１－４３</v>
          </cell>
          <cell r="H3035" t="str">
            <v>716-9116</v>
          </cell>
          <cell r="I3035" t="str">
            <v>726-7322</v>
          </cell>
        </row>
        <row r="3036">
          <cell r="A3036" t="str">
            <v>35405Z</v>
          </cell>
          <cell r="B3036" t="str">
            <v>ｵｵﾄﾞｵﾘｾｲｶﾃﾝ</v>
          </cell>
          <cell r="C3036" t="str">
            <v>（株）大通り生花店</v>
          </cell>
          <cell r="D3036" t="str">
            <v>角田 昭平</v>
          </cell>
          <cell r="E3036" t="str">
            <v>代表取締役</v>
          </cell>
          <cell r="F3036" t="str">
            <v>060-0042</v>
          </cell>
          <cell r="G3036" t="str">
            <v>中央区大通西１７</v>
          </cell>
          <cell r="H3036" t="str">
            <v>621-4301</v>
          </cell>
          <cell r="I3036" t="str">
            <v>644-3551</v>
          </cell>
        </row>
        <row r="3037">
          <cell r="A3037" t="str">
            <v>35411X</v>
          </cell>
          <cell r="B3037" t="str">
            <v>ｵﾘｴﾝﾀﾙｹｲﾋﾞ</v>
          </cell>
          <cell r="C3037" t="str">
            <v>（株）オリエンタル警備</v>
          </cell>
          <cell r="D3037" t="str">
            <v>小軽米 正利</v>
          </cell>
          <cell r="E3037" t="str">
            <v>代表取締役</v>
          </cell>
          <cell r="F3037" t="str">
            <v>063-0813</v>
          </cell>
          <cell r="G3037" t="str">
            <v>西区琴似３－１－１－２０ コト二３．１ビル</v>
          </cell>
          <cell r="H3037" t="str">
            <v>612-2235</v>
          </cell>
          <cell r="I3037" t="str">
            <v>631-5819</v>
          </cell>
        </row>
        <row r="3038">
          <cell r="A3038" t="str">
            <v>35501V</v>
          </cell>
          <cell r="B3038" t="str">
            <v>ｶﾈｼﾀｿﾞｳｴﾝ</v>
          </cell>
          <cell r="C3038" t="str">
            <v>（株）鐘下造園</v>
          </cell>
          <cell r="D3038" t="str">
            <v>鐘下 裕行</v>
          </cell>
          <cell r="E3038" t="str">
            <v>代表取締役</v>
          </cell>
          <cell r="F3038" t="str">
            <v>003-0029</v>
          </cell>
          <cell r="G3038" t="str">
            <v>白石区平和通９北５－２４</v>
          </cell>
          <cell r="H3038" t="str">
            <v>861-4141</v>
          </cell>
          <cell r="I3038" t="str">
            <v>861-5025</v>
          </cell>
        </row>
        <row r="3039">
          <cell r="A3039" t="str">
            <v>35502S</v>
          </cell>
          <cell r="B3039" t="str">
            <v>ｶﾅﾘﾔ</v>
          </cell>
          <cell r="C3039" t="str">
            <v>（株）カナリヤ</v>
          </cell>
          <cell r="D3039" t="str">
            <v>森吉 丈夫</v>
          </cell>
          <cell r="E3039" t="str">
            <v>代表取締役社長</v>
          </cell>
          <cell r="F3039" t="str">
            <v>060-0061</v>
          </cell>
          <cell r="G3039" t="str">
            <v>中央区南１西２－１</v>
          </cell>
          <cell r="H3039" t="str">
            <v>261-1281</v>
          </cell>
          <cell r="I3039" t="str">
            <v>251-3711</v>
          </cell>
        </row>
        <row r="3040">
          <cell r="A3040" t="str">
            <v>35505W</v>
          </cell>
          <cell r="B3040" t="str">
            <v>ｶﾝｷｮｳｻｰﾋﾞｽ</v>
          </cell>
          <cell r="C3040" t="str">
            <v>環境サービス（株）</v>
          </cell>
          <cell r="D3040" t="str">
            <v>中新田 良司</v>
          </cell>
          <cell r="E3040" t="str">
            <v>代表取締役</v>
          </cell>
          <cell r="F3040" t="str">
            <v>001-0912</v>
          </cell>
          <cell r="G3040" t="str">
            <v>北区新琴似１２－１４－１１－１９</v>
          </cell>
          <cell r="H3040" t="str">
            <v>762-6079</v>
          </cell>
          <cell r="I3040" t="str">
            <v>762-6089</v>
          </cell>
        </row>
        <row r="3041">
          <cell r="A3041" t="str">
            <v>35512R</v>
          </cell>
          <cell r="B3041" t="str">
            <v>ｶｼﾞﾏﾀﾃﾓﾉｿｳｺﾞｳｶﾝﾘ</v>
          </cell>
          <cell r="C3041" t="str">
            <v>鹿島建物総合管理（株）札幌営業所</v>
          </cell>
          <cell r="D3041" t="str">
            <v>今泉 和満</v>
          </cell>
          <cell r="E3041" t="str">
            <v>所長</v>
          </cell>
          <cell r="F3041" t="str">
            <v>060-0001</v>
          </cell>
          <cell r="G3041" t="str">
            <v>中央区北１西４－２－２ 札幌ノースプラザ４Ｆ</v>
          </cell>
          <cell r="H3041" t="str">
            <v>210-5171</v>
          </cell>
          <cell r="I3041" t="str">
            <v>210-5172</v>
          </cell>
        </row>
        <row r="3042">
          <cell r="A3042" t="str">
            <v>35603Z</v>
          </cell>
          <cell r="B3042" t="str">
            <v>ｷﾀﾆﾎﾝｹｲﾋﾞ</v>
          </cell>
          <cell r="C3042" t="str">
            <v>北日本警備（株）</v>
          </cell>
          <cell r="D3042" t="str">
            <v>佐々木 幹彦</v>
          </cell>
          <cell r="E3042" t="str">
            <v>代表取締役</v>
          </cell>
          <cell r="F3042" t="str">
            <v>003-0011</v>
          </cell>
          <cell r="G3042" t="str">
            <v>白石区中央１－３－１－３３ 石野ビル</v>
          </cell>
          <cell r="H3042" t="str">
            <v>841-0070</v>
          </cell>
          <cell r="I3042" t="str">
            <v>841-3084</v>
          </cell>
        </row>
        <row r="3043">
          <cell r="A3043" t="str">
            <v>35604X</v>
          </cell>
          <cell r="B3043" t="str">
            <v>ｷﾀﾆﾎﾝﾋﾞﾙｶﾝﾘ</v>
          </cell>
          <cell r="C3043" t="str">
            <v>北日本ビル管理（株）</v>
          </cell>
          <cell r="D3043" t="str">
            <v>逸見 龍馬</v>
          </cell>
          <cell r="E3043" t="str">
            <v>代表取締役</v>
          </cell>
          <cell r="F3043" t="str">
            <v>060-0051</v>
          </cell>
          <cell r="G3043" t="str">
            <v>中央区南１東１－３</v>
          </cell>
          <cell r="H3043" t="str">
            <v>271-6111</v>
          </cell>
          <cell r="I3043" t="str">
            <v>271-6117</v>
          </cell>
        </row>
        <row r="3044">
          <cell r="A3044" t="str">
            <v>35605T</v>
          </cell>
          <cell r="B3044" t="str">
            <v>ｷﾀﾀﾞｲﾋｬｸﾂｳｼﾝﾃﾞﾝｷ</v>
          </cell>
          <cell r="C3044" t="str">
            <v>北第百通信電気（株）</v>
          </cell>
          <cell r="D3044" t="str">
            <v>伊藤 裕康</v>
          </cell>
          <cell r="E3044" t="str">
            <v>代表取締役</v>
          </cell>
          <cell r="F3044" t="str">
            <v>064-0805</v>
          </cell>
          <cell r="G3044" t="str">
            <v>中央区南５西２２－２－１２</v>
          </cell>
          <cell r="H3044" t="str">
            <v>551-1712</v>
          </cell>
          <cell r="I3044" t="str">
            <v>551-0142</v>
          </cell>
        </row>
        <row r="3045">
          <cell r="A3045" t="str">
            <v>35606R</v>
          </cell>
          <cell r="B3045" t="str">
            <v>ｷﾉｸﾆﾔｼｮﾃﾝ</v>
          </cell>
          <cell r="C3045" t="str">
            <v>（株）紀伊國屋書店北海道地区</v>
          </cell>
          <cell r="D3045" t="str">
            <v>市川 晶裕</v>
          </cell>
          <cell r="E3045" t="str">
            <v>北海道地区総支配人</v>
          </cell>
          <cell r="F3045" t="str">
            <v>060-0042</v>
          </cell>
          <cell r="G3045" t="str">
            <v>中央区大通西１－１４－２</v>
          </cell>
          <cell r="H3045" t="str">
            <v>231-2131</v>
          </cell>
          <cell r="I3045" t="str">
            <v>241-0526</v>
          </cell>
        </row>
        <row r="3046">
          <cell r="A3046" t="str">
            <v>35609W</v>
          </cell>
          <cell r="B3046" t="str">
            <v>ｷｮｰｴｰｻｯﾎﾟﾛ</v>
          </cell>
          <cell r="C3046" t="str">
            <v>（株）キョーエー札幌</v>
          </cell>
          <cell r="D3046" t="str">
            <v>木村 昌一</v>
          </cell>
          <cell r="E3046" t="str">
            <v>代表取締役</v>
          </cell>
          <cell r="F3046" t="str">
            <v>060-0001</v>
          </cell>
          <cell r="G3046" t="str">
            <v>中央区北１西７－３ おおわだビル２階</v>
          </cell>
          <cell r="H3046" t="str">
            <v>271-4351</v>
          </cell>
          <cell r="I3046" t="str">
            <v>271-1522</v>
          </cell>
        </row>
        <row r="3047">
          <cell r="A3047" t="str">
            <v>35610T</v>
          </cell>
          <cell r="B3047" t="str">
            <v>ｷﾞｹﾝｶﾝｻﾞｲ</v>
          </cell>
          <cell r="C3047" t="str">
            <v>技研管財（株）</v>
          </cell>
          <cell r="D3047" t="str">
            <v>内田 幸雄</v>
          </cell>
          <cell r="E3047" t="str">
            <v>代表取締役</v>
          </cell>
          <cell r="F3047" t="str">
            <v>002-0855</v>
          </cell>
          <cell r="G3047" t="str">
            <v>北区屯田５－１１－１３－１</v>
          </cell>
          <cell r="H3047" t="str">
            <v>751-7558</v>
          </cell>
          <cell r="I3047" t="str">
            <v>751-7559</v>
          </cell>
        </row>
        <row r="3048">
          <cell r="A3048" t="str">
            <v>35613Y</v>
          </cell>
          <cell r="B3048" t="str">
            <v>ｹｰﾃﾞｨｰｴｽ</v>
          </cell>
          <cell r="C3048" t="str">
            <v>（株）ＫＤＳ札幌支社</v>
          </cell>
          <cell r="D3048" t="str">
            <v>信太 順子</v>
          </cell>
          <cell r="E3048" t="str">
            <v>支社長</v>
          </cell>
          <cell r="F3048" t="str">
            <v>060-0042</v>
          </cell>
          <cell r="G3048" t="str">
            <v>中央区大通西９－３ ジブラルタ生命ビル４Ｆ</v>
          </cell>
          <cell r="H3048" t="str">
            <v>271-5237</v>
          </cell>
          <cell r="I3048" t="str">
            <v>222-6057</v>
          </cell>
        </row>
        <row r="3049">
          <cell r="A3049" t="str">
            <v>35614W</v>
          </cell>
          <cell r="B3049" t="str">
            <v>ｷﾀﾃﾞﾝ</v>
          </cell>
          <cell r="C3049" t="str">
            <v>（株）キタデン</v>
          </cell>
          <cell r="D3049" t="str">
            <v>伏木 進</v>
          </cell>
          <cell r="E3049" t="str">
            <v>代表取締役</v>
          </cell>
          <cell r="F3049" t="str">
            <v>064-0804</v>
          </cell>
          <cell r="G3049" t="str">
            <v>中央区南４西１３－１－８ Ｓ４１３ビル２Ｆ</v>
          </cell>
          <cell r="H3049" t="str">
            <v>512-7222</v>
          </cell>
          <cell r="I3049" t="str">
            <v>512-7220</v>
          </cell>
        </row>
        <row r="3050">
          <cell r="A3050" t="str">
            <v>35617Z</v>
          </cell>
          <cell r="B3050" t="str">
            <v>ｾﾉﾝ</v>
          </cell>
          <cell r="C3050" t="str">
            <v>（株）セノン北海道支社</v>
          </cell>
          <cell r="D3050" t="str">
            <v>岩崎 弘</v>
          </cell>
          <cell r="E3050" t="str">
            <v>支社長</v>
          </cell>
          <cell r="F3050" t="str">
            <v>060-0001</v>
          </cell>
          <cell r="G3050" t="str">
            <v>中央区北１西６－１－２ アーバンネット札幌ビル</v>
          </cell>
          <cell r="H3050" t="str">
            <v>281-1411</v>
          </cell>
          <cell r="I3050" t="str">
            <v>273-4073</v>
          </cell>
        </row>
        <row r="3051">
          <cell r="A3051" t="str">
            <v>35701P</v>
          </cell>
          <cell r="B3051" t="str">
            <v>ｸｽﾐｼｮﾎﾞｳ</v>
          </cell>
          <cell r="C3051" t="str">
            <v>（株）久住書房</v>
          </cell>
          <cell r="D3051" t="str">
            <v>久住 邦晴</v>
          </cell>
          <cell r="E3051" t="str">
            <v>代表取締役</v>
          </cell>
          <cell r="F3051" t="str">
            <v>063-0811</v>
          </cell>
          <cell r="G3051" t="str">
            <v>西区琴似１－７－３－２８</v>
          </cell>
          <cell r="H3051" t="str">
            <v>611-3819</v>
          </cell>
          <cell r="I3051" t="str">
            <v>643-0081</v>
          </cell>
        </row>
        <row r="3052">
          <cell r="A3052" t="str">
            <v>35702Z</v>
          </cell>
          <cell r="B3052" t="str">
            <v>ｸﾘｰﾝｻｰﾋﾞｽ</v>
          </cell>
          <cell r="C3052" t="str">
            <v>（株）クリーンサービス</v>
          </cell>
          <cell r="D3052" t="str">
            <v>宮下 俊男</v>
          </cell>
          <cell r="E3052" t="str">
            <v>代表取締役</v>
          </cell>
          <cell r="F3052" t="str">
            <v>062-0933</v>
          </cell>
          <cell r="G3052" t="str">
            <v>豊平区平岸３－７－１３－１８</v>
          </cell>
          <cell r="H3052" t="str">
            <v>831-0240</v>
          </cell>
          <cell r="I3052" t="str">
            <v>831-0349</v>
          </cell>
        </row>
        <row r="3053">
          <cell r="A3053" t="str">
            <v>35703X</v>
          </cell>
          <cell r="B3053" t="str">
            <v>ｸﾘﾝﾈｽｼﾞｬﾊﾟﾝ</v>
          </cell>
          <cell r="C3053" t="str">
            <v>クリンネスジャパン（株）</v>
          </cell>
          <cell r="D3053" t="str">
            <v>岡本 清</v>
          </cell>
          <cell r="E3053" t="str">
            <v>代表取締役</v>
          </cell>
          <cell r="F3053" t="str">
            <v>060-0051</v>
          </cell>
          <cell r="G3053" t="str">
            <v>中央区南１東２－３－２</v>
          </cell>
          <cell r="H3053" t="str">
            <v>231-6355</v>
          </cell>
          <cell r="I3053" t="str">
            <v>231-6390</v>
          </cell>
        </row>
        <row r="3054">
          <cell r="A3054" t="str">
            <v>35803V</v>
          </cell>
          <cell r="B3054" t="str">
            <v>ｹﾝｴｲｺｳｷﾞｮｳ</v>
          </cell>
          <cell r="C3054" t="str">
            <v>建衛工業（株）</v>
          </cell>
          <cell r="D3054" t="str">
            <v>菅原 富美雄</v>
          </cell>
          <cell r="E3054" t="str">
            <v>代表取締役</v>
          </cell>
          <cell r="F3054" t="str">
            <v>060-0061</v>
          </cell>
          <cell r="G3054" t="str">
            <v>中央区南１西１１－１ コンチネンタルビル６階</v>
          </cell>
          <cell r="H3054" t="str">
            <v>231-2747</v>
          </cell>
          <cell r="I3054" t="str">
            <v>261-5883</v>
          </cell>
        </row>
        <row r="3055">
          <cell r="A3055" t="str">
            <v>35808T</v>
          </cell>
          <cell r="B3055" t="str">
            <v>ｹｲｵｳｾﾂﾋﾞｻｰﾋﾞｽ</v>
          </cell>
          <cell r="C3055" t="str">
            <v>（株）京王設備サービス札幌営業所</v>
          </cell>
          <cell r="D3055" t="str">
            <v>早坂 哲夫</v>
          </cell>
          <cell r="E3055" t="str">
            <v>所長</v>
          </cell>
          <cell r="F3055" t="str">
            <v>060-0005</v>
          </cell>
          <cell r="G3055" t="str">
            <v>中央区北５西７ 京王プラザホテル札幌内</v>
          </cell>
          <cell r="H3055" t="str">
            <v>271-2917</v>
          </cell>
          <cell r="I3055" t="str">
            <v>210-6572</v>
          </cell>
        </row>
        <row r="3056">
          <cell r="A3056" t="str">
            <v>35809R</v>
          </cell>
          <cell r="B3056" t="str">
            <v>ﾄﾞｳｵｳﾋﾞｿｳｺｳｷﾞｮｳ</v>
          </cell>
          <cell r="C3056" t="str">
            <v>道央美装工業（株）</v>
          </cell>
          <cell r="D3056" t="str">
            <v>菅原 セツ子</v>
          </cell>
          <cell r="E3056" t="str">
            <v>代表取締役</v>
          </cell>
          <cell r="F3056" t="str">
            <v>060-0061</v>
          </cell>
          <cell r="G3056" t="str">
            <v>中央区南１西９－６－１ 南１条グランドハイツ</v>
          </cell>
          <cell r="H3056" t="str">
            <v>231-2746</v>
          </cell>
          <cell r="I3056" t="str">
            <v>261-5883</v>
          </cell>
        </row>
        <row r="3057">
          <cell r="A3057" t="str">
            <v>35901X</v>
          </cell>
          <cell r="B3057" t="str">
            <v>ﾎｯｶｲﾄﾞｳｸﾘｰﾝ･ｼｽﾃﾑ</v>
          </cell>
          <cell r="C3057" t="str">
            <v>北海道クリーン・システム（株）</v>
          </cell>
          <cell r="D3057" t="str">
            <v>小島 正克</v>
          </cell>
          <cell r="E3057" t="str">
            <v>代表取締役社長</v>
          </cell>
          <cell r="F3057" t="str">
            <v>060-0002</v>
          </cell>
          <cell r="G3057" t="str">
            <v>中央区北２西２－１５ ＳＴＶ北２条ビル</v>
          </cell>
          <cell r="H3057" t="str">
            <v>222-1511</v>
          </cell>
          <cell r="I3057" t="str">
            <v>222-1514</v>
          </cell>
        </row>
        <row r="3058">
          <cell r="A3058" t="str">
            <v>35902V</v>
          </cell>
          <cell r="B3058" t="str">
            <v>ｺｳｾｲｼｬ</v>
          </cell>
          <cell r="C3058" t="str">
            <v>（株）工成舎</v>
          </cell>
          <cell r="D3058" t="str">
            <v>白岩 和徳</v>
          </cell>
          <cell r="E3058" t="str">
            <v>代表取締役社長</v>
          </cell>
          <cell r="F3058" t="str">
            <v>063-0833</v>
          </cell>
          <cell r="G3058" t="str">
            <v>西区発寒１３－１２－３－４５</v>
          </cell>
          <cell r="H3058" t="str">
            <v>661-0181</v>
          </cell>
          <cell r="I3058" t="str">
            <v>661-0260</v>
          </cell>
        </row>
        <row r="3059">
          <cell r="A3059" t="str">
            <v>35903S</v>
          </cell>
          <cell r="B3059" t="str">
            <v>ﾆﾎﾝｼﾞﾄﾞｳﾎｶﾝｷ</v>
          </cell>
          <cell r="C3059" t="str">
            <v>日本自動保管機（株）</v>
          </cell>
          <cell r="D3059" t="str">
            <v>松崎 幹</v>
          </cell>
          <cell r="E3059" t="str">
            <v>代表取締役</v>
          </cell>
          <cell r="F3059" t="str">
            <v>001-0016</v>
          </cell>
          <cell r="G3059" t="str">
            <v>北区北１６西３－２１</v>
          </cell>
          <cell r="H3059" t="str">
            <v>716-1215</v>
          </cell>
          <cell r="I3059" t="str">
            <v>746-8161</v>
          </cell>
        </row>
        <row r="3060">
          <cell r="A3060" t="str">
            <v>35909N</v>
          </cell>
          <cell r="B3060" t="str">
            <v>ｺｳｴｲｼｬ</v>
          </cell>
          <cell r="C3060" t="str">
            <v>（株）工営舎</v>
          </cell>
          <cell r="D3060" t="str">
            <v>大関 範之</v>
          </cell>
          <cell r="E3060" t="str">
            <v>代表取締役</v>
          </cell>
          <cell r="F3060" t="str">
            <v>003-0827</v>
          </cell>
          <cell r="G3060" t="str">
            <v>白石区菊水元町７－２－９－１６</v>
          </cell>
          <cell r="H3060" t="str">
            <v>873-7141</v>
          </cell>
          <cell r="I3060" t="str">
            <v>873-8455</v>
          </cell>
        </row>
        <row r="3061">
          <cell r="A3061" t="str">
            <v>35911W</v>
          </cell>
          <cell r="B3061" t="str">
            <v>ｺｸﾄﾞｹｲﾋﾞﾎｼｮｳ</v>
          </cell>
          <cell r="C3061" t="str">
            <v>国土警備保障（株）</v>
          </cell>
          <cell r="D3061" t="str">
            <v>大内 弘志</v>
          </cell>
          <cell r="E3061" t="str">
            <v>代表取締役</v>
          </cell>
          <cell r="F3061" t="str">
            <v>060-0041</v>
          </cell>
          <cell r="G3061" t="str">
            <v>中央区大通東２－８－５</v>
          </cell>
          <cell r="H3061" t="str">
            <v>241-6656</v>
          </cell>
          <cell r="I3061" t="str">
            <v>241-6960</v>
          </cell>
        </row>
        <row r="3062">
          <cell r="A3062" t="str">
            <v>36001V</v>
          </cell>
          <cell r="B3062" t="str">
            <v>ｻﾆｰﾋﾞｿｳｺｳｷﾞｮｳ</v>
          </cell>
          <cell r="C3062" t="str">
            <v>（株）サニー美装工業</v>
          </cell>
          <cell r="D3062" t="str">
            <v>藤本 光男</v>
          </cell>
          <cell r="E3062" t="str">
            <v>代表取締役</v>
          </cell>
          <cell r="F3062" t="str">
            <v>003-0806</v>
          </cell>
          <cell r="G3062" t="str">
            <v>白石区菊水６－２－１－１</v>
          </cell>
          <cell r="H3062" t="str">
            <v>821-5320</v>
          </cell>
          <cell r="I3062" t="str">
            <v>822-0373</v>
          </cell>
        </row>
        <row r="3063">
          <cell r="A3063" t="str">
            <v>36002S</v>
          </cell>
          <cell r="B3063" t="str">
            <v>ｻﾝｿｳｺﾞｳｶﾝﾘ</v>
          </cell>
          <cell r="C3063" t="str">
            <v>サン総合管理（株）</v>
          </cell>
          <cell r="D3063" t="str">
            <v>遠藤 修一</v>
          </cell>
          <cell r="E3063" t="str">
            <v>代表取締役</v>
          </cell>
          <cell r="F3063" t="str">
            <v>064-0807</v>
          </cell>
          <cell r="G3063" t="str">
            <v>中央区南７西５－２８９－５４</v>
          </cell>
          <cell r="H3063" t="str">
            <v>531-5547</v>
          </cell>
          <cell r="I3063" t="str">
            <v>521-7053</v>
          </cell>
        </row>
        <row r="3064">
          <cell r="A3064" t="str">
            <v>36003P</v>
          </cell>
          <cell r="B3064" t="str">
            <v>ｻﾝﾜｼﾞｮｳｶ</v>
          </cell>
          <cell r="C3064" t="str">
            <v>三和浄化（株）札幌支店</v>
          </cell>
          <cell r="D3064" t="str">
            <v>菊地 邦夫</v>
          </cell>
          <cell r="E3064" t="str">
            <v>支店長</v>
          </cell>
          <cell r="F3064" t="str">
            <v>004-0863</v>
          </cell>
          <cell r="G3064" t="str">
            <v>清田区北野３－３－２２－１０</v>
          </cell>
          <cell r="H3064" t="str">
            <v>884-5808</v>
          </cell>
          <cell r="I3064" t="str">
            <v>884-6961</v>
          </cell>
        </row>
        <row r="3065">
          <cell r="A3065" t="str">
            <v>36004Z</v>
          </cell>
          <cell r="B3065" t="str">
            <v>ｻｯﾎﾟﾛﾊﾟﾌﾞﾘｯｸｹｲﾋﾞﾎｼｮｳ</v>
          </cell>
          <cell r="C3065" t="str">
            <v>札幌パブリック警備保障（株）</v>
          </cell>
          <cell r="D3065" t="str">
            <v>佐藤 哲男</v>
          </cell>
          <cell r="E3065" t="str">
            <v>代表取締役</v>
          </cell>
          <cell r="F3065" t="str">
            <v>060-0042</v>
          </cell>
          <cell r="G3065" t="str">
            <v>中央区大通西１１－４</v>
          </cell>
          <cell r="H3065" t="str">
            <v>281-3521</v>
          </cell>
          <cell r="I3065" t="str">
            <v>281-4985</v>
          </cell>
        </row>
        <row r="3066">
          <cell r="A3066" t="str">
            <v>36006T</v>
          </cell>
          <cell r="B3066" t="str">
            <v>ｻﾝｺｳﾋﾞｼｮｳ</v>
          </cell>
          <cell r="C3066" t="str">
            <v>三幸美商（株）</v>
          </cell>
          <cell r="D3066" t="str">
            <v>坂田 幸一</v>
          </cell>
          <cell r="E3066" t="str">
            <v>代表取締役</v>
          </cell>
          <cell r="F3066" t="str">
            <v>004-0033</v>
          </cell>
          <cell r="G3066" t="str">
            <v>厚別区上野幌３－３－１－１</v>
          </cell>
          <cell r="H3066" t="str">
            <v>891-7843</v>
          </cell>
          <cell r="I3066" t="str">
            <v>891-7843</v>
          </cell>
        </row>
        <row r="3067">
          <cell r="A3067" t="str">
            <v>36007R</v>
          </cell>
          <cell r="B3067" t="str">
            <v>ｻｯﾎﾟﾛﾀﾞｲｲﾁｾｲｿｳ</v>
          </cell>
          <cell r="C3067" t="str">
            <v>札幌第一清掃（株）</v>
          </cell>
          <cell r="D3067" t="str">
            <v>笠野 博史</v>
          </cell>
          <cell r="E3067" t="str">
            <v>代表取締役</v>
          </cell>
          <cell r="F3067" t="str">
            <v>063-0804</v>
          </cell>
          <cell r="G3067" t="str">
            <v>西区二十四軒４－２－２－１</v>
          </cell>
          <cell r="H3067" t="str">
            <v>611-9291</v>
          </cell>
          <cell r="I3067" t="str">
            <v>642-5460</v>
          </cell>
        </row>
        <row r="3068">
          <cell r="A3068" t="str">
            <v>36008W</v>
          </cell>
          <cell r="B3068" t="str">
            <v>ｻﾝｷｮｳｾﾝｼﾞｮｳｺｳｷﾞｮｳ</v>
          </cell>
          <cell r="C3068" t="str">
            <v>（有）三協洗浄工業</v>
          </cell>
          <cell r="D3068" t="str">
            <v>青砥 和代</v>
          </cell>
          <cell r="E3068" t="str">
            <v>取締役</v>
          </cell>
          <cell r="F3068" t="str">
            <v>001-0906</v>
          </cell>
          <cell r="G3068" t="str">
            <v>北区新琴似６－１７－２－８</v>
          </cell>
          <cell r="H3068" t="str">
            <v>761-2727</v>
          </cell>
          <cell r="I3068" t="str">
            <v>769-5788</v>
          </cell>
        </row>
        <row r="3069">
          <cell r="A3069" t="str">
            <v>36011T</v>
          </cell>
          <cell r="B3069" t="str">
            <v>ｻｯﾎﾟﾛｹｲﾋﾞ</v>
          </cell>
          <cell r="C3069" t="str">
            <v>札幌警備（株）</v>
          </cell>
          <cell r="D3069" t="str">
            <v>大和 久男</v>
          </cell>
          <cell r="E3069" t="str">
            <v>代表取締役</v>
          </cell>
          <cell r="F3069" t="str">
            <v>060-0009</v>
          </cell>
          <cell r="G3069" t="str">
            <v>中央区北９西１９－３５－４０</v>
          </cell>
          <cell r="H3069" t="str">
            <v>618-1001</v>
          </cell>
          <cell r="I3069" t="str">
            <v>618-1100</v>
          </cell>
        </row>
        <row r="3070">
          <cell r="A3070" t="str">
            <v>36012R</v>
          </cell>
          <cell r="B3070" t="str">
            <v>ｺｳｾｲｷｷﾞｮｳ</v>
          </cell>
          <cell r="C3070" t="str">
            <v>（協業）公清企業</v>
          </cell>
          <cell r="D3070" t="str">
            <v>八十嶋 稔</v>
          </cell>
          <cell r="E3070" t="str">
            <v>理事長</v>
          </cell>
          <cell r="F3070" t="str">
            <v>060-0031</v>
          </cell>
          <cell r="G3070" t="str">
            <v>中央区北１東１５－１４０</v>
          </cell>
          <cell r="H3070" t="str">
            <v>221-8881</v>
          </cell>
          <cell r="I3070" t="str">
            <v>221-6501</v>
          </cell>
        </row>
        <row r="3071">
          <cell r="A3071" t="str">
            <v>36013N</v>
          </cell>
          <cell r="B3071" t="str">
            <v>ｻｯﾎﾟﾛﾊﾟﾌﾞﾘｯｸｻｰﾋﾞｽ</v>
          </cell>
          <cell r="C3071" t="str">
            <v>札幌パブリックサービス（株）</v>
          </cell>
          <cell r="D3071" t="str">
            <v>泉 仁史</v>
          </cell>
          <cell r="E3071" t="str">
            <v>代表取締役</v>
          </cell>
          <cell r="F3071" t="str">
            <v>060-0002</v>
          </cell>
          <cell r="G3071" t="str">
            <v>中央区北２西２－３４</v>
          </cell>
          <cell r="H3071" t="str">
            <v>221-3133</v>
          </cell>
          <cell r="I3071" t="str">
            <v>221-3134</v>
          </cell>
        </row>
        <row r="3072">
          <cell r="A3072" t="str">
            <v>36016S</v>
          </cell>
          <cell r="B3072" t="str">
            <v>ｻｯｼｮｳﾋﾞｿｳｺｳｷﾞｮｳ</v>
          </cell>
          <cell r="C3072" t="str">
            <v>札商美装興業（株）</v>
          </cell>
          <cell r="D3072" t="str">
            <v>高橋 宏昌</v>
          </cell>
          <cell r="E3072" t="str">
            <v>代表取締役</v>
          </cell>
          <cell r="F3072" t="str">
            <v>060-0063</v>
          </cell>
          <cell r="G3072" t="str">
            <v>中央区南３西１０－１００１－５ 福山南３条ビル</v>
          </cell>
          <cell r="H3072" t="str">
            <v>231-0731</v>
          </cell>
          <cell r="I3072" t="str">
            <v>232-4713</v>
          </cell>
        </row>
        <row r="3073">
          <cell r="A3073" t="str">
            <v>36017P</v>
          </cell>
          <cell r="B3073" t="str">
            <v>ｻﾝﾖｳｷﾞｹﾝｺｳｷﾞｮｳ</v>
          </cell>
          <cell r="C3073" t="str">
            <v>三洋技研工業（株）</v>
          </cell>
          <cell r="D3073" t="str">
            <v>早坂 正</v>
          </cell>
          <cell r="E3073" t="str">
            <v>代表取締役</v>
          </cell>
          <cell r="F3073" t="str">
            <v>060-0042</v>
          </cell>
          <cell r="G3073" t="str">
            <v>中央区大通西７－１－１</v>
          </cell>
          <cell r="H3073" t="str">
            <v>221-7609</v>
          </cell>
          <cell r="I3073" t="str">
            <v>221-7826</v>
          </cell>
        </row>
        <row r="3074">
          <cell r="A3074" t="str">
            <v>36025T</v>
          </cell>
          <cell r="B3074" t="str">
            <v>ｻｯﾎﾟﾛﾁｭｳｵｳｾｲｿｳｼｬ</v>
          </cell>
          <cell r="C3074" t="str">
            <v>（株）札幌中央清掃社</v>
          </cell>
          <cell r="D3074" t="str">
            <v>藤田 榮</v>
          </cell>
          <cell r="E3074" t="str">
            <v>代表取締役</v>
          </cell>
          <cell r="F3074" t="str">
            <v>001-0923</v>
          </cell>
          <cell r="G3074" t="str">
            <v>北区新川３－１４－１０－１</v>
          </cell>
          <cell r="H3074" t="str">
            <v>762-6521</v>
          </cell>
          <cell r="I3074" t="str">
            <v>762-6525</v>
          </cell>
        </row>
        <row r="3075">
          <cell r="A3075" t="str">
            <v>36027N</v>
          </cell>
          <cell r="B3075" t="str">
            <v>ｻｯﾎﾟﾛﾈｸｼｽ</v>
          </cell>
          <cell r="C3075" t="str">
            <v>（株）札幌ネクシス</v>
          </cell>
          <cell r="D3075" t="str">
            <v>松岡 勉</v>
          </cell>
          <cell r="E3075" t="str">
            <v>代表取締役</v>
          </cell>
          <cell r="F3075" t="str">
            <v>060-0001</v>
          </cell>
          <cell r="G3075" t="str">
            <v>中央区北１西２－２－１</v>
          </cell>
          <cell r="H3075" t="str">
            <v>231-6555</v>
          </cell>
          <cell r="I3075" t="str">
            <v>241-7000</v>
          </cell>
        </row>
        <row r="3076">
          <cell r="A3076" t="str">
            <v>36028Y</v>
          </cell>
          <cell r="B3076" t="str">
            <v>ﾎｯｶｲﾄﾞｳｲﾝﾃｯｸ</v>
          </cell>
          <cell r="C3076" t="str">
            <v>（株）北海道インテック</v>
          </cell>
          <cell r="D3076" t="str">
            <v>大庭 常夫</v>
          </cell>
          <cell r="E3076" t="str">
            <v>代表取締役</v>
          </cell>
          <cell r="F3076" t="str">
            <v>065-0012</v>
          </cell>
          <cell r="G3076" t="str">
            <v>東区北１２東５－５－５０</v>
          </cell>
          <cell r="H3076" t="str">
            <v>752-5800</v>
          </cell>
          <cell r="I3076" t="str">
            <v>752-8266</v>
          </cell>
        </row>
        <row r="3077">
          <cell r="A3077" t="str">
            <v>36035S</v>
          </cell>
          <cell r="B3077" t="str">
            <v>ｻﾝｼﾞｮｳﾋﾞｿｳ</v>
          </cell>
          <cell r="C3077" t="str">
            <v>三城美装（株）</v>
          </cell>
          <cell r="D3077" t="str">
            <v>小川 洋司</v>
          </cell>
          <cell r="E3077" t="str">
            <v>代表取締役</v>
          </cell>
          <cell r="F3077" t="str">
            <v>064-0806</v>
          </cell>
          <cell r="G3077" t="str">
            <v>中央区南６西２０－１－１６</v>
          </cell>
          <cell r="H3077" t="str">
            <v>563-7881</v>
          </cell>
          <cell r="I3077" t="str">
            <v>563-7870</v>
          </cell>
        </row>
        <row r="3078">
          <cell r="A3078" t="str">
            <v>36039V</v>
          </cell>
          <cell r="B3078" t="str">
            <v>ｻｯﾎﾟﾛﾋﾞﾙｻｰﾋﾞｽ</v>
          </cell>
          <cell r="C3078" t="str">
            <v>札幌ビルサービス（株）</v>
          </cell>
          <cell r="D3078" t="str">
            <v>島田 博司</v>
          </cell>
          <cell r="E3078" t="str">
            <v>代表取締役社長</v>
          </cell>
          <cell r="F3078" t="str">
            <v>060-0001</v>
          </cell>
          <cell r="G3078" t="str">
            <v>中央区北１西３－３</v>
          </cell>
          <cell r="H3078" t="str">
            <v>261-8722</v>
          </cell>
          <cell r="I3078" t="str">
            <v>261-8726</v>
          </cell>
        </row>
        <row r="3079">
          <cell r="A3079" t="str">
            <v>36040S</v>
          </cell>
          <cell r="B3079" t="str">
            <v>ｻﾝﾜﾋﾞｹﾝｺｳｷﾞｮｳ</v>
          </cell>
          <cell r="C3079" t="str">
            <v>三和美建工業（株）</v>
          </cell>
          <cell r="D3079" t="str">
            <v>多田 和男</v>
          </cell>
          <cell r="E3079" t="str">
            <v>代表取締役</v>
          </cell>
          <cell r="F3079" t="str">
            <v>064-0806</v>
          </cell>
          <cell r="G3079" t="str">
            <v>中央区南６西９－１０１９－１２</v>
          </cell>
          <cell r="H3079" t="str">
            <v>511-4122</v>
          </cell>
          <cell r="I3079" t="str">
            <v>512-3017</v>
          </cell>
        </row>
        <row r="3080">
          <cell r="A3080" t="str">
            <v>36042Z</v>
          </cell>
          <cell r="B3080" t="str">
            <v>ｻｯﾎﾟﾛｻﾆﾀｰ</v>
          </cell>
          <cell r="C3080" t="str">
            <v>（株）札幌サニター</v>
          </cell>
          <cell r="D3080" t="str">
            <v>種田 英雄</v>
          </cell>
          <cell r="E3080" t="str">
            <v>代表取締役</v>
          </cell>
          <cell r="F3080" t="str">
            <v>007-0893</v>
          </cell>
          <cell r="G3080" t="str">
            <v>東区中沼西３－２－１－１５</v>
          </cell>
          <cell r="H3080" t="str">
            <v>721-5005</v>
          </cell>
          <cell r="I3080" t="str">
            <v>791-9771</v>
          </cell>
        </row>
        <row r="3081">
          <cell r="A3081" t="str">
            <v>36051N</v>
          </cell>
          <cell r="B3081" t="str">
            <v>ｻｯﾎﾟﾛｼｼﾙﾊﾞｰｼﾞﾝｻﾞｲｾﾝﾀｰ</v>
          </cell>
          <cell r="C3081" t="str">
            <v>（社）札幌市シルバー人材センター</v>
          </cell>
          <cell r="D3081" t="str">
            <v>宮崎 芳幸</v>
          </cell>
          <cell r="E3081" t="str">
            <v>理事長</v>
          </cell>
          <cell r="F3081" t="str">
            <v>060-0042</v>
          </cell>
          <cell r="G3081" t="str">
            <v>中央区大通西１９－１－１</v>
          </cell>
          <cell r="H3081" t="str">
            <v>614-2155</v>
          </cell>
          <cell r="I3081" t="str">
            <v>614-7612</v>
          </cell>
        </row>
        <row r="3082">
          <cell r="A3082" t="str">
            <v>36053W</v>
          </cell>
          <cell r="B3082" t="str">
            <v>ﾗｲﾗｯｸｺｳｷﾞｮｳ</v>
          </cell>
          <cell r="C3082" t="str">
            <v>ライラック興業（株）</v>
          </cell>
          <cell r="D3082" t="str">
            <v>清本 五郎</v>
          </cell>
          <cell r="E3082" t="str">
            <v>代表取締役</v>
          </cell>
          <cell r="F3082" t="str">
            <v>003-0012</v>
          </cell>
          <cell r="G3082" t="str">
            <v>白石区中央２－４－２２</v>
          </cell>
          <cell r="H3082" t="str">
            <v>813-5011</v>
          </cell>
          <cell r="I3082" t="str">
            <v>813-5013</v>
          </cell>
        </row>
        <row r="3083">
          <cell r="A3083" t="str">
            <v>36054T</v>
          </cell>
          <cell r="B3083" t="str">
            <v>ｴｽﾃﾞｨｲｰ</v>
          </cell>
          <cell r="C3083" t="str">
            <v>（株）エスディイー</v>
          </cell>
          <cell r="D3083" t="str">
            <v>安達 和興</v>
          </cell>
          <cell r="E3083" t="str">
            <v>代表取締役</v>
          </cell>
          <cell r="F3083" t="str">
            <v>060-0062</v>
          </cell>
          <cell r="G3083" t="str">
            <v>中央区南２西２－１３ 札専会館</v>
          </cell>
          <cell r="H3083" t="str">
            <v>271-1436</v>
          </cell>
          <cell r="I3083" t="str">
            <v>222-0221</v>
          </cell>
        </row>
        <row r="3084">
          <cell r="A3084" t="str">
            <v>36065N</v>
          </cell>
          <cell r="B3084" t="str">
            <v>ﾎｯｶｲﾄﾞｳﾆｯﾂｰﾌﾟﾛﾊﾟﾝﾊﾝﾊﾞｲ</v>
          </cell>
          <cell r="C3084" t="str">
            <v>北海道日通プロパン販売（株）</v>
          </cell>
          <cell r="D3084" t="str">
            <v>田中 勝男</v>
          </cell>
          <cell r="E3084" t="str">
            <v>代表取締役</v>
          </cell>
          <cell r="F3084" t="str">
            <v>063-0804</v>
          </cell>
          <cell r="G3084" t="str">
            <v>西区二十四軒４－１－１－８</v>
          </cell>
          <cell r="H3084" t="str">
            <v>642-3251</v>
          </cell>
          <cell r="I3084" t="str">
            <v>642-3254</v>
          </cell>
        </row>
        <row r="3085">
          <cell r="A3085" t="str">
            <v>36071Y</v>
          </cell>
          <cell r="B3085" t="str">
            <v>ｸﾘｰﾝﾗｲﾝﾌｼﾞﾔ</v>
          </cell>
          <cell r="C3085" t="str">
            <v>（株）クリーンライン不二屋</v>
          </cell>
          <cell r="D3085" t="str">
            <v>山本 義晴</v>
          </cell>
          <cell r="E3085" t="str">
            <v>代表取締役</v>
          </cell>
          <cell r="F3085" t="str">
            <v>064-0821</v>
          </cell>
          <cell r="G3085" t="str">
            <v>中央区北１西２５－１－２</v>
          </cell>
          <cell r="H3085" t="str">
            <v>611-1301</v>
          </cell>
          <cell r="I3085" t="str">
            <v>611-1404</v>
          </cell>
        </row>
        <row r="3086">
          <cell r="A3086" t="str">
            <v>36074R</v>
          </cell>
          <cell r="B3086" t="str">
            <v>ｻﾄｳﾃﾞﾝｷﾎｱﾝｶﾝﾘｼﾞﾑｼｮ</v>
          </cell>
          <cell r="C3086" t="str">
            <v>佐藤電気保安管理事務所</v>
          </cell>
          <cell r="D3086" t="str">
            <v>佐藤 世希士</v>
          </cell>
          <cell r="E3086" t="str">
            <v>代表</v>
          </cell>
          <cell r="F3086" t="str">
            <v>064-0820</v>
          </cell>
          <cell r="G3086" t="str">
            <v>中央区大通西２０－３－３０－８０１</v>
          </cell>
          <cell r="H3086" t="str">
            <v>644-4811</v>
          </cell>
          <cell r="I3086" t="str">
            <v>644-4811</v>
          </cell>
        </row>
        <row r="3087">
          <cell r="A3087" t="str">
            <v>36076X</v>
          </cell>
          <cell r="B3087" t="str">
            <v>ﾎｰﾁｷｼｽﾃﾑ</v>
          </cell>
          <cell r="C3087" t="str">
            <v>ホーチキシステム（株）</v>
          </cell>
          <cell r="D3087" t="str">
            <v>髙見 光敏</v>
          </cell>
          <cell r="E3087" t="str">
            <v>代表取締役</v>
          </cell>
          <cell r="F3087" t="str">
            <v>062-0002</v>
          </cell>
          <cell r="G3087" t="str">
            <v>豊平区美園２－３－２－７</v>
          </cell>
          <cell r="H3087" t="str">
            <v>818-3334</v>
          </cell>
          <cell r="I3087" t="str">
            <v>818-3733</v>
          </cell>
        </row>
        <row r="3088">
          <cell r="A3088" t="str">
            <v>36077V</v>
          </cell>
          <cell r="B3088" t="str">
            <v>ｻﾝｺｳｹｲﾋﾞﾎｼｮｳ</v>
          </cell>
          <cell r="C3088" t="str">
            <v>三興警備保障（株）</v>
          </cell>
          <cell r="D3088" t="str">
            <v>鎌田 正三</v>
          </cell>
          <cell r="E3088" t="str">
            <v>代表取締役</v>
          </cell>
          <cell r="F3088" t="str">
            <v>062-0932</v>
          </cell>
          <cell r="G3088" t="str">
            <v>豊平区平岸２－６－１－１４</v>
          </cell>
          <cell r="H3088" t="str">
            <v>816-8817</v>
          </cell>
          <cell r="I3088" t="str">
            <v>816-8817</v>
          </cell>
        </row>
        <row r="3089">
          <cell r="A3089" t="str">
            <v>36078S</v>
          </cell>
          <cell r="B3089" t="str">
            <v>ｻｯﾎﾟﾛｺｳｷﾞｮｳｹﾝｻ</v>
          </cell>
          <cell r="C3089" t="str">
            <v>（株）札幌工業検査</v>
          </cell>
          <cell r="D3089" t="str">
            <v>兼平 一行</v>
          </cell>
          <cell r="E3089" t="str">
            <v>代表取締役</v>
          </cell>
          <cell r="F3089" t="str">
            <v>003-0872</v>
          </cell>
          <cell r="G3089" t="str">
            <v>白石区米里２－１－２－７</v>
          </cell>
          <cell r="H3089" t="str">
            <v>879-6366</v>
          </cell>
          <cell r="I3089" t="str">
            <v>875-6233</v>
          </cell>
        </row>
        <row r="3090">
          <cell r="A3090" t="str">
            <v>36080Z</v>
          </cell>
          <cell r="B3090" t="str">
            <v>ｻﾑｽｨﾝｸﾞ</v>
          </cell>
          <cell r="C3090" t="str">
            <v>（株）サムスィング</v>
          </cell>
          <cell r="D3090" t="str">
            <v>朝比奈 隆</v>
          </cell>
          <cell r="E3090" t="str">
            <v>代表取締役</v>
          </cell>
          <cell r="F3090" t="str">
            <v>064-0802</v>
          </cell>
          <cell r="G3090" t="str">
            <v>中央区南２西２５ー１－２</v>
          </cell>
          <cell r="H3090" t="str">
            <v>616-0408</v>
          </cell>
          <cell r="I3090" t="str">
            <v>616-6562</v>
          </cell>
        </row>
        <row r="3091">
          <cell r="A3091" t="str">
            <v>36102P</v>
          </cell>
          <cell r="B3091" t="str">
            <v>ｼﾞｬﾊﾟﾝﾒﾝﾃﾅﾝｽﾎｯｶｲﾄﾞｳ</v>
          </cell>
          <cell r="C3091" t="str">
            <v>（株）ジャパンメンテナンス北海道</v>
          </cell>
          <cell r="D3091" t="str">
            <v>北村 文克</v>
          </cell>
          <cell r="E3091" t="str">
            <v>代表取締役</v>
          </cell>
          <cell r="F3091" t="str">
            <v>060-0002</v>
          </cell>
          <cell r="G3091" t="str">
            <v>中央区北２西１－１</v>
          </cell>
          <cell r="H3091" t="str">
            <v>242-3311</v>
          </cell>
          <cell r="I3091" t="str">
            <v>242-3412</v>
          </cell>
        </row>
        <row r="3092">
          <cell r="A3092" t="str">
            <v>36103Z</v>
          </cell>
          <cell r="B3092" t="str">
            <v>ｼﾝﾆｯﾎﾟﾝﾎｳｷｼｭｯﾊﾟﾝ</v>
          </cell>
          <cell r="C3092" t="str">
            <v>新日本法規出版（株）札幌支社</v>
          </cell>
          <cell r="D3092" t="str">
            <v>石垣 昌夫</v>
          </cell>
          <cell r="E3092" t="str">
            <v>支社長</v>
          </cell>
          <cell r="F3092" t="str">
            <v>060-0001</v>
          </cell>
          <cell r="G3092" t="str">
            <v>中央区北１西７－５</v>
          </cell>
          <cell r="H3092" t="str">
            <v>241-2948</v>
          </cell>
          <cell r="I3092" t="str">
            <v>281-4467</v>
          </cell>
        </row>
        <row r="3093">
          <cell r="A3093" t="str">
            <v>36107N</v>
          </cell>
          <cell r="B3093" t="str">
            <v>ｼﾝｾｲﾋﾞﾙﾃｸﾉ</v>
          </cell>
          <cell r="C3093" t="str">
            <v>新光ビルシステム（株）札幌支店</v>
          </cell>
          <cell r="D3093" t="str">
            <v>清水 規元</v>
          </cell>
          <cell r="E3093" t="str">
            <v>支店長</v>
          </cell>
          <cell r="F3093" t="str">
            <v>065-0016</v>
          </cell>
          <cell r="G3093" t="str">
            <v>東区北１６東３－１－６４ コーケンビル３階</v>
          </cell>
          <cell r="H3093" t="str">
            <v>743-7811</v>
          </cell>
          <cell r="I3093" t="str">
            <v>743-7812</v>
          </cell>
        </row>
        <row r="3094">
          <cell r="A3094" t="str">
            <v>36117Z</v>
          </cell>
          <cell r="B3094" t="str">
            <v>ｼﾞｬﾊﾟﾝﾎﾞｳｻｲｾﾂﾋﾞ</v>
          </cell>
          <cell r="C3094" t="str">
            <v>ジャパン防災設備（株）</v>
          </cell>
          <cell r="D3094" t="str">
            <v>田口 千津子</v>
          </cell>
          <cell r="E3094" t="str">
            <v>代表取締役</v>
          </cell>
          <cell r="F3094" t="str">
            <v>003-0833</v>
          </cell>
          <cell r="G3094" t="str">
            <v>白石区北郷３－１１－９－１２</v>
          </cell>
          <cell r="H3094" t="str">
            <v>873-6450</v>
          </cell>
          <cell r="I3094" t="str">
            <v>873-6459</v>
          </cell>
        </row>
        <row r="3095">
          <cell r="A3095" t="str">
            <v>36120S</v>
          </cell>
          <cell r="B3095" t="str">
            <v>ｼﾝﾜｻｰﾋﾞｽ</v>
          </cell>
          <cell r="C3095" t="str">
            <v>（株）真和サービス</v>
          </cell>
          <cell r="D3095" t="str">
            <v>石田 誠</v>
          </cell>
          <cell r="E3095" t="str">
            <v>代表取締役</v>
          </cell>
          <cell r="F3095" t="str">
            <v>064-0928</v>
          </cell>
          <cell r="G3095" t="str">
            <v>中央区南２８西１２－２－１１</v>
          </cell>
          <cell r="H3095" t="str">
            <v>513-6777</v>
          </cell>
          <cell r="I3095" t="str">
            <v>513-5897</v>
          </cell>
        </row>
        <row r="3096">
          <cell r="A3096" t="str">
            <v>36201P</v>
          </cell>
          <cell r="B3096" t="str">
            <v>ｽｴﾋﾛﾔﾃﾞﾝｷ</v>
          </cell>
          <cell r="C3096" t="str">
            <v>末廣屋電機（株）札幌支店</v>
          </cell>
          <cell r="D3096" t="str">
            <v>国兼 勝見</v>
          </cell>
          <cell r="E3096" t="str">
            <v>取締役支店長</v>
          </cell>
          <cell r="F3096" t="str">
            <v>060-0002</v>
          </cell>
          <cell r="G3096" t="str">
            <v>中央区北２西１４</v>
          </cell>
          <cell r="H3096" t="str">
            <v>241-9586</v>
          </cell>
          <cell r="I3096" t="str">
            <v>241-9589</v>
          </cell>
        </row>
        <row r="3097">
          <cell r="A3097" t="str">
            <v>36301Z</v>
          </cell>
          <cell r="B3097" t="str">
            <v>ｾｰﾌﾃｨｶﾞｰﾄﾞｹｲﾋﾞ</v>
          </cell>
          <cell r="C3097" t="str">
            <v>セーフティガード警備（株）</v>
          </cell>
          <cell r="D3097" t="str">
            <v>古屋 孝三</v>
          </cell>
          <cell r="E3097" t="str">
            <v>代表取締役</v>
          </cell>
          <cell r="F3097" t="str">
            <v>001-0022</v>
          </cell>
          <cell r="G3097" t="str">
            <v>北区北２２西６－１－３</v>
          </cell>
          <cell r="H3097" t="str">
            <v>727-3929</v>
          </cell>
          <cell r="I3097" t="str">
            <v>727-0016</v>
          </cell>
        </row>
        <row r="3098">
          <cell r="A3098" t="str">
            <v>36307W</v>
          </cell>
          <cell r="B3098" t="str">
            <v>ｾｲﾜｻｰﾋﾞｽ</v>
          </cell>
          <cell r="C3098" t="str">
            <v>（株）星和サービス</v>
          </cell>
          <cell r="D3098" t="str">
            <v>武田 俊明</v>
          </cell>
          <cell r="E3098" t="str">
            <v>代表取締役</v>
          </cell>
          <cell r="F3098" t="str">
            <v>064-0804</v>
          </cell>
          <cell r="G3098" t="str">
            <v>中央区南４西３－９</v>
          </cell>
          <cell r="H3098" t="str">
            <v>241-4440</v>
          </cell>
          <cell r="I3098" t="str">
            <v>241-7740</v>
          </cell>
        </row>
        <row r="3099">
          <cell r="A3099" t="str">
            <v>36308T</v>
          </cell>
          <cell r="B3099" t="str">
            <v>ｾﾝﾄﾗﾙｹｲﾋﾞﾎｼｮｳ</v>
          </cell>
          <cell r="C3099" t="str">
            <v>セントラル警備保障（株）札幌支社</v>
          </cell>
          <cell r="D3099" t="str">
            <v>立花 博美</v>
          </cell>
          <cell r="E3099" t="str">
            <v>支社長</v>
          </cell>
          <cell r="F3099" t="str">
            <v>060-0807</v>
          </cell>
          <cell r="G3099" t="str">
            <v>北区北７西４－４－１２ ニッセイＭＫビル３Ｆ</v>
          </cell>
          <cell r="H3099" t="str">
            <v>700-2700</v>
          </cell>
          <cell r="I3099" t="str">
            <v>736-3355</v>
          </cell>
        </row>
        <row r="3100">
          <cell r="A3100" t="str">
            <v>36309R</v>
          </cell>
          <cell r="B3100" t="str">
            <v>ｾｲﾋﾞｻｯﾎﾟﾛ</v>
          </cell>
          <cell r="C3100" t="str">
            <v>（株）セイビ札幌</v>
          </cell>
          <cell r="D3100" t="str">
            <v>中嶋 將人</v>
          </cell>
          <cell r="E3100" t="str">
            <v>代表取締役</v>
          </cell>
          <cell r="F3100" t="str">
            <v>060-0001</v>
          </cell>
          <cell r="G3100" t="str">
            <v>中央区北１西３ー３ 住友信託ビル７階</v>
          </cell>
          <cell r="H3100" t="str">
            <v>241-5858</v>
          </cell>
          <cell r="I3100" t="str">
            <v>241-5860</v>
          </cell>
        </row>
        <row r="3101">
          <cell r="A3101" t="str">
            <v>36310N</v>
          </cell>
          <cell r="B3101" t="str">
            <v>ｾﾞﾝﾆｯｹｲ</v>
          </cell>
          <cell r="C3101" t="str">
            <v>（株）全日警札幌支社</v>
          </cell>
          <cell r="D3101" t="str">
            <v>内海 和人</v>
          </cell>
          <cell r="E3101" t="str">
            <v>札幌支社長</v>
          </cell>
          <cell r="F3101" t="str">
            <v>060-0807</v>
          </cell>
          <cell r="G3101" t="str">
            <v>北区北７西１－２－６ＮＳＳ・ﾆｭｰｽﾃｰｼﾞ札幌10階</v>
          </cell>
          <cell r="H3101" t="str">
            <v>716-0815</v>
          </cell>
          <cell r="I3101" t="str">
            <v>716-0818</v>
          </cell>
        </row>
        <row r="3102">
          <cell r="A3102" t="str">
            <v>36401X</v>
          </cell>
          <cell r="B3102" t="str">
            <v>ｿｳｺﾞｳｹｲﾋﾞﾎｼｮｳ</v>
          </cell>
          <cell r="C3102" t="str">
            <v>綜合警備保障（株）北海道支社</v>
          </cell>
          <cell r="D3102" t="str">
            <v>武田 匠司</v>
          </cell>
          <cell r="E3102" t="str">
            <v>支社長</v>
          </cell>
          <cell r="F3102" t="str">
            <v>060-0061</v>
          </cell>
          <cell r="G3102" t="str">
            <v>中央区南１西２－５ 南一条Ｋビル</v>
          </cell>
          <cell r="H3102" t="str">
            <v>281-5076</v>
          </cell>
          <cell r="I3102" t="str">
            <v>281-5070</v>
          </cell>
        </row>
        <row r="3103">
          <cell r="A3103" t="str">
            <v>36402V</v>
          </cell>
          <cell r="B3103" t="str">
            <v>ｿｳｺﾞｳﾋﾞｿｳｺｳｷﾞｮｳ</v>
          </cell>
          <cell r="C3103" t="str">
            <v>綜合美装工業（株）</v>
          </cell>
          <cell r="D3103" t="str">
            <v>宇昌 克美</v>
          </cell>
          <cell r="E3103" t="str">
            <v>代表取締役社長</v>
          </cell>
          <cell r="F3103" t="str">
            <v>007-0806</v>
          </cell>
          <cell r="G3103" t="str">
            <v>東区東苗穂６－３－１－１７</v>
          </cell>
          <cell r="H3103" t="str">
            <v>221-1711</v>
          </cell>
          <cell r="I3103" t="str">
            <v>221-1712</v>
          </cell>
        </row>
        <row r="3104">
          <cell r="A3104" t="str">
            <v>36502R</v>
          </cell>
          <cell r="B3104" t="str">
            <v>ﾀｲﾍｲﾋﾞﾙｻｰﾋﾞｽ</v>
          </cell>
          <cell r="C3104" t="str">
            <v>太平ビルサービス（株）札幌支店</v>
          </cell>
          <cell r="D3104" t="str">
            <v>須志田 怜</v>
          </cell>
          <cell r="E3104" t="str">
            <v>専務取締役支店長</v>
          </cell>
          <cell r="F3104" t="str">
            <v>060-0061</v>
          </cell>
          <cell r="G3104" t="str">
            <v>中央区南１西６札幌北辰ビル３階</v>
          </cell>
          <cell r="H3104" t="str">
            <v>232-5121</v>
          </cell>
          <cell r="I3104" t="str">
            <v>232-5045</v>
          </cell>
        </row>
        <row r="3105">
          <cell r="A3105" t="str">
            <v>36503N</v>
          </cell>
          <cell r="B3105" t="str">
            <v>ﾀｲﾖｳﾋﾞｿｳ</v>
          </cell>
          <cell r="C3105" t="str">
            <v>太洋美装（株）</v>
          </cell>
          <cell r="D3105" t="str">
            <v>佐藤 隆広</v>
          </cell>
          <cell r="E3105" t="str">
            <v>代表取締役</v>
          </cell>
          <cell r="F3105" t="str">
            <v>003-0803</v>
          </cell>
          <cell r="G3105" t="str">
            <v>白石区菊水３－４－２－４</v>
          </cell>
          <cell r="H3105" t="str">
            <v>841-6755</v>
          </cell>
          <cell r="I3105" t="str">
            <v>841-5119</v>
          </cell>
        </row>
        <row r="3106">
          <cell r="A3106" t="str">
            <v>36516R</v>
          </cell>
          <cell r="B3106" t="str">
            <v>ｼﾑｽ</v>
          </cell>
          <cell r="C3106" t="str">
            <v>（株）シムス</v>
          </cell>
          <cell r="D3106" t="str">
            <v>斎藤 規和</v>
          </cell>
          <cell r="E3106" t="str">
            <v>代表取締役</v>
          </cell>
          <cell r="F3106" t="str">
            <v>003-0807</v>
          </cell>
          <cell r="G3106" t="str">
            <v>白石区菊水７－２－７－１</v>
          </cell>
          <cell r="H3106" t="str">
            <v>814-7311</v>
          </cell>
          <cell r="I3106" t="str">
            <v>814-7313</v>
          </cell>
        </row>
        <row r="3107">
          <cell r="A3107" t="str">
            <v>36517N</v>
          </cell>
          <cell r="B3107" t="str">
            <v>ﾀｶｽｷﾞｼﾞｭｳﾀｸｾﾂﾋﾞ</v>
          </cell>
          <cell r="C3107" t="str">
            <v>（有）高杉住宅設備</v>
          </cell>
          <cell r="D3107" t="str">
            <v>高杉 武久</v>
          </cell>
          <cell r="E3107" t="str">
            <v>代表取締役</v>
          </cell>
          <cell r="F3107" t="str">
            <v>064-0806</v>
          </cell>
          <cell r="G3107" t="str">
            <v>中央区南６西９－１０１９－１２</v>
          </cell>
          <cell r="H3107" t="str">
            <v>531-1363</v>
          </cell>
          <cell r="I3107" t="str">
            <v>513-5789</v>
          </cell>
        </row>
        <row r="3108">
          <cell r="A3108" t="str">
            <v>36519W</v>
          </cell>
          <cell r="B3108" t="str">
            <v>ﾀｸｹﾝ</v>
          </cell>
          <cell r="C3108" t="str">
            <v>（株）拓研</v>
          </cell>
          <cell r="D3108" t="str">
            <v>斉藤 修一</v>
          </cell>
          <cell r="E3108" t="str">
            <v>代表取締役</v>
          </cell>
          <cell r="F3108" t="str">
            <v>060-0007</v>
          </cell>
          <cell r="G3108" t="str">
            <v>中央区北７西１８－２－２</v>
          </cell>
          <cell r="H3108" t="str">
            <v>611-8311</v>
          </cell>
          <cell r="I3108" t="str">
            <v>611-2124</v>
          </cell>
        </row>
        <row r="3109">
          <cell r="A3109" t="str">
            <v>36524W</v>
          </cell>
          <cell r="B3109" t="str">
            <v>ﾀﾞｽｷﾝｽｽﾞﾗﾝ</v>
          </cell>
          <cell r="C3109" t="str">
            <v>（株）ダスキンすずらん</v>
          </cell>
          <cell r="D3109" t="str">
            <v>我妻 千鶴</v>
          </cell>
          <cell r="E3109" t="str">
            <v>代表取締役</v>
          </cell>
          <cell r="F3109" t="str">
            <v>063-0031</v>
          </cell>
          <cell r="G3109" t="str">
            <v>西区西野１－９－１５－６</v>
          </cell>
          <cell r="H3109" t="str">
            <v>661-6129</v>
          </cell>
          <cell r="I3109" t="str">
            <v>661-6149</v>
          </cell>
        </row>
        <row r="3110">
          <cell r="A3110" t="str">
            <v>36535R</v>
          </cell>
          <cell r="B3110" t="str">
            <v>ﾀｲｾｲｻｰﾋﾞｽ</v>
          </cell>
          <cell r="C3110" t="str">
            <v>大成サービス（株）札幌支店</v>
          </cell>
          <cell r="D3110" t="str">
            <v>秋山 陽一郎</v>
          </cell>
          <cell r="E3110" t="str">
            <v>支店長</v>
          </cell>
          <cell r="F3110" t="str">
            <v>060-0061</v>
          </cell>
          <cell r="G3110" t="str">
            <v>中央区南１西１－４ 有楽ビル</v>
          </cell>
          <cell r="H3110" t="str">
            <v>231-7231</v>
          </cell>
          <cell r="I3110" t="str">
            <v>210-0910</v>
          </cell>
        </row>
        <row r="3111">
          <cell r="A3111" t="str">
            <v>36537Y</v>
          </cell>
          <cell r="B3111" t="str">
            <v>ﾀﾞｲﾘﾂｺｳｷﾞｮｳ</v>
          </cell>
          <cell r="C3111" t="str">
            <v>（有）大立工業</v>
          </cell>
          <cell r="D3111" t="str">
            <v>池田 甲</v>
          </cell>
          <cell r="E3111" t="str">
            <v>代表取締役</v>
          </cell>
          <cell r="F3111" t="str">
            <v>005-0004</v>
          </cell>
          <cell r="G3111" t="str">
            <v>南区澄川４－６－６－２４</v>
          </cell>
          <cell r="H3111" t="str">
            <v>822-6347</v>
          </cell>
          <cell r="I3111" t="str">
            <v>841-1048</v>
          </cell>
        </row>
        <row r="3112">
          <cell r="A3112" t="str">
            <v>36540R</v>
          </cell>
          <cell r="B3112" t="str">
            <v>ﾀﾞｲｵｳ</v>
          </cell>
          <cell r="C3112" t="str">
            <v>（有）大央</v>
          </cell>
          <cell r="D3112" t="str">
            <v>中達 憙紀</v>
          </cell>
          <cell r="E3112" t="str">
            <v>代表取締役</v>
          </cell>
          <cell r="F3112" t="str">
            <v>007-0870</v>
          </cell>
          <cell r="G3112" t="str">
            <v>東区伏古１０－１－１７－１０</v>
          </cell>
          <cell r="H3112" t="str">
            <v>786-8338</v>
          </cell>
          <cell r="I3112" t="str">
            <v>786-8448</v>
          </cell>
        </row>
        <row r="3113">
          <cell r="A3113" t="str">
            <v>36602N</v>
          </cell>
          <cell r="B3113" t="str">
            <v>ﾁｭｳｵｳﾎｳｷｼｭｯﾊﾟﾝ</v>
          </cell>
          <cell r="C3113" t="str">
            <v>中央法規出版（株）</v>
          </cell>
          <cell r="D3113" t="str">
            <v>荘村 多加志</v>
          </cell>
          <cell r="E3113" t="str">
            <v>取締役社長</v>
          </cell>
          <cell r="F3113" t="str">
            <v>151-0053</v>
          </cell>
          <cell r="G3113" t="str">
            <v>東京都渋谷区代々木２－２７－４</v>
          </cell>
          <cell r="H3113" t="str">
            <v>03-3379-3863</v>
          </cell>
          <cell r="I3113" t="str">
            <v>03-5350-7537</v>
          </cell>
        </row>
        <row r="3114">
          <cell r="A3114" t="str">
            <v>36603Y</v>
          </cell>
          <cell r="B3114" t="str">
            <v>ﾁｭｳｵｳﾋﾞﾙﾒﾝﾃﾅﾝｽ</v>
          </cell>
          <cell r="C3114" t="str">
            <v>中央ビルメンテナンス（株）</v>
          </cell>
          <cell r="D3114" t="str">
            <v>戸井 宣夫</v>
          </cell>
          <cell r="E3114" t="str">
            <v>代表取締役社長</v>
          </cell>
          <cell r="F3114" t="str">
            <v>060-0907</v>
          </cell>
          <cell r="G3114" t="str">
            <v>東区北７東４－１</v>
          </cell>
          <cell r="H3114" t="str">
            <v>702-2131</v>
          </cell>
          <cell r="I3114" t="str">
            <v>741-6450</v>
          </cell>
        </row>
        <row r="3115">
          <cell r="A3115" t="str">
            <v>36701N</v>
          </cell>
          <cell r="B3115" t="str">
            <v>ﾂﾂﾞｷﾃﾞﾝｷ</v>
          </cell>
          <cell r="C3115" t="str">
            <v>都築電気（株）北海道支店</v>
          </cell>
          <cell r="D3115" t="str">
            <v>江森 勲</v>
          </cell>
          <cell r="E3115" t="str">
            <v>支店長</v>
          </cell>
          <cell r="F3115" t="str">
            <v>060-0051</v>
          </cell>
          <cell r="G3115" t="str">
            <v>中央区南１東１－３</v>
          </cell>
          <cell r="H3115" t="str">
            <v>221-1161</v>
          </cell>
          <cell r="I3115" t="str">
            <v>281-0117</v>
          </cell>
        </row>
        <row r="3116">
          <cell r="A3116" t="str">
            <v>36704T</v>
          </cell>
          <cell r="B3116" t="str">
            <v>ﾂﾀｲ･ｺﾝﾋﾟｭｰﾀ･ｻｰﾋﾞｽ</v>
          </cell>
          <cell r="C3116" t="str">
            <v>（株）ツタイ・コンピュータ・サービス</v>
          </cell>
          <cell r="D3116" t="str">
            <v>渡部 与四郎</v>
          </cell>
          <cell r="E3116" t="str">
            <v>代表取締役</v>
          </cell>
          <cell r="F3116" t="str">
            <v>064-0804</v>
          </cell>
          <cell r="G3116" t="str">
            <v>中央区南４西１１ー１２９２－４</v>
          </cell>
          <cell r="H3116" t="str">
            <v>518-2825</v>
          </cell>
          <cell r="I3116" t="str">
            <v>518-2820</v>
          </cell>
        </row>
        <row r="3117">
          <cell r="A3117" t="str">
            <v>36801Y</v>
          </cell>
          <cell r="B3117" t="str">
            <v>ﾃｲｺｸｻﾝｷﾞｮｳ</v>
          </cell>
          <cell r="C3117" t="str">
            <v>帝国産業（株）北海道支社</v>
          </cell>
          <cell r="D3117" t="str">
            <v>門馬 征雄</v>
          </cell>
          <cell r="E3117" t="str">
            <v>取締役支社長</v>
          </cell>
          <cell r="F3117" t="str">
            <v>060-0061</v>
          </cell>
          <cell r="G3117" t="str">
            <v>中央区南１西７－４ 塩業ビル３Ｆ</v>
          </cell>
          <cell r="H3117" t="str">
            <v>241-6511</v>
          </cell>
          <cell r="I3117" t="str">
            <v>241-6514</v>
          </cell>
        </row>
        <row r="3118">
          <cell r="A3118" t="str">
            <v>36803T</v>
          </cell>
          <cell r="B3118" t="str">
            <v>ﾃｲｺｸﾃﾞｰﾀﾊﾞﾝｸ</v>
          </cell>
          <cell r="C3118" t="str">
            <v>（株）帝国データバンク札幌支店</v>
          </cell>
          <cell r="D3118" t="str">
            <v>山崎 晃志</v>
          </cell>
          <cell r="E3118" t="str">
            <v>支店長</v>
          </cell>
          <cell r="F3118" t="str">
            <v>060-8536</v>
          </cell>
          <cell r="G3118" t="str">
            <v>中央区南２西９－１－１７ 帝国ﾃﾞｰﾀﾊﾞﾝｸ札幌ﾋﾞﾙ</v>
          </cell>
          <cell r="H3118" t="str">
            <v>272-3033</v>
          </cell>
          <cell r="I3118" t="str">
            <v>272-3044</v>
          </cell>
        </row>
        <row r="3119">
          <cell r="A3119" t="str">
            <v>36804R</v>
          </cell>
          <cell r="B3119" t="str">
            <v>ﾃｲｱｲｼｲｼﾁｽﾞﾝ</v>
          </cell>
          <cell r="C3119" t="str">
            <v>（株）テイ・アイ・シイ・シチズン札幌営業所</v>
          </cell>
          <cell r="D3119" t="str">
            <v>竹中 一豪</v>
          </cell>
          <cell r="E3119" t="str">
            <v>札幌営業所長</v>
          </cell>
          <cell r="F3119" t="str">
            <v>060-0806</v>
          </cell>
          <cell r="G3119" t="str">
            <v>北区北６西６－２－１２ 第１山崎ビル３</v>
          </cell>
          <cell r="H3119" t="str">
            <v>746-3855</v>
          </cell>
          <cell r="I3119" t="str">
            <v>709-4465</v>
          </cell>
        </row>
        <row r="3120">
          <cell r="A3120" t="str">
            <v>36805Z</v>
          </cell>
          <cell r="B3120" t="str">
            <v>ｴｲｾｲｻｰﾋﾞｽ</v>
          </cell>
          <cell r="C3120" t="str">
            <v>（有）エイセイサービス</v>
          </cell>
          <cell r="D3120" t="str">
            <v>中村 利道</v>
          </cell>
          <cell r="E3120" t="str">
            <v>代表取締役</v>
          </cell>
          <cell r="F3120" t="str">
            <v>065-0018</v>
          </cell>
          <cell r="G3120" t="str">
            <v>東区北１８東１－１２ 鈴木ビル</v>
          </cell>
          <cell r="H3120" t="str">
            <v>711-3713</v>
          </cell>
          <cell r="I3120" t="str">
            <v>711-3713</v>
          </cell>
        </row>
        <row r="3121">
          <cell r="A3121" t="str">
            <v>36806X</v>
          </cell>
          <cell r="B3121" t="str">
            <v>ﾃｲｺｸｹｲﾋﾞﾎｯｶｲﾄﾞｳ</v>
          </cell>
          <cell r="C3121" t="str">
            <v>（株）帝国警備北海道</v>
          </cell>
          <cell r="D3121" t="str">
            <v>高野 賢次郎</v>
          </cell>
          <cell r="E3121" t="str">
            <v>代表取締役</v>
          </cell>
          <cell r="F3121" t="str">
            <v>065-0020</v>
          </cell>
          <cell r="G3121" t="str">
            <v>東区北２０東１－２－７</v>
          </cell>
          <cell r="H3121" t="str">
            <v>721-2211</v>
          </cell>
          <cell r="I3121" t="str">
            <v>721-2055</v>
          </cell>
        </row>
        <row r="3122">
          <cell r="A3122" t="str">
            <v>36811X</v>
          </cell>
          <cell r="B3122" t="str">
            <v>ﾃｨｰﾕｰｼﾞﾂｷﾞｮｳ</v>
          </cell>
          <cell r="C3122" t="str">
            <v>（株）ティー・ユー実業</v>
          </cell>
          <cell r="D3122" t="str">
            <v>斉藤 孝</v>
          </cell>
          <cell r="E3122" t="str">
            <v>代表取締役</v>
          </cell>
          <cell r="F3122" t="str">
            <v>002-0856</v>
          </cell>
          <cell r="G3122" t="str">
            <v>北区屯田６－１０－７－３０</v>
          </cell>
          <cell r="H3122" t="str">
            <v>774-1666</v>
          </cell>
          <cell r="I3122" t="str">
            <v>774-1644</v>
          </cell>
        </row>
        <row r="3123">
          <cell r="A3123" t="str">
            <v>36901W</v>
          </cell>
          <cell r="B3123" t="str">
            <v>ﾄｳﾖｳﾀﾃﾓﾉｶﾝﾘ</v>
          </cell>
          <cell r="C3123" t="str">
            <v>東洋建物管理（株）札幌営業所</v>
          </cell>
          <cell r="D3123" t="str">
            <v>島宗 幸治</v>
          </cell>
          <cell r="E3123" t="str">
            <v>所長</v>
          </cell>
          <cell r="F3123" t="str">
            <v>007-0844</v>
          </cell>
          <cell r="G3123" t="str">
            <v>東区北４４東８－１－１ｶﾝﾄﾘｰﾊｲﾂ清水１F</v>
          </cell>
          <cell r="H3123" t="str">
            <v>731-8668</v>
          </cell>
          <cell r="I3123" t="str">
            <v>742-8868</v>
          </cell>
        </row>
        <row r="3124">
          <cell r="A3124" t="str">
            <v>36902T</v>
          </cell>
          <cell r="B3124" t="str">
            <v>ﾄｳﾖｳｹｲﾋﾞﾎｼｮｳ</v>
          </cell>
          <cell r="C3124" t="str">
            <v>東洋警備保障（株）</v>
          </cell>
          <cell r="D3124" t="str">
            <v>武内 清</v>
          </cell>
          <cell r="E3124" t="str">
            <v>代表取締役</v>
          </cell>
          <cell r="F3124" t="str">
            <v>060-0006</v>
          </cell>
          <cell r="G3124" t="str">
            <v>中央区北６西２２－２－７</v>
          </cell>
          <cell r="H3124" t="str">
            <v>612-1933</v>
          </cell>
          <cell r="I3124" t="str">
            <v>612-1993</v>
          </cell>
        </row>
        <row r="3125">
          <cell r="A3125" t="str">
            <v>36905X</v>
          </cell>
          <cell r="B3125" t="str">
            <v>ﾄｳﾌﾞｾｲｿｳ</v>
          </cell>
          <cell r="C3125" t="str">
            <v>（株）東部清掃</v>
          </cell>
          <cell r="D3125" t="str">
            <v>石丸 善雄</v>
          </cell>
          <cell r="E3125" t="str">
            <v>代表取締役</v>
          </cell>
          <cell r="F3125" t="str">
            <v>062-0052</v>
          </cell>
          <cell r="G3125" t="str">
            <v>豊平区月寒東２－１８－７－２３</v>
          </cell>
          <cell r="H3125" t="str">
            <v>851-9743</v>
          </cell>
          <cell r="I3125" t="str">
            <v>853-5431</v>
          </cell>
        </row>
        <row r="3126">
          <cell r="A3126" t="str">
            <v>36906V</v>
          </cell>
          <cell r="B3126" t="str">
            <v>ﾄｳｷｮｳﾋﾞｿｳｺｳｷﾞｮｳ</v>
          </cell>
          <cell r="C3126" t="str">
            <v>東京美装興業（株）札幌支店</v>
          </cell>
          <cell r="D3126" t="str">
            <v>西村 悦児</v>
          </cell>
          <cell r="E3126" t="str">
            <v>執行役員支店長</v>
          </cell>
          <cell r="F3126" t="str">
            <v>060-0003</v>
          </cell>
          <cell r="G3126" t="str">
            <v>中央区北３西３札幌北三条ビル</v>
          </cell>
          <cell r="H3126" t="str">
            <v>251-1206</v>
          </cell>
          <cell r="I3126" t="str">
            <v>231-4405</v>
          </cell>
        </row>
        <row r="3127">
          <cell r="A3127" t="str">
            <v>36908P</v>
          </cell>
          <cell r="B3127" t="str">
            <v>ﾄﾞｳﾄﾀﾃﾓﾉｶﾝﾘ</v>
          </cell>
          <cell r="C3127" t="str">
            <v>（有）道都建物管理</v>
          </cell>
          <cell r="D3127" t="str">
            <v>武市 幸枝</v>
          </cell>
          <cell r="E3127" t="str">
            <v>代表取締役</v>
          </cell>
          <cell r="F3127" t="str">
            <v>003-0024</v>
          </cell>
          <cell r="G3127" t="str">
            <v>白石区本郷通１１南１－１</v>
          </cell>
          <cell r="H3127" t="str">
            <v>879-8230</v>
          </cell>
          <cell r="I3127" t="str">
            <v>879-8232</v>
          </cell>
        </row>
        <row r="3128">
          <cell r="A3128" t="str">
            <v>36910X</v>
          </cell>
          <cell r="B3128" t="str">
            <v>ﾄﾖﾋﾗｺｳｴｷ</v>
          </cell>
          <cell r="C3128" t="str">
            <v>豊平公益（株）</v>
          </cell>
          <cell r="D3128" t="str">
            <v>松本 博行</v>
          </cell>
          <cell r="E3128" t="str">
            <v>代表取締役</v>
          </cell>
          <cell r="F3128" t="str">
            <v>062-0052</v>
          </cell>
          <cell r="G3128" t="str">
            <v>豊平区月寒東２－１８－７－２３</v>
          </cell>
          <cell r="H3128" t="str">
            <v>851-6221</v>
          </cell>
          <cell r="I3128" t="str">
            <v>853-5431</v>
          </cell>
        </row>
        <row r="3129">
          <cell r="A3129" t="str">
            <v>36916T</v>
          </cell>
          <cell r="B3129" t="str">
            <v>ﾄﾞｳｷｮｳ</v>
          </cell>
          <cell r="C3129" t="str">
            <v>（株）道協</v>
          </cell>
          <cell r="D3129" t="str">
            <v>大門 実</v>
          </cell>
          <cell r="E3129" t="str">
            <v>代表取締役</v>
          </cell>
          <cell r="F3129" t="str">
            <v>062-0905</v>
          </cell>
          <cell r="G3129" t="str">
            <v>豊平区豊平５－５－２－２６</v>
          </cell>
          <cell r="H3129" t="str">
            <v>811-2201</v>
          </cell>
          <cell r="I3129" t="str">
            <v>812-9339</v>
          </cell>
        </row>
        <row r="3130">
          <cell r="A3130" t="str">
            <v>36917R</v>
          </cell>
          <cell r="B3130" t="str">
            <v>ﾄｳｷｮｳﾄﾞｳｼｮﾃﾝ</v>
          </cell>
          <cell r="C3130" t="str">
            <v>（有）東京堂書店</v>
          </cell>
          <cell r="D3130" t="str">
            <v>増田 和男</v>
          </cell>
          <cell r="E3130" t="str">
            <v>代表取締役</v>
          </cell>
          <cell r="F3130" t="str">
            <v>001-0024</v>
          </cell>
          <cell r="G3130" t="str">
            <v>北区北２４西５－１－１５</v>
          </cell>
          <cell r="H3130" t="str">
            <v>756-2570</v>
          </cell>
          <cell r="I3130" t="str">
            <v>756-2573</v>
          </cell>
        </row>
        <row r="3131">
          <cell r="A3131" t="str">
            <v>36921T</v>
          </cell>
          <cell r="B3131" t="str">
            <v>ﾄｳｼﾊﾞｴﾚﾍﾞｰﾀ</v>
          </cell>
          <cell r="C3131" t="str">
            <v>東芝エレベータ（株）北海道支社</v>
          </cell>
          <cell r="D3131" t="str">
            <v>佐々木 敬人</v>
          </cell>
          <cell r="E3131" t="str">
            <v>支社長</v>
          </cell>
          <cell r="F3131" t="str">
            <v>064-0807</v>
          </cell>
          <cell r="G3131" t="str">
            <v>中央区南７西１－１３ 第３弘安ビル</v>
          </cell>
          <cell r="H3131" t="str">
            <v>512-8231</v>
          </cell>
          <cell r="I3131" t="str">
            <v>512-6312</v>
          </cell>
        </row>
        <row r="3132">
          <cell r="A3132" t="str">
            <v>36928Z</v>
          </cell>
          <cell r="B3132" t="str">
            <v>ﾄｳｱｾｷｭﾘﾃｨ</v>
          </cell>
          <cell r="C3132" t="str">
            <v>東亜セキュリティ（株）</v>
          </cell>
          <cell r="D3132" t="str">
            <v>外山 幸四郎</v>
          </cell>
          <cell r="E3132" t="str">
            <v>代表取締役</v>
          </cell>
          <cell r="F3132" t="str">
            <v>060-0006</v>
          </cell>
          <cell r="G3132" t="str">
            <v>中央区北６西１１－１６－１</v>
          </cell>
          <cell r="H3132" t="str">
            <v>272-0101</v>
          </cell>
          <cell r="I3132" t="str">
            <v>272-0707</v>
          </cell>
        </row>
        <row r="3133">
          <cell r="A3133" t="str">
            <v>36931S</v>
          </cell>
          <cell r="B3133" t="str">
            <v>ﾄﾞｳﾄｹｲﾋﾞ</v>
          </cell>
          <cell r="C3133" t="str">
            <v>（株）道都警備</v>
          </cell>
          <cell r="D3133" t="str">
            <v>伊林 好</v>
          </cell>
          <cell r="E3133" t="str">
            <v>代表取締役</v>
          </cell>
          <cell r="F3133" t="str">
            <v>003-0802</v>
          </cell>
          <cell r="G3133" t="str">
            <v>白石区菊水２－２－２－１２</v>
          </cell>
          <cell r="H3133" t="str">
            <v>813-3650</v>
          </cell>
          <cell r="I3133" t="str">
            <v>813-3832</v>
          </cell>
        </row>
        <row r="3134">
          <cell r="A3134" t="str">
            <v>36935T</v>
          </cell>
          <cell r="B3134" t="str">
            <v>ﾄｳｱｻﾝｷﾞｮｳ</v>
          </cell>
          <cell r="C3134" t="str">
            <v>東亜産業（株）</v>
          </cell>
          <cell r="D3134" t="str">
            <v>中園 幸雄</v>
          </cell>
          <cell r="E3134" t="str">
            <v>代表取締役</v>
          </cell>
          <cell r="F3134" t="str">
            <v>003-0804</v>
          </cell>
          <cell r="G3134" t="str">
            <v>白石区菊水４－３－２－２９</v>
          </cell>
          <cell r="H3134" t="str">
            <v>833-7151</v>
          </cell>
          <cell r="I3134" t="str">
            <v>833-7153</v>
          </cell>
        </row>
        <row r="3135">
          <cell r="A3135" t="str">
            <v>36936R</v>
          </cell>
          <cell r="B3135" t="str">
            <v>ﾄｳｷｮｳﾋﾞｼﾞﾈｽｻｰﾋﾞｽ</v>
          </cell>
          <cell r="C3135" t="str">
            <v>東京ビジネスサービス（株）札幌支店</v>
          </cell>
          <cell r="D3135" t="str">
            <v>小林 宗雄</v>
          </cell>
          <cell r="E3135" t="str">
            <v>支店長</v>
          </cell>
          <cell r="F3135" t="str">
            <v>060-0052</v>
          </cell>
          <cell r="G3135" t="str">
            <v>中央区南２東１－１ 住友生命札幌中央ビル</v>
          </cell>
          <cell r="H3135" t="str">
            <v>222-5124</v>
          </cell>
          <cell r="I3135" t="str">
            <v>222-5130</v>
          </cell>
        </row>
        <row r="3136">
          <cell r="A3136" t="str">
            <v>36941R</v>
          </cell>
          <cell r="B3136" t="str">
            <v>ﾄｳｼﾝﾋﾞﾙｶﾝﾘ</v>
          </cell>
          <cell r="C3136" t="str">
            <v>（株）東伸ビル管理</v>
          </cell>
          <cell r="D3136" t="str">
            <v>戸澤 繁美</v>
          </cell>
          <cell r="E3136" t="str">
            <v>代表取締役</v>
          </cell>
          <cell r="F3136" t="str">
            <v>001-0020</v>
          </cell>
          <cell r="G3136" t="str">
            <v>北区北２０西４－２－２</v>
          </cell>
          <cell r="H3136" t="str">
            <v>737-6485</v>
          </cell>
          <cell r="I3136" t="str">
            <v>737-6486</v>
          </cell>
        </row>
        <row r="3137">
          <cell r="A3137" t="str">
            <v>36943Y</v>
          </cell>
          <cell r="B3137" t="str">
            <v>ﾄｳｷｭｳﾌｧｼﾘﾃｨｻｰﾋﾞｽ</v>
          </cell>
          <cell r="C3137" t="str">
            <v>東急ファシリティサービス（株）札幌支店</v>
          </cell>
          <cell r="D3137" t="str">
            <v>小財 功次</v>
          </cell>
          <cell r="E3137" t="str">
            <v>支店長</v>
          </cell>
          <cell r="F3137" t="str">
            <v>060-0003</v>
          </cell>
          <cell r="G3137" t="str">
            <v>中央区北３西１－１ ナショナルビル７階</v>
          </cell>
          <cell r="H3137" t="str">
            <v>222-3911</v>
          </cell>
          <cell r="I3137" t="str">
            <v>251-6318</v>
          </cell>
        </row>
        <row r="3138">
          <cell r="A3138" t="str">
            <v>36944W</v>
          </cell>
          <cell r="B3138" t="str">
            <v>ﾄﾞｳﾛｼｻﾞｲ</v>
          </cell>
          <cell r="C3138" t="str">
            <v>道路資材（株）</v>
          </cell>
          <cell r="D3138" t="str">
            <v>今村 正純</v>
          </cell>
          <cell r="E3138" t="str">
            <v>代表取締役</v>
          </cell>
          <cell r="F3138" t="str">
            <v>063-0844</v>
          </cell>
          <cell r="G3138" t="str">
            <v>西区八軒４西４－１－８－８０２</v>
          </cell>
          <cell r="H3138" t="str">
            <v>683-6139</v>
          </cell>
          <cell r="I3138" t="str">
            <v>685-7298</v>
          </cell>
        </row>
        <row r="3139">
          <cell r="A3139" t="str">
            <v>37101R</v>
          </cell>
          <cell r="B3139" t="str">
            <v>ﾅﾌﾞｺｼｽﾃﾑ</v>
          </cell>
          <cell r="C3139" t="str">
            <v>ナブコシステム（株）北海道支店</v>
          </cell>
          <cell r="D3139" t="str">
            <v>本田 浩</v>
          </cell>
          <cell r="E3139" t="str">
            <v>支店長</v>
          </cell>
          <cell r="F3139" t="str">
            <v>060-0005</v>
          </cell>
          <cell r="G3139" t="str">
            <v>中央区北５西１１－２０</v>
          </cell>
          <cell r="H3139" t="str">
            <v>281-1021</v>
          </cell>
          <cell r="I3139" t="str">
            <v>281-1025</v>
          </cell>
        </row>
        <row r="3140">
          <cell r="A3140" t="str">
            <v>37102N</v>
          </cell>
          <cell r="B3140" t="str">
            <v>ﾅﾝｺｳｴﾝ</v>
          </cell>
          <cell r="C3140" t="str">
            <v>（株）南香園</v>
          </cell>
          <cell r="D3140" t="str">
            <v>村田 長市</v>
          </cell>
          <cell r="E3140" t="str">
            <v>代表取締役</v>
          </cell>
          <cell r="F3140" t="str">
            <v>064-0809</v>
          </cell>
          <cell r="G3140" t="str">
            <v>中央区南９西６－１－３２</v>
          </cell>
          <cell r="H3140" t="str">
            <v>521-1414</v>
          </cell>
          <cell r="I3140" t="str">
            <v>511-2894</v>
          </cell>
        </row>
        <row r="3141">
          <cell r="A3141" t="str">
            <v>37103Y</v>
          </cell>
          <cell r="B3141" t="str">
            <v>ﾅﾆﾜｼｮﾎﾞｳ</v>
          </cell>
          <cell r="C3141" t="str">
            <v>（株）なにわ書房</v>
          </cell>
          <cell r="D3141" t="str">
            <v>浪花 剛</v>
          </cell>
          <cell r="E3141" t="str">
            <v>代表取締役</v>
          </cell>
          <cell r="F3141" t="str">
            <v>060-0061</v>
          </cell>
          <cell r="G3141" t="str">
            <v>中央区南１西４－１３</v>
          </cell>
          <cell r="H3141" t="str">
            <v>221-3881</v>
          </cell>
          <cell r="I3141" t="str">
            <v>221-3889</v>
          </cell>
        </row>
        <row r="3142">
          <cell r="A3142" t="str">
            <v>37105S</v>
          </cell>
          <cell r="B3142" t="str">
            <v>ﾅｶﾔﾏｼｮｳﾎﾞｳｺﾝｻﾙﾀﾝﾄ</v>
          </cell>
          <cell r="C3142" t="str">
            <v>（株）中山消防コンサルタント</v>
          </cell>
          <cell r="D3142" t="str">
            <v>中山 利正</v>
          </cell>
          <cell r="E3142" t="str">
            <v>代表取締役</v>
          </cell>
          <cell r="F3142" t="str">
            <v>062-0932</v>
          </cell>
          <cell r="G3142" t="str">
            <v>豊平区平岸２－１４－２－２１</v>
          </cell>
          <cell r="H3142" t="str">
            <v>831-6951</v>
          </cell>
          <cell r="I3142" t="str">
            <v>831-1889</v>
          </cell>
        </row>
        <row r="3143">
          <cell r="A3143" t="str">
            <v>37201N</v>
          </cell>
          <cell r="B3143" t="str">
            <v>ﾆﾎﾝｴﾑ･ｲ･ｹｱｼｽﾃﾑ</v>
          </cell>
          <cell r="C3143" t="str">
            <v>日本エム・イ・ケアシステム（株）</v>
          </cell>
          <cell r="D3143" t="str">
            <v>杉本 忠夫</v>
          </cell>
          <cell r="E3143" t="str">
            <v>代表取締役</v>
          </cell>
          <cell r="F3143" t="str">
            <v>060-0005</v>
          </cell>
          <cell r="G3143" t="str">
            <v>中央区北５西１６－２－２０</v>
          </cell>
          <cell r="H3143" t="str">
            <v>621-7080</v>
          </cell>
          <cell r="I3143" t="str">
            <v>621-7093</v>
          </cell>
        </row>
        <row r="3144">
          <cell r="A3144" t="str">
            <v>37202Y</v>
          </cell>
          <cell r="B3144" t="str">
            <v>ﾆﾎﾝｶﾝｻﾞｲ</v>
          </cell>
          <cell r="C3144" t="str">
            <v>日本管財（株）札幌支店</v>
          </cell>
          <cell r="D3144" t="str">
            <v>青木 幹則</v>
          </cell>
          <cell r="E3144" t="str">
            <v>支店長</v>
          </cell>
          <cell r="F3144" t="str">
            <v>060-0004</v>
          </cell>
          <cell r="G3144" t="str">
            <v>中央区北４西５－１アスティ４５ビル</v>
          </cell>
          <cell r="H3144" t="str">
            <v>205-5641</v>
          </cell>
          <cell r="I3144" t="str">
            <v>205-5741</v>
          </cell>
        </row>
        <row r="3145">
          <cell r="A3145" t="str">
            <v>37203W</v>
          </cell>
          <cell r="B3145" t="str">
            <v>ﾆｯｶﾝ</v>
          </cell>
          <cell r="C3145" t="str">
            <v>（株）にっかん</v>
          </cell>
          <cell r="D3145" t="str">
            <v>倉田 清</v>
          </cell>
          <cell r="E3145" t="str">
            <v>代表取締役</v>
          </cell>
          <cell r="F3145" t="str">
            <v>062-0052</v>
          </cell>
          <cell r="G3145" t="str">
            <v>豊平区月寒東２－１８－１２－３</v>
          </cell>
          <cell r="H3145" t="str">
            <v>854-5148</v>
          </cell>
          <cell r="I3145" t="str">
            <v>854-5158</v>
          </cell>
        </row>
        <row r="3146">
          <cell r="A3146" t="str">
            <v>37204T</v>
          </cell>
          <cell r="B3146" t="str">
            <v>ﾆｯﾎﾟﾝｵｰﾁｽ･ｴﾚﾍﾞｰﾀ</v>
          </cell>
          <cell r="C3146" t="str">
            <v>日本オーチス・エレベータ（株）北海道支店</v>
          </cell>
          <cell r="D3146" t="str">
            <v>松本 邦彦</v>
          </cell>
          <cell r="E3146" t="str">
            <v>支店長</v>
          </cell>
          <cell r="F3146" t="str">
            <v>060-0003</v>
          </cell>
          <cell r="G3146" t="str">
            <v>中央区北３西１－１－１</v>
          </cell>
          <cell r="H3146" t="str">
            <v>222-4411</v>
          </cell>
          <cell r="I3146" t="str">
            <v>222-4498</v>
          </cell>
        </row>
        <row r="3147">
          <cell r="A3147" t="str">
            <v>37205P</v>
          </cell>
          <cell r="B3147" t="str">
            <v>ﾆﾎﾝｺﾞﾝﾄﾞﾗ</v>
          </cell>
          <cell r="C3147" t="str">
            <v>日本ゴンドラ（株）札幌営業所</v>
          </cell>
          <cell r="D3147" t="str">
            <v>畑川 啓市</v>
          </cell>
          <cell r="E3147" t="str">
            <v>所長</v>
          </cell>
          <cell r="F3147" t="str">
            <v>060-0051</v>
          </cell>
          <cell r="G3147" t="str">
            <v>中央区南１東３－９－２ 札幌ＭＩＤビル２階</v>
          </cell>
          <cell r="H3147" t="str">
            <v>241-4918</v>
          </cell>
          <cell r="I3147" t="str">
            <v>241-4920</v>
          </cell>
        </row>
        <row r="3148">
          <cell r="A3148" t="str">
            <v>37207X</v>
          </cell>
          <cell r="B3148" t="str">
            <v>ﾆﾎﾝｴﾚﾍﾞｰﾀｰｾｲｿﾞｳ</v>
          </cell>
          <cell r="C3148" t="str">
            <v>日本エレベーター製造（株）札幌営業所</v>
          </cell>
          <cell r="D3148" t="str">
            <v>大町 豊</v>
          </cell>
          <cell r="E3148" t="str">
            <v>所長</v>
          </cell>
          <cell r="F3148" t="str">
            <v>060-0061</v>
          </cell>
          <cell r="G3148" t="str">
            <v>中央区南１西２ 南一条Ｋビル</v>
          </cell>
          <cell r="H3148" t="str">
            <v>231-5551</v>
          </cell>
          <cell r="I3148" t="str">
            <v>231-5559</v>
          </cell>
        </row>
        <row r="3149">
          <cell r="A3149" t="str">
            <v>37209S</v>
          </cell>
          <cell r="B3149" t="str">
            <v>ｾｺﾑ</v>
          </cell>
          <cell r="C3149" t="str">
            <v>セコム（株）北海道事業部</v>
          </cell>
          <cell r="D3149" t="str">
            <v>山下 英一</v>
          </cell>
          <cell r="E3149" t="str">
            <v>事業部長</v>
          </cell>
          <cell r="F3149" t="str">
            <v>060-0042</v>
          </cell>
          <cell r="G3149" t="str">
            <v>中央区大通西３－１１</v>
          </cell>
          <cell r="H3149" t="str">
            <v>241-0024</v>
          </cell>
          <cell r="I3149" t="str">
            <v>210-5331</v>
          </cell>
        </row>
        <row r="3150">
          <cell r="A3150" t="str">
            <v>37210P</v>
          </cell>
          <cell r="B3150" t="str">
            <v>ﾆｯｺｰﾎｼｮｳ</v>
          </cell>
          <cell r="C3150" t="str">
            <v>ニッコー保障（株）</v>
          </cell>
          <cell r="D3150" t="str">
            <v>田中 義夫</v>
          </cell>
          <cell r="E3150" t="str">
            <v>代表取締役</v>
          </cell>
          <cell r="F3150" t="str">
            <v>065-0023</v>
          </cell>
          <cell r="G3150" t="str">
            <v>東区北２３東１－４－１１</v>
          </cell>
          <cell r="H3150" t="str">
            <v>702-6655</v>
          </cell>
          <cell r="I3150" t="str">
            <v>702-6288</v>
          </cell>
        </row>
        <row r="3151">
          <cell r="A3151" t="str">
            <v>37211Z</v>
          </cell>
          <cell r="B3151" t="str">
            <v>ﾆｯﾎﾟﾝﾃﾞﾝｷｼｽﾃﾑｹﾝｾﾂ</v>
          </cell>
          <cell r="C3151" t="str">
            <v>日本電気システム建設（株）北海道支店</v>
          </cell>
          <cell r="D3151" t="str">
            <v>岩波 正美</v>
          </cell>
          <cell r="E3151" t="str">
            <v>支店長</v>
          </cell>
          <cell r="F3151" t="str">
            <v>060-0042</v>
          </cell>
          <cell r="G3151" t="str">
            <v>中央区大通西４－１ 新大通ビル４Ｆ</v>
          </cell>
          <cell r="H3151" t="str">
            <v>232-1121</v>
          </cell>
          <cell r="I3151" t="str">
            <v>232-1255</v>
          </cell>
        </row>
        <row r="3152">
          <cell r="A3152" t="str">
            <v>37216Y</v>
          </cell>
          <cell r="B3152" t="str">
            <v>ﾆｯｺｳﾋﾞｿｳｺｳｷﾞｮｳ</v>
          </cell>
          <cell r="C3152" t="str">
            <v>日興美装工業（株）</v>
          </cell>
          <cell r="D3152" t="str">
            <v>宮嶋 政幸</v>
          </cell>
          <cell r="E3152" t="str">
            <v>代表取締役</v>
          </cell>
          <cell r="F3152" t="str">
            <v>001-0019</v>
          </cell>
          <cell r="G3152" t="str">
            <v>北区北１９西４－１－２１</v>
          </cell>
          <cell r="H3152" t="str">
            <v>726-8161</v>
          </cell>
          <cell r="I3152" t="str">
            <v>747-7074</v>
          </cell>
        </row>
        <row r="3153">
          <cell r="A3153" t="str">
            <v>37217W</v>
          </cell>
          <cell r="B3153" t="str">
            <v>ﾆｯﾄｳｶｽﾄﾃﾞｨｱﾙ･ｻｰﾋﾞｽ</v>
          </cell>
          <cell r="C3153" t="str">
            <v>日東カストディアル・サービス（株）札幌支店</v>
          </cell>
          <cell r="D3153" t="str">
            <v>長岡 修</v>
          </cell>
          <cell r="E3153" t="str">
            <v>支店長</v>
          </cell>
          <cell r="F3153" t="str">
            <v>060-0052</v>
          </cell>
          <cell r="G3153" t="str">
            <v>中央区南２東１－１ー１４住友生命札幌中央ﾋﾞﾙ９F</v>
          </cell>
          <cell r="H3153" t="str">
            <v>272-2110</v>
          </cell>
          <cell r="I3153" t="str">
            <v>272-2113</v>
          </cell>
        </row>
        <row r="3154">
          <cell r="A3154" t="str">
            <v>37218T</v>
          </cell>
          <cell r="B3154" t="str">
            <v>ﾆｯｾｲﾋﾞﾙｶﾝﾘ</v>
          </cell>
          <cell r="C3154" t="str">
            <v>日盛ビル管理（株）</v>
          </cell>
          <cell r="D3154" t="str">
            <v>黒坂 仁</v>
          </cell>
          <cell r="E3154" t="str">
            <v>代表取締役</v>
          </cell>
          <cell r="F3154" t="str">
            <v>060-0051</v>
          </cell>
          <cell r="G3154" t="str">
            <v>中央区南１東２－１</v>
          </cell>
          <cell r="H3154" t="str">
            <v>221-3770</v>
          </cell>
          <cell r="I3154" t="str">
            <v>221-5954</v>
          </cell>
        </row>
        <row r="3155">
          <cell r="A3155" t="str">
            <v>37223T</v>
          </cell>
          <cell r="B3155" t="str">
            <v>ﾆﾎﾝｶｼﾞｮｼｭｯﾊﾟﾝ</v>
          </cell>
          <cell r="C3155" t="str">
            <v>日本加除出版（株）</v>
          </cell>
          <cell r="D3155" t="str">
            <v>尾中 哲夫</v>
          </cell>
          <cell r="E3155" t="str">
            <v>取締役社長</v>
          </cell>
          <cell r="F3155" t="str">
            <v>170-8688</v>
          </cell>
          <cell r="G3155" t="str">
            <v>東京都豊島区南長崎３－１６－６</v>
          </cell>
          <cell r="H3155" t="str">
            <v>03-3953-5757</v>
          </cell>
          <cell r="I3155" t="str">
            <v>03-3953-2061</v>
          </cell>
        </row>
        <row r="3156">
          <cell r="A3156" t="str">
            <v>37225Z</v>
          </cell>
          <cell r="B3156" t="str">
            <v>ｾﾞﾝﾘﾝ</v>
          </cell>
          <cell r="C3156" t="str">
            <v>（株）ゼンリン札幌営業部</v>
          </cell>
          <cell r="D3156" t="str">
            <v>武吉 建治</v>
          </cell>
          <cell r="E3156" t="str">
            <v>部長</v>
          </cell>
          <cell r="F3156" t="str">
            <v>060-0042</v>
          </cell>
          <cell r="G3156" t="str">
            <v>中央区大通西１２－４あいおい損保札幌大通ﾋﾞﾙ１F</v>
          </cell>
          <cell r="H3156" t="str">
            <v>271-0404</v>
          </cell>
          <cell r="I3156" t="str">
            <v>281-4164</v>
          </cell>
        </row>
        <row r="3157">
          <cell r="A3157" t="str">
            <v>37229P</v>
          </cell>
          <cell r="B3157" t="str">
            <v>ﾆｼｶﾜｺｳｷﾞｮｳ</v>
          </cell>
          <cell r="C3157" t="str">
            <v>西川工業（株）</v>
          </cell>
          <cell r="D3157" t="str">
            <v>西川 正弘</v>
          </cell>
          <cell r="E3157" t="str">
            <v>代表取締役</v>
          </cell>
          <cell r="F3157" t="str">
            <v>064-0823</v>
          </cell>
          <cell r="G3157" t="str">
            <v>中央区北３西２２－２－１７</v>
          </cell>
          <cell r="H3157" t="str">
            <v>642-5550</v>
          </cell>
          <cell r="I3157" t="str">
            <v>631-4737</v>
          </cell>
        </row>
        <row r="3158">
          <cell r="A3158" t="str">
            <v>37231X</v>
          </cell>
          <cell r="B3158" t="str">
            <v>ﾆﾎﾝｴｲｾｲ</v>
          </cell>
          <cell r="C3158" t="str">
            <v>日本衛生（株）</v>
          </cell>
          <cell r="D3158" t="str">
            <v>福山 実</v>
          </cell>
          <cell r="E3158" t="str">
            <v>代表取締役</v>
          </cell>
          <cell r="F3158" t="str">
            <v>004-0871</v>
          </cell>
          <cell r="G3158" t="str">
            <v>清田区平岡１－１－１－４０</v>
          </cell>
          <cell r="H3158" t="str">
            <v>888-0122</v>
          </cell>
          <cell r="I3158" t="str">
            <v>888-0414</v>
          </cell>
        </row>
        <row r="3159">
          <cell r="A3159" t="str">
            <v>37236W</v>
          </cell>
          <cell r="B3159" t="str">
            <v>ﾆﾎﾝｸﾘｰﾝﾎｯｶｲﾄﾞｳ</v>
          </cell>
          <cell r="C3159" t="str">
            <v>日本クリーン北海道（株）</v>
          </cell>
          <cell r="D3159" t="str">
            <v>千葉 惠二</v>
          </cell>
          <cell r="E3159" t="str">
            <v>代表取締役</v>
          </cell>
          <cell r="F3159" t="str">
            <v>060-0806</v>
          </cell>
          <cell r="G3159" t="str">
            <v>北区北６西７－５－３北海道自治労会館内</v>
          </cell>
          <cell r="H3159" t="str">
            <v>747-1878</v>
          </cell>
          <cell r="I3159" t="str">
            <v>747-1879</v>
          </cell>
        </row>
        <row r="3160">
          <cell r="A3160" t="str">
            <v>37401W</v>
          </cell>
          <cell r="B3160" t="str">
            <v>ﾈｯｹﾝｼｬ</v>
          </cell>
          <cell r="C3160" t="str">
            <v>（株）熱研社</v>
          </cell>
          <cell r="D3160" t="str">
            <v>鹿内 昭明</v>
          </cell>
          <cell r="E3160" t="str">
            <v>代表取締役</v>
          </cell>
          <cell r="F3160" t="str">
            <v>003-0808</v>
          </cell>
          <cell r="G3160" t="str">
            <v>白石区菊水８－１－４－１３</v>
          </cell>
          <cell r="H3160" t="str">
            <v>823-1430</v>
          </cell>
          <cell r="I3160" t="str">
            <v>823-3651</v>
          </cell>
        </row>
        <row r="3161">
          <cell r="A3161" t="str">
            <v>37603X</v>
          </cell>
          <cell r="B3161" t="str">
            <v>ﾊﾝﾀﾞﾋﾞｿｳ</v>
          </cell>
          <cell r="C3161" t="str">
            <v>（株）半田美装</v>
          </cell>
          <cell r="D3161" t="str">
            <v>半田 昭二</v>
          </cell>
          <cell r="E3161" t="str">
            <v>代表取締役</v>
          </cell>
          <cell r="F3161" t="str">
            <v>062-0933</v>
          </cell>
          <cell r="G3161" t="str">
            <v>豊平区平岸３－７－１２－７</v>
          </cell>
          <cell r="H3161" t="str">
            <v>821-3025</v>
          </cell>
          <cell r="I3161" t="str">
            <v>821-3995</v>
          </cell>
        </row>
        <row r="3162">
          <cell r="A3162" t="str">
            <v>37701Z</v>
          </cell>
          <cell r="B3162" t="str">
            <v>ﾋﾞﾙｶﾝｻｯﾎﾟﾛ</v>
          </cell>
          <cell r="C3162" t="str">
            <v>（株）ビルカン札幌</v>
          </cell>
          <cell r="D3162" t="str">
            <v>今井 克夫</v>
          </cell>
          <cell r="E3162" t="str">
            <v>代表取締役</v>
          </cell>
          <cell r="F3162" t="str">
            <v>064-0042</v>
          </cell>
          <cell r="G3162" t="str">
            <v>中央区大通西１７－１－５ノワム大通ビル５階</v>
          </cell>
          <cell r="H3162" t="str">
            <v>512-2690</v>
          </cell>
          <cell r="I3162" t="str">
            <v>563-7870</v>
          </cell>
        </row>
        <row r="3163">
          <cell r="A3163" t="str">
            <v>37702X</v>
          </cell>
          <cell r="B3163" t="str">
            <v>ﾋﾀﾁｿﾞｳｾﾝ</v>
          </cell>
          <cell r="C3163" t="str">
            <v>日立造船（株）北海道支社</v>
          </cell>
          <cell r="D3163" t="str">
            <v>佐野 純夫</v>
          </cell>
          <cell r="E3163" t="str">
            <v>支社長</v>
          </cell>
          <cell r="F3163" t="str">
            <v>060-0004</v>
          </cell>
          <cell r="G3163" t="str">
            <v>中央区北４西５－１－４８－２ ｱｽﾃｨ４５ﾋﾞﾙ１４F</v>
          </cell>
          <cell r="H3163" t="str">
            <v>231-2215</v>
          </cell>
          <cell r="I3163" t="str">
            <v>231-2419</v>
          </cell>
        </row>
        <row r="3164">
          <cell r="A3164" t="str">
            <v>37704S</v>
          </cell>
          <cell r="B3164" t="str">
            <v>ﾋﾀﾁﾋﾞﾙｼｽﾃﾑ</v>
          </cell>
          <cell r="C3164" t="str">
            <v>（株）日立ビルシステム北海道支社</v>
          </cell>
          <cell r="D3164" t="str">
            <v>上田 治</v>
          </cell>
          <cell r="E3164" t="str">
            <v>支社長</v>
          </cell>
          <cell r="F3164" t="str">
            <v>060-0004</v>
          </cell>
          <cell r="G3164" t="str">
            <v>中央区北４西３－１</v>
          </cell>
          <cell r="H3164" t="str">
            <v>221-4075</v>
          </cell>
          <cell r="I3164" t="str">
            <v>271-6169</v>
          </cell>
        </row>
        <row r="3165">
          <cell r="A3165" t="str">
            <v>37705N</v>
          </cell>
          <cell r="B3165" t="str">
            <v>ﾃﾗｵｶﾌｧｼﾘﾃｨｰｽﾞ</v>
          </cell>
          <cell r="C3165" t="str">
            <v>寺岡ファシリティーズ（株）札幌支店</v>
          </cell>
          <cell r="D3165" t="str">
            <v>森木 幸夫</v>
          </cell>
          <cell r="E3165" t="str">
            <v>支店長</v>
          </cell>
          <cell r="F3165" t="str">
            <v>060-0041</v>
          </cell>
          <cell r="G3165" t="str">
            <v>中央区大通東３－４－３</v>
          </cell>
          <cell r="H3165" t="str">
            <v>231-4568</v>
          </cell>
          <cell r="I3165" t="str">
            <v>251-2159</v>
          </cell>
        </row>
        <row r="3166">
          <cell r="A3166" t="str">
            <v>37706Y</v>
          </cell>
          <cell r="B3166" t="str">
            <v>ﾋﾗﾉﾌﾞﾝﾎﾞｳｸﾞﾃﾝ</v>
          </cell>
          <cell r="C3166" t="str">
            <v>（有）平野文房具店</v>
          </cell>
          <cell r="D3166" t="str">
            <v>平野 修</v>
          </cell>
          <cell r="E3166" t="str">
            <v>代表取締役</v>
          </cell>
          <cell r="F3166" t="str">
            <v>063-0003</v>
          </cell>
          <cell r="G3166" t="str">
            <v>西区山の手３－１－３－２</v>
          </cell>
          <cell r="H3166" t="str">
            <v>631-6971</v>
          </cell>
          <cell r="I3166" t="str">
            <v>643-1478</v>
          </cell>
        </row>
        <row r="3167">
          <cell r="A3167" t="str">
            <v>37708T</v>
          </cell>
          <cell r="B3167" t="str">
            <v>ﾋﾞﾙﾀﾞｯﾌﾟ</v>
          </cell>
          <cell r="C3167" t="str">
            <v>（株）ビルダップ</v>
          </cell>
          <cell r="D3167" t="str">
            <v>小貫 久三</v>
          </cell>
          <cell r="E3167" t="str">
            <v>代表取締役</v>
          </cell>
          <cell r="F3167" t="str">
            <v>064-0804</v>
          </cell>
          <cell r="G3167" t="str">
            <v>中央区南４西１３－２－２５札幌グレースビル３Ｆ</v>
          </cell>
          <cell r="H3167" t="str">
            <v>518-1230</v>
          </cell>
          <cell r="I3167" t="str">
            <v>518-1240</v>
          </cell>
        </row>
        <row r="3168">
          <cell r="A3168" t="str">
            <v>37709R</v>
          </cell>
          <cell r="B3168" t="str">
            <v>ﾋﾞﾙﾒﾝｻﾝｼﾞｮｳ</v>
          </cell>
          <cell r="C3168" t="str">
            <v>（株）ビルメン三城</v>
          </cell>
          <cell r="D3168" t="str">
            <v>今井 克夫</v>
          </cell>
          <cell r="E3168" t="str">
            <v>代表取締役</v>
          </cell>
          <cell r="F3168" t="str">
            <v>064-0806</v>
          </cell>
          <cell r="G3168" t="str">
            <v>中央区南６西２０－１－１６</v>
          </cell>
          <cell r="H3168" t="str">
            <v>513-5188</v>
          </cell>
          <cell r="I3168" t="str">
            <v>563-7870</v>
          </cell>
        </row>
        <row r="3169">
          <cell r="A3169" t="str">
            <v>37711Y</v>
          </cell>
          <cell r="B3169" t="str">
            <v>ﾋｶﾞｼﾆﾎﾝｹｲｿｳｼｬ</v>
          </cell>
          <cell r="C3169" t="str">
            <v>（株）東日本計装社</v>
          </cell>
          <cell r="D3169" t="str">
            <v>高橋 芳幸</v>
          </cell>
          <cell r="E3169" t="str">
            <v>代表取締役</v>
          </cell>
          <cell r="F3169" t="str">
            <v>004-0042</v>
          </cell>
          <cell r="G3169" t="str">
            <v>厚別区大谷地西５－５－１６</v>
          </cell>
          <cell r="H3169" t="str">
            <v>891-7878</v>
          </cell>
          <cell r="I3169" t="str">
            <v>893-1401</v>
          </cell>
        </row>
        <row r="3170">
          <cell r="A3170" t="str">
            <v>37712W</v>
          </cell>
          <cell r="B3170" t="str">
            <v>ﾎｯｶｲﾄﾞｳﾋﾀﾁﾌﾞﾂﾘｭｳｻｰﾋﾞｽ</v>
          </cell>
          <cell r="C3170" t="str">
            <v>北海道日立物流サービス（株）</v>
          </cell>
          <cell r="D3170" t="str">
            <v>小林 清</v>
          </cell>
          <cell r="E3170" t="str">
            <v>代表取締役</v>
          </cell>
          <cell r="F3170" t="str">
            <v>063-0830</v>
          </cell>
          <cell r="G3170" t="str">
            <v>西区発寒１０－１２－２－２０</v>
          </cell>
          <cell r="H3170" t="str">
            <v>666-9903</v>
          </cell>
          <cell r="I3170" t="str">
            <v>666-9904</v>
          </cell>
        </row>
        <row r="3171">
          <cell r="A3171" t="str">
            <v>37801X</v>
          </cell>
          <cell r="B3171" t="str">
            <v>ﾌｼﾞﾃｯｸ</v>
          </cell>
          <cell r="C3171" t="str">
            <v>フジテック（株）北海道支店</v>
          </cell>
          <cell r="D3171" t="str">
            <v>土門 美津雄</v>
          </cell>
          <cell r="E3171" t="str">
            <v>支店長</v>
          </cell>
          <cell r="F3171" t="str">
            <v>060-0042</v>
          </cell>
          <cell r="G3171" t="str">
            <v>中央区大通西８ 朝日生命札幌大通ビル</v>
          </cell>
          <cell r="H3171" t="str">
            <v>281-1070</v>
          </cell>
          <cell r="I3171" t="str">
            <v>281-1077</v>
          </cell>
        </row>
        <row r="3172">
          <cell r="A3172" t="str">
            <v>37803S</v>
          </cell>
          <cell r="B3172" t="str">
            <v>ﾌｸﾀﾞｽｲﾓﾝｾﾝﾀｰ</v>
          </cell>
          <cell r="C3172" t="str">
            <v>（株）福田水文センター</v>
          </cell>
          <cell r="D3172" t="str">
            <v>福田 昭</v>
          </cell>
          <cell r="E3172" t="str">
            <v>代表取締役</v>
          </cell>
          <cell r="F3172" t="str">
            <v>001-0024</v>
          </cell>
          <cell r="G3172" t="str">
            <v>北区北２４西１５－２－５</v>
          </cell>
          <cell r="H3172" t="str">
            <v>736-2371</v>
          </cell>
          <cell r="I3172" t="str">
            <v>736-2393</v>
          </cell>
        </row>
        <row r="3173">
          <cell r="A3173" t="str">
            <v>37804P</v>
          </cell>
          <cell r="B3173" t="str">
            <v>ﾌｸｼｻｰﾋﾞｽ</v>
          </cell>
          <cell r="C3173" t="str">
            <v>（株）ふくしサービス</v>
          </cell>
          <cell r="D3173" t="str">
            <v>横川 孝一</v>
          </cell>
          <cell r="E3173" t="str">
            <v>代表取締役</v>
          </cell>
          <cell r="F3173" t="str">
            <v>060-0034</v>
          </cell>
          <cell r="G3173" t="str">
            <v>中央区北４東２－７－１ シャルム北４条１Ｆ</v>
          </cell>
          <cell r="H3173" t="str">
            <v>251-3008</v>
          </cell>
          <cell r="I3173" t="str">
            <v>251-3024</v>
          </cell>
        </row>
        <row r="3174">
          <cell r="A3174" t="str">
            <v>37808R</v>
          </cell>
          <cell r="B3174" t="str">
            <v>ﾌｼﾞｸﾘｰﾝ</v>
          </cell>
          <cell r="C3174" t="str">
            <v>（株）富士クリーン</v>
          </cell>
          <cell r="D3174" t="str">
            <v>今井 昭伍</v>
          </cell>
          <cell r="E3174" t="str">
            <v>代表取締役</v>
          </cell>
          <cell r="F3174" t="str">
            <v>065-0041</v>
          </cell>
          <cell r="G3174" t="str">
            <v>東区本町１－８－１－２２</v>
          </cell>
          <cell r="H3174" t="str">
            <v>780-2511</v>
          </cell>
          <cell r="I3174" t="str">
            <v>780-2514</v>
          </cell>
        </row>
        <row r="3175">
          <cell r="A3175" t="str">
            <v>37903P</v>
          </cell>
          <cell r="B3175" t="str">
            <v>ﾄﾞｳﾄｷﾄﾞｳｹｲﾋﾞ</v>
          </cell>
          <cell r="C3175" t="str">
            <v>（株）道都機動警備</v>
          </cell>
          <cell r="D3175" t="str">
            <v>伊林 好</v>
          </cell>
          <cell r="E3175" t="str">
            <v>代表取締役</v>
          </cell>
          <cell r="F3175" t="str">
            <v>064-0804</v>
          </cell>
          <cell r="G3175" t="str">
            <v>中央区南４西１０－１００５－１</v>
          </cell>
          <cell r="H3175" t="str">
            <v>563-1152</v>
          </cell>
          <cell r="I3175" t="str">
            <v>563-1067</v>
          </cell>
        </row>
        <row r="3176">
          <cell r="A3176" t="str">
            <v>38001S</v>
          </cell>
          <cell r="B3176" t="str">
            <v>ﾎｯｶｲﾄﾞｳﾀﾞｲｹﾝ</v>
          </cell>
          <cell r="C3176" t="str">
            <v>（株）北海道ダイケン</v>
          </cell>
          <cell r="D3176" t="str">
            <v>丸橋 博行</v>
          </cell>
          <cell r="E3176" t="str">
            <v>代表取締役</v>
          </cell>
          <cell r="F3176" t="str">
            <v>060-0001</v>
          </cell>
          <cell r="G3176" t="str">
            <v>中央区北１西２－１ 札幌時計台ビル</v>
          </cell>
          <cell r="H3176" t="str">
            <v>214-3577</v>
          </cell>
          <cell r="I3176" t="str">
            <v>241-0070</v>
          </cell>
        </row>
        <row r="3177">
          <cell r="A3177" t="str">
            <v>38003Z</v>
          </cell>
          <cell r="B3177" t="str">
            <v>ﾎｯｶｲﾄﾞｳｸﾞﾘｰﾝﾒﾝﾃﾅﾝｽ</v>
          </cell>
          <cell r="C3177" t="str">
            <v>（株）北海道グリーンメンテナンス</v>
          </cell>
          <cell r="D3177" t="str">
            <v>大野 俊三</v>
          </cell>
          <cell r="E3177" t="str">
            <v>代表取締役</v>
          </cell>
          <cell r="F3177" t="str">
            <v>007-0884</v>
          </cell>
          <cell r="G3177" t="str">
            <v>東区北丘珠４－３－１０－２０</v>
          </cell>
          <cell r="H3177" t="str">
            <v>781-2530</v>
          </cell>
          <cell r="I3177" t="str">
            <v>781-2227</v>
          </cell>
        </row>
        <row r="3178">
          <cell r="A3178" t="str">
            <v>38005T</v>
          </cell>
          <cell r="B3178" t="str">
            <v>ﾎｯｶｲﾄﾞｳﾋﾞﾙｻｰﾋﾞｽ</v>
          </cell>
          <cell r="C3178" t="str">
            <v>北海道ビルサービス（株）</v>
          </cell>
          <cell r="D3178" t="str">
            <v>南出 辰夫</v>
          </cell>
          <cell r="E3178" t="str">
            <v>代表取締役</v>
          </cell>
          <cell r="F3178" t="str">
            <v>060-0062</v>
          </cell>
          <cell r="G3178" t="str">
            <v>中央区南２西３－８ 北洋札幌南ビル９階</v>
          </cell>
          <cell r="H3178" t="str">
            <v>251-1277</v>
          </cell>
          <cell r="I3178" t="str">
            <v>251-0344</v>
          </cell>
        </row>
        <row r="3179">
          <cell r="A3179" t="str">
            <v>38006R</v>
          </cell>
          <cell r="B3179" t="str">
            <v>ﾎｯｶｲﾄﾞｳｸﾘｰﾝｶｲﾊﾂ</v>
          </cell>
          <cell r="C3179" t="str">
            <v>北海道クリーン開発（株）札幌支社</v>
          </cell>
          <cell r="D3179" t="str">
            <v>川尻 精記</v>
          </cell>
          <cell r="E3179" t="str">
            <v>支社長</v>
          </cell>
          <cell r="F3179" t="str">
            <v>065-0026</v>
          </cell>
          <cell r="G3179" t="str">
            <v>東区北２６東５－２－２５</v>
          </cell>
          <cell r="H3179" t="str">
            <v>704-0303</v>
          </cell>
          <cell r="I3179" t="str">
            <v>704-5777</v>
          </cell>
        </row>
        <row r="3180">
          <cell r="A3180" t="str">
            <v>38007N</v>
          </cell>
          <cell r="B3180" t="str">
            <v>ﾎｯｶｲﾄﾞｳﾋﾞﾙﾀﾞｲｺｳ</v>
          </cell>
          <cell r="C3180" t="str">
            <v>（株）北海道ビル代行</v>
          </cell>
          <cell r="D3180" t="str">
            <v>佐野 良治</v>
          </cell>
          <cell r="E3180" t="str">
            <v>代表取締役社長</v>
          </cell>
          <cell r="F3180" t="str">
            <v>060-0001</v>
          </cell>
          <cell r="G3180" t="str">
            <v>中央区北１西７－３</v>
          </cell>
          <cell r="H3180" t="str">
            <v>271-0015</v>
          </cell>
          <cell r="I3180" t="str">
            <v>271-7765</v>
          </cell>
        </row>
        <row r="3181">
          <cell r="A3181" t="str">
            <v>38008Y</v>
          </cell>
          <cell r="B3181" t="str">
            <v>ﾎｯｶｲﾄﾞｳﾎﾞｳｴｷｻｰﾋﾞｽ</v>
          </cell>
          <cell r="C3181" t="str">
            <v>（株）北海道防疫サービス</v>
          </cell>
          <cell r="D3181" t="str">
            <v>藤村 忠明</v>
          </cell>
          <cell r="E3181" t="str">
            <v>代表取締役</v>
          </cell>
          <cell r="F3181" t="str">
            <v>063-0829</v>
          </cell>
          <cell r="G3181" t="str">
            <v>西区発寒９－１０－１－７</v>
          </cell>
          <cell r="H3181" t="str">
            <v>671-0181</v>
          </cell>
          <cell r="I3181" t="str">
            <v>671-0183</v>
          </cell>
        </row>
        <row r="3182">
          <cell r="A3182" t="str">
            <v>38009W</v>
          </cell>
          <cell r="B3182" t="str">
            <v>ｼﾞｰｴﾑﾎｸﾄ</v>
          </cell>
          <cell r="C3182" t="str">
            <v>（株）ジーエム北都</v>
          </cell>
          <cell r="D3182" t="str">
            <v>相川 正明</v>
          </cell>
          <cell r="E3182" t="str">
            <v>代表取締役</v>
          </cell>
          <cell r="F3182" t="str">
            <v>065-0022</v>
          </cell>
          <cell r="G3182" t="str">
            <v>東区北２２東３－１－３８</v>
          </cell>
          <cell r="H3182" t="str">
            <v>704-3939</v>
          </cell>
          <cell r="I3182" t="str">
            <v>704-8334</v>
          </cell>
        </row>
        <row r="3183">
          <cell r="A3183" t="str">
            <v>38010T</v>
          </cell>
          <cell r="B3183" t="str">
            <v>ﾎｯｶｲﾄﾞｳﾃﾞﾝｷﾎｱﾝｷｮｳｶｲ</v>
          </cell>
          <cell r="C3183" t="str">
            <v>（財）北海道電気保安協会</v>
          </cell>
          <cell r="D3183" t="str">
            <v>坂本 裕郷</v>
          </cell>
          <cell r="E3183" t="str">
            <v>理事長</v>
          </cell>
          <cell r="F3183" t="str">
            <v>060-0031</v>
          </cell>
          <cell r="G3183" t="str">
            <v>中央区北１東３－１－１</v>
          </cell>
          <cell r="H3183" t="str">
            <v>261-6491</v>
          </cell>
          <cell r="I3183" t="str">
            <v>261-6497</v>
          </cell>
        </row>
        <row r="3184">
          <cell r="A3184" t="str">
            <v>38011R</v>
          </cell>
          <cell r="B3184" t="str">
            <v>ﾎｯｶｲﾄﾞｳﾋﾞﾙﾒﾝﾃﾅﾝｽ</v>
          </cell>
          <cell r="C3184" t="str">
            <v>北海道ビルメンテナンス（株）</v>
          </cell>
          <cell r="D3184" t="str">
            <v>清水 康正</v>
          </cell>
          <cell r="E3184" t="str">
            <v>代表取締役</v>
          </cell>
          <cell r="F3184" t="str">
            <v>060-0042</v>
          </cell>
          <cell r="G3184" t="str">
            <v>中央区大通西６－３－１ 札幌ﾙｰﾃﾙｾﾝﾀｰﾋﾞﾙ５</v>
          </cell>
          <cell r="H3184" t="str">
            <v>241-3801</v>
          </cell>
          <cell r="I3184" t="str">
            <v>241-3803</v>
          </cell>
        </row>
        <row r="3185">
          <cell r="A3185" t="str">
            <v>38013Y</v>
          </cell>
          <cell r="B3185" t="str">
            <v>ﾎｯｶｲﾄﾞｳｺﾞｺｳ</v>
          </cell>
          <cell r="C3185" t="str">
            <v>北海道互光（株）</v>
          </cell>
          <cell r="D3185" t="str">
            <v>中原 立身</v>
          </cell>
          <cell r="E3185" t="str">
            <v>代表取締役</v>
          </cell>
          <cell r="F3185" t="str">
            <v>060-0001</v>
          </cell>
          <cell r="G3185" t="str">
            <v>中央区北１西７－１ プレスト１・７ ７階</v>
          </cell>
          <cell r="H3185" t="str">
            <v>221-5555</v>
          </cell>
          <cell r="I3185" t="str">
            <v>221-5717</v>
          </cell>
        </row>
        <row r="3186">
          <cell r="A3186" t="str">
            <v>38014W</v>
          </cell>
          <cell r="B3186" t="str">
            <v>ﾎｯｶｲﾄﾞｳｴｲｾｲｺｳｷﾞｮｳ</v>
          </cell>
          <cell r="C3186" t="str">
            <v>北海道衛生工業（株）</v>
          </cell>
          <cell r="D3186" t="str">
            <v>曙 正義</v>
          </cell>
          <cell r="E3186" t="str">
            <v>代表取締役</v>
          </cell>
          <cell r="F3186" t="str">
            <v>007-0880</v>
          </cell>
          <cell r="G3186" t="str">
            <v>東区丘珠町６４７－５</v>
          </cell>
          <cell r="H3186" t="str">
            <v>783-1432</v>
          </cell>
          <cell r="I3186" t="str">
            <v>783-1413</v>
          </cell>
        </row>
        <row r="3187">
          <cell r="A3187" t="str">
            <v>38015S</v>
          </cell>
          <cell r="B3187" t="str">
            <v>ﾄｳﾖｳﾀﾃﾓﾉｺｳｷﾞｮｳ</v>
          </cell>
          <cell r="C3187" t="str">
            <v>（株）東洋建物興業</v>
          </cell>
          <cell r="D3187" t="str">
            <v>奥田 忠雄</v>
          </cell>
          <cell r="E3187" t="str">
            <v>代表取締役</v>
          </cell>
          <cell r="F3187" t="str">
            <v>060-0006</v>
          </cell>
          <cell r="G3187" t="str">
            <v>中央区北６西２２－２－７</v>
          </cell>
          <cell r="H3187" t="str">
            <v>612-1955</v>
          </cell>
          <cell r="I3187" t="str">
            <v>612-1999</v>
          </cell>
        </row>
        <row r="3188">
          <cell r="A3188" t="str">
            <v>38017Z</v>
          </cell>
          <cell r="B3188" t="str">
            <v>ﾎｯｶｲﾄﾞｳﾁｲｷﾀﾞﾝﾎﾞｳ</v>
          </cell>
          <cell r="C3188" t="str">
            <v>北海道地域暖房（株）</v>
          </cell>
          <cell r="D3188" t="str">
            <v>大北 裕之</v>
          </cell>
          <cell r="E3188" t="str">
            <v>代表取締役</v>
          </cell>
          <cell r="F3188" t="str">
            <v>004-0003</v>
          </cell>
          <cell r="G3188" t="str">
            <v>厚別区厚別東３－１－１－１</v>
          </cell>
          <cell r="H3188" t="str">
            <v>809-3311</v>
          </cell>
          <cell r="I3188" t="str">
            <v>809-3310</v>
          </cell>
        </row>
        <row r="3189">
          <cell r="A3189" t="str">
            <v>38018X</v>
          </cell>
          <cell r="B3189" t="str">
            <v>ﾎｯｶｲﾄﾞｳｼﾞｭｳﾀｸｷｮｳｶｲ</v>
          </cell>
          <cell r="C3189" t="str">
            <v>（財）北海道住宅協会</v>
          </cell>
          <cell r="D3189" t="str">
            <v>武田 祐男</v>
          </cell>
          <cell r="E3189" t="str">
            <v>理事長</v>
          </cell>
          <cell r="F3189" t="str">
            <v>060-0061</v>
          </cell>
          <cell r="G3189" t="str">
            <v>中央区南１西１－１</v>
          </cell>
          <cell r="H3189" t="str">
            <v>241-7702</v>
          </cell>
          <cell r="I3189" t="str">
            <v>241-5801</v>
          </cell>
        </row>
        <row r="3190">
          <cell r="A3190" t="str">
            <v>38024V</v>
          </cell>
          <cell r="B3190" t="str">
            <v>ﾎｸﾖｳｹｲﾋﾞﾎｼｮｳ</v>
          </cell>
          <cell r="C3190" t="str">
            <v>北陽警備保障（株）</v>
          </cell>
          <cell r="D3190" t="str">
            <v>森本 英雄</v>
          </cell>
          <cell r="E3190" t="str">
            <v>代表取締役</v>
          </cell>
          <cell r="F3190" t="str">
            <v>062-0042</v>
          </cell>
          <cell r="G3190" t="str">
            <v>豊平区美園４－８－１－７</v>
          </cell>
          <cell r="H3190" t="str">
            <v>811-5965</v>
          </cell>
          <cell r="I3190" t="str">
            <v>814-7540</v>
          </cell>
        </row>
        <row r="3191">
          <cell r="A3191" t="str">
            <v>38026N</v>
          </cell>
          <cell r="B3191" t="str">
            <v>ﾎｸﾖｳﾋﾞﾙｶﾝﾘ</v>
          </cell>
          <cell r="C3191" t="str">
            <v>北洋ビル管理（株）</v>
          </cell>
          <cell r="D3191" t="str">
            <v>岡田 知己</v>
          </cell>
          <cell r="E3191" t="str">
            <v>代表取締役社長</v>
          </cell>
          <cell r="F3191" t="str">
            <v>063-0003</v>
          </cell>
          <cell r="G3191" t="str">
            <v>西区山の手３－７－１－５</v>
          </cell>
          <cell r="H3191" t="str">
            <v>641-4144</v>
          </cell>
          <cell r="I3191" t="str">
            <v>641-1090</v>
          </cell>
        </row>
        <row r="3192">
          <cell r="A3192" t="str">
            <v>38029T</v>
          </cell>
          <cell r="B3192" t="str">
            <v>ﾎｯｶｲﾄﾞｳﾛｳﾄﾞｳﾎｹﾝｶﾝﾘｷｮｳｶｲ</v>
          </cell>
          <cell r="C3192" t="str">
            <v>（財）北海道労働保健管理協会</v>
          </cell>
          <cell r="D3192" t="str">
            <v>清田 昌英</v>
          </cell>
          <cell r="E3192" t="str">
            <v>会長</v>
          </cell>
          <cell r="F3192" t="str">
            <v>003-0024</v>
          </cell>
          <cell r="G3192" t="str">
            <v>白石区本郷通３南２－１３</v>
          </cell>
          <cell r="H3192" t="str">
            <v>862-5030</v>
          </cell>
          <cell r="I3192" t="str">
            <v>862-6377</v>
          </cell>
        </row>
        <row r="3193">
          <cell r="A3193" t="str">
            <v>38031N</v>
          </cell>
          <cell r="B3193" t="str">
            <v>ﾎｸｾｲｷｷﾞｮｳ</v>
          </cell>
          <cell r="C3193" t="str">
            <v>北清企業（株）</v>
          </cell>
          <cell r="D3193" t="str">
            <v>川井 雄一</v>
          </cell>
          <cell r="E3193" t="str">
            <v>代表取締役</v>
          </cell>
          <cell r="F3193" t="str">
            <v>007-0885</v>
          </cell>
          <cell r="G3193" t="str">
            <v>東区北丘珠５－４－５－７</v>
          </cell>
          <cell r="H3193" t="str">
            <v>791-1101</v>
          </cell>
          <cell r="I3193" t="str">
            <v>791-1233</v>
          </cell>
        </row>
        <row r="3194">
          <cell r="A3194" t="str">
            <v>38032Y</v>
          </cell>
          <cell r="B3194" t="str">
            <v>ﾎｯｶｲﾄﾞｳﾃﾞﾝｼｹｲｻﾝｾﾝﾀｰ</v>
          </cell>
          <cell r="C3194" t="str">
            <v>（株）北海道電子計算センター</v>
          </cell>
          <cell r="D3194" t="str">
            <v>安達 和興</v>
          </cell>
          <cell r="E3194" t="str">
            <v>代表取締役</v>
          </cell>
          <cell r="F3194" t="str">
            <v>060-0061</v>
          </cell>
          <cell r="G3194" t="str">
            <v>中央区南１西１０－２ 南１条道銀ビル</v>
          </cell>
          <cell r="H3194" t="str">
            <v>261-5502</v>
          </cell>
          <cell r="I3194" t="str">
            <v>222-1013</v>
          </cell>
        </row>
        <row r="3195">
          <cell r="A3195" t="str">
            <v>38033W</v>
          </cell>
          <cell r="B3195" t="str">
            <v>ﾎｸﾋﾞｻｰﾋﾞｽ</v>
          </cell>
          <cell r="C3195" t="str">
            <v>ホクビサービス（株）</v>
          </cell>
          <cell r="D3195" t="str">
            <v>出口 元治</v>
          </cell>
          <cell r="E3195" t="str">
            <v>代表取締役</v>
          </cell>
          <cell r="F3195" t="str">
            <v>060-0004</v>
          </cell>
          <cell r="G3195" t="str">
            <v>中央区北４西１４－１－２３</v>
          </cell>
          <cell r="H3195" t="str">
            <v>204-6501</v>
          </cell>
          <cell r="I3195" t="str">
            <v>204-6502</v>
          </cell>
        </row>
        <row r="3196">
          <cell r="A3196" t="str">
            <v>38036Z</v>
          </cell>
          <cell r="B3196" t="str">
            <v>ﾎｯｶｲﾄﾞｳﾍﾞﾆｰｴｽﾃｰﾄ</v>
          </cell>
          <cell r="C3196" t="str">
            <v>北海道ベニーエステート（株）</v>
          </cell>
          <cell r="D3196" t="str">
            <v>石村 龍道</v>
          </cell>
          <cell r="E3196" t="str">
            <v>代表取締役</v>
          </cell>
          <cell r="F3196" t="str">
            <v>060-0051</v>
          </cell>
          <cell r="G3196" t="str">
            <v>中央区南１東１－５－１</v>
          </cell>
          <cell r="H3196" t="str">
            <v>212-2114</v>
          </cell>
          <cell r="I3196" t="str">
            <v>222-3895</v>
          </cell>
        </row>
        <row r="3197">
          <cell r="A3197" t="str">
            <v>38039S</v>
          </cell>
          <cell r="B3197" t="str">
            <v>ﾎｯｶｲﾄﾞｳﾌｨﾙﾑｱｰﾄ</v>
          </cell>
          <cell r="C3197" t="str">
            <v>北海道フィルムアート（株）</v>
          </cell>
          <cell r="D3197" t="str">
            <v>玉木 佐和</v>
          </cell>
          <cell r="E3197" t="str">
            <v>代表取締役</v>
          </cell>
          <cell r="F3197" t="str">
            <v>060-0063</v>
          </cell>
          <cell r="G3197" t="str">
            <v>中央区南３西１２－３２６</v>
          </cell>
          <cell r="H3197" t="str">
            <v>520-5252</v>
          </cell>
          <cell r="I3197" t="str">
            <v>520-5500</v>
          </cell>
        </row>
        <row r="3198">
          <cell r="A3198" t="str">
            <v>38040P</v>
          </cell>
          <cell r="B3198" t="str">
            <v>ﾋﾞﾙﾒﾝﾆｯｼﾝ</v>
          </cell>
          <cell r="C3198" t="str">
            <v>（株）ビルメン日新</v>
          </cell>
          <cell r="D3198" t="str">
            <v>川口 孝志</v>
          </cell>
          <cell r="E3198" t="str">
            <v>代表取締役</v>
          </cell>
          <cell r="F3198" t="str">
            <v>063-0002</v>
          </cell>
          <cell r="G3198" t="str">
            <v>西区山の手２－１１－１３</v>
          </cell>
          <cell r="H3198" t="str">
            <v>621-3993</v>
          </cell>
          <cell r="I3198" t="str">
            <v>621-3996</v>
          </cell>
        </row>
        <row r="3199">
          <cell r="A3199" t="str">
            <v>38041Z</v>
          </cell>
          <cell r="B3199" t="str">
            <v>ﾎｯｶｲﾋﾞｿｳ</v>
          </cell>
          <cell r="C3199" t="str">
            <v>北海美掃（株）札幌支社</v>
          </cell>
          <cell r="D3199" t="str">
            <v>中垣 美孝</v>
          </cell>
          <cell r="E3199" t="str">
            <v>支社長</v>
          </cell>
          <cell r="F3199" t="str">
            <v>001-0907</v>
          </cell>
          <cell r="G3199" t="str">
            <v>北区新琴似７－１１－１－３１</v>
          </cell>
          <cell r="H3199" t="str">
            <v>763-7622</v>
          </cell>
          <cell r="I3199" t="str">
            <v>763-7808</v>
          </cell>
        </row>
        <row r="3200">
          <cell r="A3200" t="str">
            <v>38042X</v>
          </cell>
          <cell r="B3200" t="str">
            <v>ﾔｼﾏﾎｾﾞﾝ</v>
          </cell>
          <cell r="C3200" t="str">
            <v>（株）ヤシマ保全</v>
          </cell>
          <cell r="D3200" t="str">
            <v>下出 元明</v>
          </cell>
          <cell r="E3200" t="str">
            <v>代表取締役</v>
          </cell>
          <cell r="F3200" t="str">
            <v>064-0919</v>
          </cell>
          <cell r="G3200" t="str">
            <v>中央区南１９西１５－３－１５</v>
          </cell>
          <cell r="H3200" t="str">
            <v>551-2580</v>
          </cell>
          <cell r="I3200" t="str">
            <v>530-5015</v>
          </cell>
        </row>
        <row r="3201">
          <cell r="A3201" t="str">
            <v>38043V</v>
          </cell>
          <cell r="B3201" t="str">
            <v>ﾁｭｳｹｲ</v>
          </cell>
          <cell r="C3201" t="str">
            <v>チュウケイ（株）</v>
          </cell>
          <cell r="D3201" t="str">
            <v>堂前 功</v>
          </cell>
          <cell r="E3201" t="str">
            <v>代表取締役</v>
          </cell>
          <cell r="F3201" t="str">
            <v>060-0061</v>
          </cell>
          <cell r="G3201" t="str">
            <v>中央区南１西７－４塩業ビル５Ｆ</v>
          </cell>
          <cell r="H3201" t="str">
            <v>271-5933</v>
          </cell>
          <cell r="I3201" t="str">
            <v>271-5999</v>
          </cell>
        </row>
        <row r="3202">
          <cell r="A3202" t="str">
            <v>38044S</v>
          </cell>
          <cell r="B3202" t="str">
            <v>ﾎｸｾﾝｶｺｳ</v>
          </cell>
          <cell r="C3202" t="str">
            <v>北泉化工（株）</v>
          </cell>
          <cell r="D3202" t="str">
            <v>辻 隆博</v>
          </cell>
          <cell r="E3202" t="str">
            <v>代表取締役</v>
          </cell>
          <cell r="F3202" t="str">
            <v>003-0871</v>
          </cell>
          <cell r="G3202" t="str">
            <v>白石区米里１－３－７－３７</v>
          </cell>
          <cell r="H3202" t="str">
            <v>871-6243</v>
          </cell>
          <cell r="I3202" t="str">
            <v>871-6275</v>
          </cell>
        </row>
        <row r="3203">
          <cell r="A3203" t="str">
            <v>38046Y</v>
          </cell>
          <cell r="B3203" t="str">
            <v>ｴﾊﾞﾗｴﾝｼﾞﾆｱﾘﾝｸﾞｻｰﾋﾞｽ</v>
          </cell>
          <cell r="C3203" t="str">
            <v>荏原エンジニアリングサービス（株）北海道支店</v>
          </cell>
          <cell r="D3203" t="str">
            <v>谷藤 行洋</v>
          </cell>
          <cell r="E3203" t="str">
            <v>支店長</v>
          </cell>
          <cell r="F3203" t="str">
            <v>060-0007</v>
          </cell>
          <cell r="G3203" t="str">
            <v>中央区北７西１５－２８－１１</v>
          </cell>
          <cell r="H3203" t="str">
            <v>644-2241</v>
          </cell>
          <cell r="I3203" t="str">
            <v>644-2443</v>
          </cell>
        </row>
        <row r="3204">
          <cell r="A3204" t="str">
            <v>38050N</v>
          </cell>
          <cell r="B3204" t="str">
            <v>ﾎｯｶｲﾄﾞｳﾌﾞﾝｾｷｾﾝﾀｰ</v>
          </cell>
          <cell r="C3204" t="str">
            <v>（株）北海道分析センター札幌出張所</v>
          </cell>
          <cell r="D3204" t="str">
            <v>工藤 英博</v>
          </cell>
          <cell r="E3204" t="str">
            <v>所長</v>
          </cell>
          <cell r="F3204" t="str">
            <v>065-0028</v>
          </cell>
          <cell r="G3204" t="str">
            <v>東区北２８東１８－５－１５</v>
          </cell>
          <cell r="H3204" t="str">
            <v>780-6004</v>
          </cell>
          <cell r="I3204" t="str">
            <v>780-6005</v>
          </cell>
        </row>
        <row r="3205">
          <cell r="A3205" t="str">
            <v>38052W</v>
          </cell>
          <cell r="B3205" t="str">
            <v>ﾎｯｶｲﾄﾞｳｶﾝｷｮｳｶｶﾞｸｷﾞｼﾞｭﾂｾﾝﾀｰ</v>
          </cell>
          <cell r="C3205" t="str">
            <v>（財）北海道環境科学技術センター</v>
          </cell>
          <cell r="D3205" t="str">
            <v>石橋 真澄</v>
          </cell>
          <cell r="E3205" t="str">
            <v>理事長</v>
          </cell>
          <cell r="F3205" t="str">
            <v>001-0024</v>
          </cell>
          <cell r="G3205" t="str">
            <v>北区北２４西１４－８－５</v>
          </cell>
          <cell r="H3205" t="str">
            <v>758-1161</v>
          </cell>
          <cell r="I3205" t="str">
            <v>758-1191</v>
          </cell>
        </row>
        <row r="3206">
          <cell r="A3206" t="str">
            <v>38053T</v>
          </cell>
          <cell r="B3206" t="str">
            <v>ﾎｸﾖｳﾋﾞﾙｻｰﾋﾞｽ</v>
          </cell>
          <cell r="C3206" t="str">
            <v>北陽ビルサービス（株）</v>
          </cell>
          <cell r="D3206" t="str">
            <v>森本 彰二</v>
          </cell>
          <cell r="E3206" t="str">
            <v>代表取締役</v>
          </cell>
          <cell r="F3206" t="str">
            <v>062-0933</v>
          </cell>
          <cell r="G3206" t="str">
            <v>豊平区平岸３－７－１－２７</v>
          </cell>
          <cell r="H3206" t="str">
            <v>824-2670</v>
          </cell>
          <cell r="I3206" t="str">
            <v>824-1394</v>
          </cell>
        </row>
        <row r="3207">
          <cell r="A3207" t="str">
            <v>38055Z</v>
          </cell>
          <cell r="B3207" t="str">
            <v>ｱｽﾋﾞｯｸ</v>
          </cell>
          <cell r="C3207" t="str">
            <v>（株）アスビック</v>
          </cell>
          <cell r="D3207" t="str">
            <v>星 雅夫</v>
          </cell>
          <cell r="E3207" t="str">
            <v>代表取締役</v>
          </cell>
          <cell r="F3207" t="str">
            <v>060-0061</v>
          </cell>
          <cell r="G3207" t="str">
            <v>中央区南１西１０－３</v>
          </cell>
          <cell r="H3207" t="str">
            <v>281-0311</v>
          </cell>
          <cell r="I3207" t="str">
            <v>261-1948</v>
          </cell>
        </row>
        <row r="3208">
          <cell r="A3208" t="str">
            <v>38056X</v>
          </cell>
          <cell r="B3208" t="str">
            <v>ｼﾝﾖｳｹｲｼﾞﾄﾞｳｼｬｳﾝｿｳ</v>
          </cell>
          <cell r="C3208" t="str">
            <v>心陽軽自動車運送（協）</v>
          </cell>
          <cell r="D3208" t="str">
            <v>長岡 勉</v>
          </cell>
          <cell r="E3208" t="str">
            <v>代表理事</v>
          </cell>
          <cell r="F3208" t="str">
            <v>004-0063</v>
          </cell>
          <cell r="G3208" t="str">
            <v>厚別区厚別西３－５－４－１３</v>
          </cell>
          <cell r="H3208" t="str">
            <v>895-7000</v>
          </cell>
          <cell r="I3208" t="str">
            <v>895-9917</v>
          </cell>
        </row>
        <row r="3209">
          <cell r="A3209" t="str">
            <v>38059P</v>
          </cell>
          <cell r="B3209" t="str">
            <v>ﾏﾂｼﾀｶﾝｷｮｳｸｳﾁｮｳｴﾝｼﾞﾆｱﾘﾝｸﾞ</v>
          </cell>
          <cell r="C3209" t="str">
            <v>松下環境空調エンジニアリング（株）北海道営業所</v>
          </cell>
          <cell r="D3209" t="str">
            <v>庭山 寿敏</v>
          </cell>
          <cell r="E3209" t="str">
            <v>所長</v>
          </cell>
          <cell r="F3209" t="str">
            <v>060-0051</v>
          </cell>
          <cell r="G3209" t="str">
            <v>中央区南１東３－９－２ 札幌ＭＩＤビル３階</v>
          </cell>
          <cell r="H3209" t="str">
            <v>272-3570</v>
          </cell>
          <cell r="I3209" t="str">
            <v>272-3580</v>
          </cell>
        </row>
        <row r="3210">
          <cell r="A3210" t="str">
            <v>38060Z</v>
          </cell>
          <cell r="B3210" t="str">
            <v>ﾒﾝﾃｯｸ</v>
          </cell>
          <cell r="C3210" t="str">
            <v>（株）メンテック</v>
          </cell>
          <cell r="D3210" t="str">
            <v>森永 忠輔</v>
          </cell>
          <cell r="E3210" t="str">
            <v>代表取締役</v>
          </cell>
          <cell r="F3210" t="str">
            <v>060-0807</v>
          </cell>
          <cell r="G3210" t="str">
            <v>北区北７西５－８－５</v>
          </cell>
          <cell r="H3210" t="str">
            <v>726-7661</v>
          </cell>
          <cell r="I3210" t="str">
            <v>726-7565</v>
          </cell>
        </row>
        <row r="3211">
          <cell r="A3211" t="str">
            <v>38061X</v>
          </cell>
          <cell r="B3211" t="str">
            <v>ﾎｯｶｲﾀﾃﾓﾉｶﾝﾘ</v>
          </cell>
          <cell r="C3211" t="str">
            <v>北海建物管理（株）</v>
          </cell>
          <cell r="D3211" t="str">
            <v>瀬川 貴幸</v>
          </cell>
          <cell r="E3211" t="str">
            <v>代表取締役社長</v>
          </cell>
          <cell r="F3211" t="str">
            <v>060-0062</v>
          </cell>
          <cell r="G3211" t="str">
            <v>中央区南２西５－６－１ ロジェ札幌２５</v>
          </cell>
          <cell r="H3211" t="str">
            <v>241-0606</v>
          </cell>
          <cell r="I3211" t="str">
            <v>210-5995</v>
          </cell>
        </row>
        <row r="3212">
          <cell r="A3212" t="str">
            <v>38062V</v>
          </cell>
          <cell r="B3212" t="str">
            <v>ﾎｯｶｲﾄﾞｳｼﾝｶﾝｻﾞｲ</v>
          </cell>
          <cell r="C3212" t="str">
            <v>北海道新管財（株）</v>
          </cell>
          <cell r="D3212" t="str">
            <v>西山 克彦</v>
          </cell>
          <cell r="E3212" t="str">
            <v>取締役社長</v>
          </cell>
          <cell r="F3212" t="str">
            <v>064-0807</v>
          </cell>
          <cell r="G3212" t="str">
            <v>中央区南７西８－１－１８</v>
          </cell>
          <cell r="H3212" t="str">
            <v>521-6495</v>
          </cell>
          <cell r="I3212" t="str">
            <v>521-6497</v>
          </cell>
        </row>
        <row r="3213">
          <cell r="A3213" t="str">
            <v>38063S</v>
          </cell>
          <cell r="B3213" t="str">
            <v>ﾎｸｶﾝ</v>
          </cell>
          <cell r="C3213" t="str">
            <v>（株）ホクカン札幌支社</v>
          </cell>
          <cell r="D3213" t="str">
            <v>中垣 美孝</v>
          </cell>
          <cell r="E3213" t="str">
            <v>支社長</v>
          </cell>
          <cell r="F3213" t="str">
            <v>001-0907</v>
          </cell>
          <cell r="G3213" t="str">
            <v>北区新琴似７－１１－１－３１</v>
          </cell>
          <cell r="H3213" t="str">
            <v>763-7611</v>
          </cell>
          <cell r="I3213" t="str">
            <v>763-7808</v>
          </cell>
        </row>
        <row r="3214">
          <cell r="A3214" t="str">
            <v>38067T</v>
          </cell>
          <cell r="B3214" t="str">
            <v>ﾎｯｶｲﾄﾞｳﾔｸｻﾞｲｼｶｲｺｳｼｭｳｴｲｾｲｹﾝｻｾﾝﾀｰ</v>
          </cell>
          <cell r="C3214" t="str">
            <v>（財）北海道薬剤師会公衆衛生検査センター</v>
          </cell>
          <cell r="D3214" t="str">
            <v>大森 章</v>
          </cell>
          <cell r="E3214" t="str">
            <v>理事長</v>
          </cell>
          <cell r="F3214" t="str">
            <v>062-0931</v>
          </cell>
          <cell r="G3214" t="str">
            <v>豊平区平岸１－８－６－６</v>
          </cell>
          <cell r="H3214" t="str">
            <v>824-1348</v>
          </cell>
          <cell r="I3214" t="str">
            <v>824-1627</v>
          </cell>
        </row>
        <row r="3215">
          <cell r="A3215" t="str">
            <v>38068R</v>
          </cell>
          <cell r="B3215" t="str">
            <v>ﾎｯｶﾝｹｲﾋﾞﾎｼｮｳ</v>
          </cell>
          <cell r="C3215" t="str">
            <v>北幹警備保障（株）</v>
          </cell>
          <cell r="D3215" t="str">
            <v>秋庭 一富</v>
          </cell>
          <cell r="E3215" t="str">
            <v>代表取締役</v>
          </cell>
          <cell r="F3215" t="str">
            <v>062-0933</v>
          </cell>
          <cell r="G3215" t="str">
            <v>豊平区平岸３－１－２－５</v>
          </cell>
          <cell r="H3215" t="str">
            <v>814-3573</v>
          </cell>
          <cell r="I3215" t="str">
            <v>814-2542</v>
          </cell>
        </row>
        <row r="3216">
          <cell r="A3216" t="str">
            <v>38073R</v>
          </cell>
          <cell r="B3216" t="str">
            <v>ｷｮｳﾜｿｳｺﾞｳｶﾝﾘ</v>
          </cell>
          <cell r="C3216" t="str">
            <v>協和総合管理（株）札幌支社</v>
          </cell>
          <cell r="D3216" t="str">
            <v>伊藤 嘉英</v>
          </cell>
          <cell r="E3216" t="str">
            <v>取締役支社長</v>
          </cell>
          <cell r="F3216" t="str">
            <v>060-0807</v>
          </cell>
          <cell r="G3216" t="str">
            <v>北区北７西１－２－６ ﾆｭｰｽﾃｰｼﾞ札幌ﾋﾞﾙ５階</v>
          </cell>
          <cell r="H3216" t="str">
            <v>707-5228</v>
          </cell>
          <cell r="I3216" t="str">
            <v>707-5223</v>
          </cell>
        </row>
        <row r="3217">
          <cell r="A3217" t="str">
            <v>38074N</v>
          </cell>
          <cell r="B3217" t="str">
            <v>ﾎｯｶｲﾄﾞｳｵｵｻｷﾃﾞﾝｷ</v>
          </cell>
          <cell r="C3217" t="str">
            <v>北海道大崎電気（株）</v>
          </cell>
          <cell r="D3217" t="str">
            <v>寺田 清隆</v>
          </cell>
          <cell r="E3217" t="str">
            <v>代表取締役</v>
          </cell>
          <cell r="F3217" t="str">
            <v>003-0011</v>
          </cell>
          <cell r="G3217" t="str">
            <v>白石区中央１－２－３－３５</v>
          </cell>
          <cell r="H3217" t="str">
            <v>841-8281</v>
          </cell>
          <cell r="I3217" t="str">
            <v>841-1046</v>
          </cell>
        </row>
        <row r="3218">
          <cell r="A3218" t="str">
            <v>38081V</v>
          </cell>
          <cell r="B3218" t="str">
            <v>ﾎｸﾀﾝｾﾞﾈﾗﾙｻｰﾋﾞｽ</v>
          </cell>
          <cell r="C3218" t="str">
            <v>（株）北炭ゼネラルサービス</v>
          </cell>
          <cell r="D3218" t="str">
            <v>神野 哲一</v>
          </cell>
          <cell r="E3218" t="str">
            <v>代表取締役</v>
          </cell>
          <cell r="F3218" t="str">
            <v>003-0809</v>
          </cell>
          <cell r="G3218" t="str">
            <v>白石区菊水９－３－７５</v>
          </cell>
          <cell r="H3218" t="str">
            <v>820-4711</v>
          </cell>
          <cell r="I3218" t="str">
            <v>820-4455</v>
          </cell>
        </row>
        <row r="3219">
          <cell r="A3219" t="str">
            <v>38083P</v>
          </cell>
          <cell r="B3219" t="str">
            <v>ﾎﾝﾀﾞﾌｧｲﾅﾝｽ</v>
          </cell>
          <cell r="C3219" t="str">
            <v>（株）ホンダファイナンス</v>
          </cell>
          <cell r="D3219" t="str">
            <v>井上 健一</v>
          </cell>
          <cell r="E3219" t="str">
            <v>代表取締役</v>
          </cell>
          <cell r="F3219" t="str">
            <v>163-0817</v>
          </cell>
          <cell r="G3219" t="str">
            <v>東京都新宿区西新宿２－４－１新宿ＮＳビル</v>
          </cell>
          <cell r="H3219" t="str">
            <v>03-5325-0660</v>
          </cell>
          <cell r="I3219" t="str">
            <v>03-5325-0691</v>
          </cell>
        </row>
        <row r="3220">
          <cell r="A3220" t="str">
            <v>38084Z</v>
          </cell>
          <cell r="B3220" t="str">
            <v>ﾎｯｶｲﾄﾞｳｷﾖｽｸ</v>
          </cell>
          <cell r="C3220" t="str">
            <v>北海道キヨスク（株）関連事業部札幌弘栄堂書店外商課</v>
          </cell>
          <cell r="D3220" t="str">
            <v>都丸 正義</v>
          </cell>
          <cell r="E3220" t="str">
            <v>課長</v>
          </cell>
          <cell r="F3220" t="str">
            <v>060-0002</v>
          </cell>
          <cell r="G3220" t="str">
            <v>中央区北２西２－８－１</v>
          </cell>
          <cell r="H3220" t="str">
            <v>222-1281</v>
          </cell>
          <cell r="I3220" t="str">
            <v>222-1282</v>
          </cell>
        </row>
        <row r="3221">
          <cell r="A3221" t="str">
            <v>38095V</v>
          </cell>
          <cell r="B3221" t="str">
            <v>ﾎｸｾｲﾋﾟｰｴｽ</v>
          </cell>
          <cell r="C3221" t="str">
            <v>北星ピーエス（株）</v>
          </cell>
          <cell r="D3221" t="str">
            <v>佐藤 幹雄</v>
          </cell>
          <cell r="E3221" t="str">
            <v>代表取締役</v>
          </cell>
          <cell r="F3221" t="str">
            <v>064-0804</v>
          </cell>
          <cell r="G3221" t="str">
            <v>中央区南４西６－８ 晴ばれビル４Ｆ</v>
          </cell>
          <cell r="H3221" t="str">
            <v>271-4325</v>
          </cell>
          <cell r="I3221" t="str">
            <v>222-1415</v>
          </cell>
        </row>
        <row r="3222">
          <cell r="A3222" t="str">
            <v>38099X</v>
          </cell>
          <cell r="B3222" t="str">
            <v>ﾎﾟﾆｰｶﾝｻﾞｲ</v>
          </cell>
          <cell r="C3222" t="str">
            <v>（株）ポニー管財</v>
          </cell>
          <cell r="D3222" t="str">
            <v>遠藤 英彦</v>
          </cell>
          <cell r="E3222" t="str">
            <v>代表取締役</v>
          </cell>
          <cell r="F3222" t="str">
            <v>003-0002</v>
          </cell>
          <cell r="G3222" t="str">
            <v>白石区東札幌２－６－４－５</v>
          </cell>
          <cell r="H3222" t="str">
            <v>842-2611</v>
          </cell>
          <cell r="I3222" t="str">
            <v>842-2601</v>
          </cell>
        </row>
        <row r="3223">
          <cell r="A3223" t="str">
            <v>38101P</v>
          </cell>
          <cell r="B3223" t="str">
            <v>ﾏｽｼﾞﾏｴｱｰｻｰﾋﾞｽ</v>
          </cell>
          <cell r="C3223" t="str">
            <v>増島エアーサービス（株）札幌出張所</v>
          </cell>
          <cell r="D3223" t="str">
            <v>設楽 広明</v>
          </cell>
          <cell r="E3223" t="str">
            <v>出張所長</v>
          </cell>
          <cell r="F3223" t="str">
            <v>060-0062</v>
          </cell>
          <cell r="G3223" t="str">
            <v>中央区南２西８大光ビル３Ｆ</v>
          </cell>
          <cell r="H3223" t="str">
            <v>221-2493</v>
          </cell>
          <cell r="I3223" t="str">
            <v>281-3987</v>
          </cell>
        </row>
        <row r="3224">
          <cell r="A3224" t="str">
            <v>38112Y</v>
          </cell>
          <cell r="B3224" t="str">
            <v>ﾏﾙｲﾁﾎｸﾄｿｳｺﾞｳｾﾂﾋﾞ</v>
          </cell>
          <cell r="C3224" t="str">
            <v>丸一北都総合設備（株）</v>
          </cell>
          <cell r="D3224" t="str">
            <v>渡辺 昭夫</v>
          </cell>
          <cell r="E3224" t="str">
            <v>代表取締役</v>
          </cell>
          <cell r="F3224" t="str">
            <v>060-0033</v>
          </cell>
          <cell r="G3224" t="str">
            <v>中央区北３東５－５</v>
          </cell>
          <cell r="H3224" t="str">
            <v>222-0582</v>
          </cell>
          <cell r="I3224" t="str">
            <v>222-0617</v>
          </cell>
        </row>
        <row r="3225">
          <cell r="A3225" t="str">
            <v>38203V</v>
          </cell>
          <cell r="B3225" t="str">
            <v>ﾐｳﾗｺｳｷﾞｮｳ</v>
          </cell>
          <cell r="C3225" t="str">
            <v>三浦工業（株）札幌支店</v>
          </cell>
          <cell r="D3225" t="str">
            <v>神野 健二</v>
          </cell>
          <cell r="E3225" t="str">
            <v>支店長</v>
          </cell>
          <cell r="F3225" t="str">
            <v>063-0061</v>
          </cell>
          <cell r="G3225" t="str">
            <v>西区西町北１１－１－２４</v>
          </cell>
          <cell r="H3225" t="str">
            <v>664-3596</v>
          </cell>
          <cell r="I3225" t="str">
            <v>664-3617</v>
          </cell>
        </row>
        <row r="3226">
          <cell r="A3226" t="str">
            <v>38206Y</v>
          </cell>
          <cell r="B3226" t="str">
            <v>ﾐｶﾐﾃﾞﾝｾﾂﾎｱﾝｼﾞﾑｼｮ</v>
          </cell>
          <cell r="C3226" t="str">
            <v>三上電設保安事務所</v>
          </cell>
          <cell r="D3226" t="str">
            <v>三上 義明</v>
          </cell>
          <cell r="E3226" t="str">
            <v>代表者</v>
          </cell>
          <cell r="F3226" t="str">
            <v>002-8071</v>
          </cell>
          <cell r="G3226" t="str">
            <v>北区あいの里１－４－１３－８</v>
          </cell>
          <cell r="H3226" t="str">
            <v>778-8383</v>
          </cell>
          <cell r="I3226" t="str">
            <v>778-8686</v>
          </cell>
        </row>
        <row r="3227">
          <cell r="A3227" t="str">
            <v>38302V</v>
          </cell>
          <cell r="B3227" t="str">
            <v>ﾑﾈｶﾀ</v>
          </cell>
          <cell r="C3227" t="str">
            <v>（株）ムネカタ</v>
          </cell>
          <cell r="D3227" t="str">
            <v>宗方 敏浩</v>
          </cell>
          <cell r="E3227" t="str">
            <v>代表取締役</v>
          </cell>
          <cell r="F3227" t="str">
            <v>065-0042</v>
          </cell>
          <cell r="G3227" t="str">
            <v>東区本町２－８－２－６</v>
          </cell>
          <cell r="H3227" t="str">
            <v>781-6728</v>
          </cell>
          <cell r="I3227" t="str">
            <v>781-6750</v>
          </cell>
        </row>
        <row r="3228">
          <cell r="A3228" t="str">
            <v>38403P</v>
          </cell>
          <cell r="B3228" t="str">
            <v>ﾒｲﾋﾞｺｳｷﾞｮｳ</v>
          </cell>
          <cell r="C3228" t="str">
            <v>名美興業（株）</v>
          </cell>
          <cell r="D3228" t="str">
            <v>阿相 博志</v>
          </cell>
          <cell r="E3228" t="str">
            <v>代表取締役</v>
          </cell>
          <cell r="F3228" t="str">
            <v>040-0074</v>
          </cell>
          <cell r="G3228" t="str">
            <v>函館市松川町３０－７</v>
          </cell>
          <cell r="H3228" t="str">
            <v>0138-41-6623</v>
          </cell>
          <cell r="I3228" t="str">
            <v>0138-43-6077</v>
          </cell>
        </row>
        <row r="3229">
          <cell r="A3229" t="str">
            <v>38601N</v>
          </cell>
          <cell r="B3229" t="str">
            <v>ﾔｶﾞｲｶｶﾞｸ</v>
          </cell>
          <cell r="C3229" t="str">
            <v>野外科学（株）</v>
          </cell>
          <cell r="D3229" t="str">
            <v>石田 隆雄</v>
          </cell>
          <cell r="E3229" t="str">
            <v>代表取締役</v>
          </cell>
          <cell r="F3229" t="str">
            <v>065-0043</v>
          </cell>
          <cell r="G3229" t="str">
            <v>東区苗穂町１２－２－３９</v>
          </cell>
          <cell r="H3229" t="str">
            <v>751-5151</v>
          </cell>
          <cell r="I3229" t="str">
            <v>741-4797</v>
          </cell>
        </row>
        <row r="3230">
          <cell r="A3230" t="str">
            <v>39001R</v>
          </cell>
          <cell r="B3230" t="str">
            <v>ﾐﾂﾋﾞｼﾃﾞﾝｷﾋﾞﾙﾃｸﾉｻｰﾋﾞｽ</v>
          </cell>
          <cell r="C3230" t="str">
            <v>三菱電機ビルテクノサービス（株）北海道支社</v>
          </cell>
          <cell r="D3230" t="str">
            <v>長島 襄</v>
          </cell>
          <cell r="E3230" t="str">
            <v>支社長</v>
          </cell>
          <cell r="F3230" t="str">
            <v>060-0004</v>
          </cell>
          <cell r="G3230" t="str">
            <v>中央区北４西６－１ 毎日札幌会館５Ｆ</v>
          </cell>
          <cell r="H3230" t="str">
            <v>231-8032</v>
          </cell>
          <cell r="I3230" t="str">
            <v>221-7600</v>
          </cell>
        </row>
        <row r="3231">
          <cell r="A3231" t="str">
            <v>39004W</v>
          </cell>
          <cell r="B3231" t="str">
            <v>ﾘｮｳｺｳｻｰﾋﾞｽ</v>
          </cell>
          <cell r="C3231" t="str">
            <v>菱光サービス（株）</v>
          </cell>
          <cell r="D3231" t="str">
            <v>安西 信一</v>
          </cell>
          <cell r="E3231" t="str">
            <v>代表取締役</v>
          </cell>
          <cell r="F3231" t="str">
            <v>001-0022</v>
          </cell>
          <cell r="G3231" t="str">
            <v>北区北２２西５－２－３０</v>
          </cell>
          <cell r="H3231" t="str">
            <v>737-2594</v>
          </cell>
          <cell r="I3231" t="str">
            <v>737-2059</v>
          </cell>
        </row>
        <row r="3232">
          <cell r="A3232" t="str">
            <v>39005S</v>
          </cell>
          <cell r="B3232" t="str">
            <v>ﾘﾝｸｽ</v>
          </cell>
          <cell r="C3232" t="str">
            <v>（株）リンクス</v>
          </cell>
          <cell r="D3232" t="str">
            <v>泉 仁史</v>
          </cell>
          <cell r="E3232" t="str">
            <v>代表取締役</v>
          </cell>
          <cell r="F3232" t="str">
            <v>060-0002</v>
          </cell>
          <cell r="G3232" t="str">
            <v>中央区北２西２－３４</v>
          </cell>
          <cell r="H3232" t="str">
            <v>221-3133</v>
          </cell>
          <cell r="I3232" t="str">
            <v>221-3134</v>
          </cell>
        </row>
        <row r="3233">
          <cell r="A3233" t="str">
            <v>39006P</v>
          </cell>
          <cell r="B3233" t="str">
            <v>ﾘｮｳｼｮｳｴﾝｼﾞﾆｱﾘﾝｸﾞ</v>
          </cell>
          <cell r="C3233" t="str">
            <v>菱照エンジニアリング（株）</v>
          </cell>
          <cell r="D3233" t="str">
            <v>青柳 久</v>
          </cell>
          <cell r="E3233" t="str">
            <v>代表取締役</v>
          </cell>
          <cell r="F3233" t="str">
            <v>004-0055</v>
          </cell>
          <cell r="G3233" t="str">
            <v>厚別区厚別中央５－１－４－１</v>
          </cell>
          <cell r="H3233" t="str">
            <v>890-8311</v>
          </cell>
          <cell r="I3233" t="str">
            <v>890-8322</v>
          </cell>
        </row>
        <row r="3234">
          <cell r="A3234" t="str">
            <v>39301W</v>
          </cell>
          <cell r="B3234" t="str">
            <v>ﾜｺｳ</v>
          </cell>
          <cell r="C3234" t="str">
            <v>（株）和幸</v>
          </cell>
          <cell r="D3234" t="str">
            <v>清水 勝幸</v>
          </cell>
          <cell r="E3234" t="str">
            <v>代表取締役</v>
          </cell>
          <cell r="F3234" t="str">
            <v>001-0020</v>
          </cell>
          <cell r="G3234" t="str">
            <v>北区北２０西４－２－２</v>
          </cell>
          <cell r="H3234" t="str">
            <v>717-0416</v>
          </cell>
          <cell r="I3234" t="str">
            <v>756-5606</v>
          </cell>
        </row>
        <row r="3235">
          <cell r="A3235" t="str">
            <v>39403N</v>
          </cell>
          <cell r="B3235" t="str">
            <v>ｼﾞｬｸｴﾂ</v>
          </cell>
          <cell r="C3235" t="str">
            <v>（株）ジャクエツ札幌店</v>
          </cell>
          <cell r="D3235" t="str">
            <v>仲吉 達治</v>
          </cell>
          <cell r="E3235" t="str">
            <v>店長</v>
          </cell>
          <cell r="F3235" t="str">
            <v>003-0011</v>
          </cell>
          <cell r="G3235" t="str">
            <v>白石区中央１－４－３－４５</v>
          </cell>
          <cell r="H3235" t="str">
            <v>812-6172</v>
          </cell>
          <cell r="I3235" t="str">
            <v>812-6173</v>
          </cell>
        </row>
        <row r="3236">
          <cell r="A3236" t="str">
            <v>39406S</v>
          </cell>
          <cell r="B3236" t="str">
            <v>ﾜﾀﾅﾍﾞｶﾞﾗｽ</v>
          </cell>
          <cell r="C3236" t="str">
            <v>（株）ワタナベガラス</v>
          </cell>
          <cell r="D3236" t="str">
            <v>渡邉 充規</v>
          </cell>
          <cell r="E3236" t="str">
            <v>代表取締役</v>
          </cell>
          <cell r="F3236" t="str">
            <v>060-0041</v>
          </cell>
          <cell r="G3236" t="str">
            <v>中央区大通東４－４</v>
          </cell>
          <cell r="H3236" t="str">
            <v>811-1271</v>
          </cell>
          <cell r="I3236" t="str">
            <v>811-1650</v>
          </cell>
        </row>
        <row r="3237">
          <cell r="A3237" t="str">
            <v>40006Y</v>
          </cell>
          <cell r="B3237" t="str">
            <v>ｱﾘｽｴｿﾞｳｴﾝ</v>
          </cell>
          <cell r="C3237" t="str">
            <v>（株）有末造園</v>
          </cell>
          <cell r="D3237" t="str">
            <v>金子 光男</v>
          </cell>
          <cell r="E3237" t="str">
            <v>代表取締役</v>
          </cell>
          <cell r="F3237" t="str">
            <v>003-0822</v>
          </cell>
          <cell r="G3237" t="str">
            <v>白石区菊水元町２－５－３－１</v>
          </cell>
          <cell r="H3237" t="str">
            <v>871-2101</v>
          </cell>
          <cell r="I3237" t="str">
            <v>871-2124</v>
          </cell>
        </row>
        <row r="3238">
          <cell r="A3238" t="str">
            <v>40015Z</v>
          </cell>
          <cell r="B3238" t="str">
            <v>ｱﾍﾞｾﾂﾋﾞｺｳｷﾞｮｳ</v>
          </cell>
          <cell r="C3238" t="str">
            <v>（有）阿部設備工業</v>
          </cell>
          <cell r="D3238" t="str">
            <v>阿部 鈴子</v>
          </cell>
          <cell r="E3238" t="str">
            <v>代表取締役</v>
          </cell>
          <cell r="F3238" t="str">
            <v>002-8043</v>
          </cell>
          <cell r="G3238" t="str">
            <v>北区東茨戸８６－８５</v>
          </cell>
          <cell r="H3238" t="str">
            <v>761-4438</v>
          </cell>
          <cell r="I3238" t="str">
            <v>761-4107</v>
          </cell>
        </row>
        <row r="3239">
          <cell r="A3239" t="str">
            <v>40016X</v>
          </cell>
          <cell r="B3239" t="str">
            <v>ｱﾍﾞﾊｲｶﾝｺｳｷﾞｮｳｼｮ</v>
          </cell>
          <cell r="C3239" t="str">
            <v>（株）阿部配管工業所</v>
          </cell>
          <cell r="D3239" t="str">
            <v>阿部 勝夫</v>
          </cell>
          <cell r="E3239" t="str">
            <v>代表取締役</v>
          </cell>
          <cell r="F3239" t="str">
            <v>062-0007</v>
          </cell>
          <cell r="G3239" t="str">
            <v>豊平区美園７－１－２－２５</v>
          </cell>
          <cell r="H3239" t="str">
            <v>831-1138</v>
          </cell>
          <cell r="I3239" t="str">
            <v>831-3759</v>
          </cell>
        </row>
        <row r="3240">
          <cell r="A3240" t="str">
            <v>40021X</v>
          </cell>
          <cell r="B3240" t="str">
            <v>ｱﾄﾑﾊｲｶﾝ</v>
          </cell>
          <cell r="C3240" t="str">
            <v>アトム配管（株）</v>
          </cell>
          <cell r="D3240" t="str">
            <v>髙柳徳雄</v>
          </cell>
          <cell r="E3240" t="str">
            <v>代表取締役</v>
          </cell>
          <cell r="F3240" t="str">
            <v>001-0923</v>
          </cell>
          <cell r="G3240" t="str">
            <v>北区新川３－６－９－８</v>
          </cell>
          <cell r="H3240" t="str">
            <v>763-3212</v>
          </cell>
          <cell r="I3240" t="str">
            <v>763-3214</v>
          </cell>
        </row>
        <row r="3241">
          <cell r="A3241" t="str">
            <v>40034N</v>
          </cell>
          <cell r="B3241" t="str">
            <v>ｱﾗｷｾﾂﾋﾞｺｳｷﾞｮｳ</v>
          </cell>
          <cell r="C3241" t="str">
            <v>（有）荒木設備工業</v>
          </cell>
          <cell r="D3241" t="str">
            <v>荒木 正貴</v>
          </cell>
          <cell r="E3241" t="str">
            <v>代表取締役</v>
          </cell>
          <cell r="F3241" t="str">
            <v>063-0035</v>
          </cell>
          <cell r="G3241" t="str">
            <v>西区西野５－３－５－５</v>
          </cell>
          <cell r="H3241" t="str">
            <v>661-6651</v>
          </cell>
          <cell r="I3241" t="str">
            <v>661-6642</v>
          </cell>
        </row>
        <row r="3242">
          <cell r="A3242" t="str">
            <v>40035X</v>
          </cell>
          <cell r="B3242" t="str">
            <v>ｱﾍﾞﾃﾞﾝｾﾂｺｳｷﾞｮｳ</v>
          </cell>
          <cell r="C3242" t="str">
            <v>安部電設工業（株）</v>
          </cell>
          <cell r="D3242" t="str">
            <v>安部 康夫</v>
          </cell>
          <cell r="E3242" t="str">
            <v>代表取締役</v>
          </cell>
          <cell r="F3242" t="str">
            <v>005-0004</v>
          </cell>
          <cell r="G3242" t="str">
            <v>南区澄川４－２－６－１５</v>
          </cell>
          <cell r="H3242" t="str">
            <v>821-3321</v>
          </cell>
          <cell r="I3242" t="str">
            <v>821-7490</v>
          </cell>
        </row>
        <row r="3243">
          <cell r="A3243" t="str">
            <v>40037S</v>
          </cell>
          <cell r="B3243" t="str">
            <v>ｱｻﾉｹﾝｾﾂ</v>
          </cell>
          <cell r="C3243" t="str">
            <v>浅野建設（株）</v>
          </cell>
          <cell r="D3243" t="str">
            <v>浅野 剛</v>
          </cell>
          <cell r="E3243" t="str">
            <v>代表取締役</v>
          </cell>
          <cell r="F3243" t="str">
            <v>005-0842</v>
          </cell>
          <cell r="G3243" t="str">
            <v>南区石山２－４－４－３２</v>
          </cell>
          <cell r="H3243" t="str">
            <v>591-8123</v>
          </cell>
          <cell r="I3243" t="str">
            <v>591-8159</v>
          </cell>
        </row>
        <row r="3244">
          <cell r="A3244" t="str">
            <v>40039Z</v>
          </cell>
          <cell r="B3244" t="str">
            <v>ｱｼﾞｱﾃﾞﾝｷｺｳｼﾞ</v>
          </cell>
          <cell r="C3244" t="str">
            <v>亜細亜電気工事（株）</v>
          </cell>
          <cell r="D3244" t="str">
            <v>今野 哲彦</v>
          </cell>
          <cell r="E3244" t="str">
            <v>代表取締役</v>
          </cell>
          <cell r="F3244" t="str">
            <v>060-0002</v>
          </cell>
          <cell r="G3244" t="str">
            <v>中央区北２西１４－３</v>
          </cell>
          <cell r="H3244" t="str">
            <v>222-4351</v>
          </cell>
          <cell r="I3244" t="str">
            <v>222-4349</v>
          </cell>
        </row>
        <row r="3245">
          <cell r="A3245" t="str">
            <v>40058Z</v>
          </cell>
          <cell r="B3245" t="str">
            <v>ｱｻﾋﾃｸﾉｽ</v>
          </cell>
          <cell r="C3245" t="str">
            <v>朝日テクノス（株）</v>
          </cell>
          <cell r="D3245" t="str">
            <v>白井 宣充</v>
          </cell>
          <cell r="E3245" t="str">
            <v>代表取締役</v>
          </cell>
          <cell r="F3245" t="str">
            <v>003-0839</v>
          </cell>
          <cell r="G3245" t="str">
            <v>白石区北郷９－７－３－８</v>
          </cell>
          <cell r="H3245" t="str">
            <v>874-0781</v>
          </cell>
          <cell r="I3245" t="str">
            <v>874-0780</v>
          </cell>
        </row>
        <row r="3246">
          <cell r="A3246" t="str">
            <v>40061S</v>
          </cell>
          <cell r="B3246" t="str">
            <v>ｱｻﾋﾄﾞｳ</v>
          </cell>
          <cell r="C3246" t="str">
            <v>（株）アサヒ堂</v>
          </cell>
          <cell r="D3246" t="str">
            <v>大井 清司</v>
          </cell>
          <cell r="E3246" t="str">
            <v>代表取締役</v>
          </cell>
          <cell r="F3246" t="str">
            <v>002-0853</v>
          </cell>
          <cell r="G3246" t="str">
            <v>北区屯田３－５－１１－２</v>
          </cell>
          <cell r="H3246" t="str">
            <v>771-1658</v>
          </cell>
          <cell r="I3246" t="str">
            <v>771-1702</v>
          </cell>
        </row>
        <row r="3247">
          <cell r="A3247" t="str">
            <v>40077Z</v>
          </cell>
          <cell r="B3247" t="str">
            <v>ｱｽﾅﾛｻｯﾎﾟﾛ</v>
          </cell>
          <cell r="C3247" t="str">
            <v>（株）あすなろサッポロ</v>
          </cell>
          <cell r="D3247" t="str">
            <v>深谷 隆</v>
          </cell>
          <cell r="E3247" t="str">
            <v>代表取締役</v>
          </cell>
          <cell r="F3247" t="str">
            <v>064-0952</v>
          </cell>
          <cell r="G3247" t="str">
            <v>中央区宮の森２－６－２－５</v>
          </cell>
          <cell r="H3247" t="str">
            <v>622-6002</v>
          </cell>
          <cell r="I3247" t="str">
            <v>622-6004</v>
          </cell>
        </row>
        <row r="3248">
          <cell r="A3248" t="str">
            <v>40088W</v>
          </cell>
          <cell r="B3248" t="str">
            <v>ｱｽﾄﾛ</v>
          </cell>
          <cell r="C3248" t="str">
            <v>（株）アストロ</v>
          </cell>
          <cell r="D3248" t="str">
            <v>圓崎 堅司</v>
          </cell>
          <cell r="E3248" t="str">
            <v>取締役社長</v>
          </cell>
          <cell r="F3248" t="str">
            <v>100-0005</v>
          </cell>
          <cell r="G3248" t="str">
            <v>東京都千代田区丸の内１－８－２</v>
          </cell>
          <cell r="H3248" t="str">
            <v>03-3287-2828</v>
          </cell>
          <cell r="I3248" t="str">
            <v>03-3287-2662</v>
          </cell>
        </row>
        <row r="3249">
          <cell r="A3249" t="str">
            <v>40090R</v>
          </cell>
          <cell r="B3249" t="str">
            <v>ｱｻﾋｺｳﾖｳ</v>
          </cell>
          <cell r="C3249" t="str">
            <v>朝日航洋（株）札幌航空支社</v>
          </cell>
          <cell r="D3249" t="str">
            <v>大屋 政則</v>
          </cell>
          <cell r="E3249" t="str">
            <v>支社長</v>
          </cell>
          <cell r="F3249" t="str">
            <v>007-0880</v>
          </cell>
          <cell r="G3249" t="str">
            <v>東区丘珠町丘珠空港内</v>
          </cell>
          <cell r="H3249" t="str">
            <v>782-0603</v>
          </cell>
          <cell r="I3249" t="str">
            <v>783-5286</v>
          </cell>
        </row>
        <row r="3250">
          <cell r="A3250" t="str">
            <v>40104P</v>
          </cell>
          <cell r="B3250" t="str">
            <v>ｱﾝｶｰｹﾝｾﾂ</v>
          </cell>
          <cell r="C3250" t="str">
            <v>アンカー建設（株）</v>
          </cell>
          <cell r="D3250" t="str">
            <v>平田 拳一</v>
          </cell>
          <cell r="E3250" t="str">
            <v>代表取締役</v>
          </cell>
          <cell r="F3250" t="str">
            <v>007-0869</v>
          </cell>
          <cell r="G3250" t="str">
            <v>東区伏古９－２－６－２４</v>
          </cell>
          <cell r="H3250" t="str">
            <v>785-6180</v>
          </cell>
          <cell r="I3250" t="str">
            <v>785-6182</v>
          </cell>
        </row>
        <row r="3251">
          <cell r="A3251" t="str">
            <v>40119Z</v>
          </cell>
          <cell r="B3251" t="str">
            <v>ｱｰﾄｿﾞｳｴﾝ</v>
          </cell>
          <cell r="C3251" t="str">
            <v>（株）アート造園</v>
          </cell>
          <cell r="D3251" t="str">
            <v>黒川 好明</v>
          </cell>
          <cell r="E3251" t="str">
            <v>代表取締役</v>
          </cell>
          <cell r="F3251" t="str">
            <v>002-8009</v>
          </cell>
          <cell r="G3251" t="str">
            <v>北区太平９－４－８－２０</v>
          </cell>
          <cell r="H3251" t="str">
            <v>772-6391</v>
          </cell>
          <cell r="I3251" t="str">
            <v>772-4833</v>
          </cell>
        </row>
        <row r="3252">
          <cell r="A3252" t="str">
            <v>40129Y</v>
          </cell>
          <cell r="B3252" t="str">
            <v>ﾊｸｼｮｳｹﾝｾﾂ</v>
          </cell>
          <cell r="C3252" t="str">
            <v>白翔建設（株）</v>
          </cell>
          <cell r="D3252" t="str">
            <v>源田 一徳</v>
          </cell>
          <cell r="E3252" t="str">
            <v>代表取締役</v>
          </cell>
          <cell r="F3252" t="str">
            <v>003-0861</v>
          </cell>
          <cell r="G3252" t="str">
            <v>白石区川下１－８－１－１０</v>
          </cell>
          <cell r="H3252" t="str">
            <v>801-4880</v>
          </cell>
          <cell r="I3252" t="str">
            <v>801-4881</v>
          </cell>
        </row>
        <row r="3253">
          <cell r="A3253" t="str">
            <v>40130W</v>
          </cell>
          <cell r="B3253" t="str">
            <v>ｱﾙﾌｧｴﾝｼﾞﾆｱﾘﾝｸﾞ</v>
          </cell>
          <cell r="C3253" t="str">
            <v>（株）アルファエンジニアリング</v>
          </cell>
          <cell r="D3253" t="str">
            <v>江良 謙一</v>
          </cell>
          <cell r="E3253" t="str">
            <v>代表取締役</v>
          </cell>
          <cell r="F3253" t="str">
            <v>007-0849</v>
          </cell>
          <cell r="G3253" t="str">
            <v>東区北４９東９－６－２０</v>
          </cell>
          <cell r="H3253" t="str">
            <v>723-0489</v>
          </cell>
          <cell r="I3253" t="str">
            <v>751-9164</v>
          </cell>
        </row>
        <row r="3254">
          <cell r="A3254" t="str">
            <v>40147N</v>
          </cell>
          <cell r="B3254" t="str">
            <v>ｱｽﾞﾏｺｳｷﾞｮｳ</v>
          </cell>
          <cell r="C3254" t="str">
            <v>（有）東工業</v>
          </cell>
          <cell r="D3254" t="str">
            <v>北内 敏春</v>
          </cell>
          <cell r="E3254" t="str">
            <v>代表取締役</v>
          </cell>
          <cell r="F3254" t="str">
            <v>007-0870</v>
          </cell>
          <cell r="G3254" t="str">
            <v>東区伏古１０－３－５－７</v>
          </cell>
          <cell r="H3254" t="str">
            <v>782-4195</v>
          </cell>
          <cell r="I3254" t="str">
            <v>782-4775</v>
          </cell>
        </row>
        <row r="3255">
          <cell r="A3255" t="str">
            <v>40153Y</v>
          </cell>
          <cell r="B3255" t="str">
            <v>ｱｻｸﾗﾄﾞｹﾝｺｳｷﾞｮｳ</v>
          </cell>
          <cell r="C3255" t="str">
            <v>朝倉土建工業（株）</v>
          </cell>
          <cell r="D3255" t="str">
            <v>朝倉 勇</v>
          </cell>
          <cell r="E3255" t="str">
            <v>代表取締役</v>
          </cell>
          <cell r="F3255" t="str">
            <v>063-0029</v>
          </cell>
          <cell r="G3255" t="str">
            <v>西区平和４０１</v>
          </cell>
          <cell r="H3255" t="str">
            <v>661-0374</v>
          </cell>
          <cell r="I3255" t="str">
            <v>661-0376</v>
          </cell>
        </row>
        <row r="3256">
          <cell r="A3256" t="str">
            <v>40192W</v>
          </cell>
          <cell r="B3256" t="str">
            <v>ｱｻﾋｶｲﾊﾂｺｳｷﾞｮｳ</v>
          </cell>
          <cell r="C3256" t="str">
            <v>旭開発工業（株）</v>
          </cell>
          <cell r="D3256" t="str">
            <v>阿部 吉雅</v>
          </cell>
          <cell r="E3256" t="str">
            <v>代表取締役</v>
          </cell>
          <cell r="F3256" t="str">
            <v>063-0802</v>
          </cell>
          <cell r="G3256" t="str">
            <v>西区２４軒２－１－１８</v>
          </cell>
          <cell r="H3256" t="str">
            <v>631-1276</v>
          </cell>
          <cell r="I3256" t="str">
            <v>631-1279</v>
          </cell>
        </row>
        <row r="3257">
          <cell r="A3257" t="str">
            <v>40211T</v>
          </cell>
          <cell r="B3257" t="str">
            <v>ｱﾙﾌｧﾃﾞﾝｹﾝ</v>
          </cell>
          <cell r="C3257" t="str">
            <v>アルファ電建（株）</v>
          </cell>
          <cell r="D3257" t="str">
            <v>早田 務</v>
          </cell>
          <cell r="E3257" t="str">
            <v>代表取締役</v>
          </cell>
          <cell r="F3257" t="str">
            <v>007-0844</v>
          </cell>
          <cell r="G3257" t="str">
            <v>東区北４４東１３－２－５</v>
          </cell>
          <cell r="H3257" t="str">
            <v>741-8611</v>
          </cell>
          <cell r="I3257" t="str">
            <v>741-8655</v>
          </cell>
        </row>
        <row r="3258">
          <cell r="A3258" t="str">
            <v>40261Z</v>
          </cell>
          <cell r="B3258" t="str">
            <v>ｱﾙﾌｧ･ﾗﾝﾄﾞｽｹｰﾌﾟ</v>
          </cell>
          <cell r="C3258" t="str">
            <v>アルファ・ランドスケープ（株）</v>
          </cell>
          <cell r="D3258" t="str">
            <v>東 敏</v>
          </cell>
          <cell r="E3258" t="str">
            <v>代表取締役</v>
          </cell>
          <cell r="F3258" t="str">
            <v>060-0008</v>
          </cell>
          <cell r="G3258" t="str">
            <v>中央区北８西１６－１－１ｸﾘｰﾝﾘﾊﾞｰ桑園８１０号</v>
          </cell>
          <cell r="H3258" t="str">
            <v>611-6536</v>
          </cell>
          <cell r="I3258" t="str">
            <v>611-6536</v>
          </cell>
        </row>
        <row r="3259">
          <cell r="A3259" t="str">
            <v>40266Y</v>
          </cell>
          <cell r="B3259" t="str">
            <v>ｱﾗ</v>
          </cell>
          <cell r="C3259" t="str">
            <v>（株）アラ</v>
          </cell>
          <cell r="D3259" t="str">
            <v>岡田 忠</v>
          </cell>
          <cell r="E3259" t="str">
            <v>代表取締役</v>
          </cell>
          <cell r="F3259" t="str">
            <v>060-0062</v>
          </cell>
          <cell r="G3259" t="str">
            <v>中央区南２西３－８</v>
          </cell>
          <cell r="H3259" t="str">
            <v>223-6620</v>
          </cell>
          <cell r="I3259" t="str">
            <v>223-6621</v>
          </cell>
        </row>
        <row r="3260">
          <cell r="A3260" t="str">
            <v>40801R</v>
          </cell>
          <cell r="B3260" t="str">
            <v>ｱﾘﾔｽｾﾂｹｲｺﾝｻﾙﾀﾝﾄ</v>
          </cell>
          <cell r="C3260" t="str">
            <v>（株）アリヤス設計コンサルタント</v>
          </cell>
          <cell r="D3260" t="str">
            <v>拝戸 富士夫</v>
          </cell>
          <cell r="E3260" t="str">
            <v>代表取締役社長</v>
          </cell>
          <cell r="F3260" t="str">
            <v>063-0801</v>
          </cell>
          <cell r="G3260" t="str">
            <v>西区二十四軒１－４－１－１０</v>
          </cell>
          <cell r="H3260" t="str">
            <v>612-1123</v>
          </cell>
          <cell r="I3260" t="str">
            <v>612-1152</v>
          </cell>
        </row>
        <row r="3261">
          <cell r="A3261" t="str">
            <v>40805S</v>
          </cell>
          <cell r="B3261" t="str">
            <v>ｱｼﾞｱｺｳｿｸ</v>
          </cell>
          <cell r="C3261" t="str">
            <v>アジア航測（株）札幌支店</v>
          </cell>
          <cell r="D3261" t="str">
            <v>松岡 佳人</v>
          </cell>
          <cell r="E3261" t="str">
            <v>支店長</v>
          </cell>
          <cell r="F3261" t="str">
            <v>060-0042</v>
          </cell>
          <cell r="G3261" t="str">
            <v>中央区大通西９－１</v>
          </cell>
          <cell r="H3261" t="str">
            <v>281-3935</v>
          </cell>
          <cell r="I3261" t="str">
            <v>261-0602</v>
          </cell>
        </row>
        <row r="3262">
          <cell r="A3262" t="str">
            <v>40837W</v>
          </cell>
          <cell r="B3262" t="str">
            <v>ｱﾝｾﾞﾝｳﾝﾕｹﾝｾﾂ</v>
          </cell>
          <cell r="C3262" t="str">
            <v>安全運輸建設（株）</v>
          </cell>
          <cell r="D3262" t="str">
            <v>湯瀬 司</v>
          </cell>
          <cell r="E3262" t="str">
            <v>代表取締役</v>
          </cell>
          <cell r="F3262" t="str">
            <v>006-0835</v>
          </cell>
          <cell r="G3262" t="str">
            <v>手稲区曙５－５－６－１４</v>
          </cell>
          <cell r="H3262" t="str">
            <v>694-6166</v>
          </cell>
          <cell r="I3262" t="str">
            <v>694-6300</v>
          </cell>
        </row>
        <row r="3263">
          <cell r="A3263" t="str">
            <v>40841Y</v>
          </cell>
          <cell r="B3263" t="str">
            <v>ｱｻﾇﾏｻﾝｷﾞｮｳ</v>
          </cell>
          <cell r="C3263" t="str">
            <v>（有）浅沼産業</v>
          </cell>
          <cell r="D3263" t="str">
            <v>浅沼 征史</v>
          </cell>
          <cell r="E3263" t="str">
            <v>代表取締役</v>
          </cell>
          <cell r="F3263" t="str">
            <v>007-0820</v>
          </cell>
          <cell r="G3263" t="str">
            <v>東区東雁来町１７８－７４</v>
          </cell>
          <cell r="H3263" t="str">
            <v>791-0108</v>
          </cell>
          <cell r="I3263" t="str">
            <v>791-0379</v>
          </cell>
        </row>
        <row r="3264">
          <cell r="A3264" t="str">
            <v>41007V</v>
          </cell>
          <cell r="B3264" t="str">
            <v>ｲﾜﾓﾄｾｷﾃｲ</v>
          </cell>
          <cell r="C3264" t="str">
            <v>（株）岩本石庭</v>
          </cell>
          <cell r="D3264" t="str">
            <v>岩本 任功</v>
          </cell>
          <cell r="E3264" t="str">
            <v>代表取締役</v>
          </cell>
          <cell r="F3264" t="str">
            <v>005-0841</v>
          </cell>
          <cell r="G3264" t="str">
            <v>南区石山１－４－２－１</v>
          </cell>
          <cell r="H3264" t="str">
            <v>591-5551</v>
          </cell>
          <cell r="I3264" t="str">
            <v>592-5830</v>
          </cell>
        </row>
        <row r="3265">
          <cell r="A3265" t="str">
            <v>41008S</v>
          </cell>
          <cell r="B3265" t="str">
            <v>ｲﾜｻｷｿﾞｳｴﾝﾄﾞﾎﾞｸ</v>
          </cell>
          <cell r="C3265" t="str">
            <v>（株）岩崎造園土木</v>
          </cell>
          <cell r="D3265" t="str">
            <v>岩崎 啓一</v>
          </cell>
          <cell r="E3265" t="str">
            <v>代表取締役</v>
          </cell>
          <cell r="F3265" t="str">
            <v>065-0021</v>
          </cell>
          <cell r="G3265" t="str">
            <v>東区北２１東８－３－６</v>
          </cell>
          <cell r="H3265" t="str">
            <v>741-3189</v>
          </cell>
          <cell r="I3265" t="str">
            <v>741-3187</v>
          </cell>
        </row>
        <row r="3266">
          <cell r="A3266" t="str">
            <v>41014P</v>
          </cell>
          <cell r="B3266" t="str">
            <v>ｲｼﾂﾞｶｺｳﾑﾃﾝ</v>
          </cell>
          <cell r="C3266" t="str">
            <v>（株）石塚工務店</v>
          </cell>
          <cell r="D3266" t="str">
            <v>石塚 鋭三</v>
          </cell>
          <cell r="E3266" t="str">
            <v>代表取締役</v>
          </cell>
          <cell r="F3266" t="str">
            <v>062-0023</v>
          </cell>
          <cell r="G3266" t="str">
            <v>豊平区月寒西３－６－２－１</v>
          </cell>
          <cell r="H3266" t="str">
            <v>851-3478</v>
          </cell>
          <cell r="I3266" t="str">
            <v>852-1757</v>
          </cell>
        </row>
        <row r="3267">
          <cell r="A3267" t="str">
            <v>41016W</v>
          </cell>
          <cell r="B3267" t="str">
            <v>ｲﾄｳﾃﾞﾝｷｼｮｳｶｲ</v>
          </cell>
          <cell r="C3267" t="str">
            <v>（株）伊藤電気商会</v>
          </cell>
          <cell r="D3267" t="str">
            <v>高橋 稔</v>
          </cell>
          <cell r="E3267" t="str">
            <v>代表取締役</v>
          </cell>
          <cell r="F3267" t="str">
            <v>003-0834</v>
          </cell>
          <cell r="G3267" t="str">
            <v>白石区北郷４－６－２－１６</v>
          </cell>
          <cell r="H3267" t="str">
            <v>871-0338</v>
          </cell>
          <cell r="I3267" t="str">
            <v>871-3779</v>
          </cell>
        </row>
        <row r="3268">
          <cell r="A3268" t="str">
            <v>41017T</v>
          </cell>
          <cell r="B3268" t="str">
            <v>ｲｼﾔﾏﾃﾞﾝｷｼｮｳｶｲ</v>
          </cell>
          <cell r="C3268" t="str">
            <v>（株）石山電気商会</v>
          </cell>
          <cell r="D3268" t="str">
            <v>河地 靖幸</v>
          </cell>
          <cell r="E3268" t="str">
            <v>代表取締役</v>
          </cell>
          <cell r="F3268" t="str">
            <v>005-0842</v>
          </cell>
          <cell r="G3268" t="str">
            <v>南区石山２－７－１２－７</v>
          </cell>
          <cell r="H3268" t="str">
            <v>591-8052</v>
          </cell>
          <cell r="I3268" t="str">
            <v>592-4418</v>
          </cell>
        </row>
        <row r="3269">
          <cell r="A3269" t="str">
            <v>41018R</v>
          </cell>
          <cell r="B3269" t="str">
            <v>ｲｹﾀﾞﾀﾞﾝﾎﾞｳｺｳｷﾞｮｳ</v>
          </cell>
          <cell r="C3269" t="str">
            <v>池田煖房工業（株）</v>
          </cell>
          <cell r="D3269" t="str">
            <v>池田 薫</v>
          </cell>
          <cell r="E3269" t="str">
            <v>代表取締役社長</v>
          </cell>
          <cell r="F3269" t="str">
            <v>001-0012</v>
          </cell>
          <cell r="G3269" t="str">
            <v>北区北１２西３－８</v>
          </cell>
          <cell r="H3269" t="str">
            <v>726-1151</v>
          </cell>
          <cell r="I3269" t="str">
            <v>726-1150</v>
          </cell>
        </row>
        <row r="3270">
          <cell r="A3270" t="str">
            <v>41025X</v>
          </cell>
          <cell r="B3270" t="str">
            <v>ｲﾁｶﾜｿﾞｳｴﾝ</v>
          </cell>
          <cell r="C3270" t="str">
            <v>（株）市川造園</v>
          </cell>
          <cell r="D3270" t="str">
            <v>市川 俊明</v>
          </cell>
          <cell r="E3270" t="str">
            <v>代表取締役</v>
          </cell>
          <cell r="F3270" t="str">
            <v>007-0874</v>
          </cell>
          <cell r="G3270" t="str">
            <v>東区伏古１４－３－１３－１０</v>
          </cell>
          <cell r="H3270" t="str">
            <v>783-5411</v>
          </cell>
          <cell r="I3270" t="str">
            <v>783-5415</v>
          </cell>
        </row>
        <row r="3271">
          <cell r="A3271" t="str">
            <v>41052P</v>
          </cell>
          <cell r="B3271" t="str">
            <v>ｲｼｶﾜｼﾞﾏﾊﾝﾖｳｷｻｰﾋﾞｽ</v>
          </cell>
          <cell r="C3271" t="str">
            <v>石川島汎用機サービス（株）北海道事業所</v>
          </cell>
          <cell r="D3271" t="str">
            <v>押切 廣光</v>
          </cell>
          <cell r="E3271" t="str">
            <v>所長</v>
          </cell>
          <cell r="F3271" t="str">
            <v>060-0906</v>
          </cell>
          <cell r="G3271" t="str">
            <v>東区北６東３－３－１</v>
          </cell>
          <cell r="H3271" t="str">
            <v>743-6090</v>
          </cell>
          <cell r="I3271" t="str">
            <v>743-6099</v>
          </cell>
        </row>
        <row r="3272">
          <cell r="A3272" t="str">
            <v>41074V</v>
          </cell>
          <cell r="B3272" t="str">
            <v>ｲﾏｲﾃﾞﾝｷ</v>
          </cell>
          <cell r="C3272" t="str">
            <v>今井電機（株）</v>
          </cell>
          <cell r="D3272" t="str">
            <v>今井 与志朗</v>
          </cell>
          <cell r="E3272" t="str">
            <v>代表取締役</v>
          </cell>
          <cell r="F3272" t="str">
            <v>003-0029</v>
          </cell>
          <cell r="G3272" t="str">
            <v>白石区平和通１１北３－２０</v>
          </cell>
          <cell r="H3272" t="str">
            <v>861-4325</v>
          </cell>
          <cell r="I3272" t="str">
            <v>861-1010</v>
          </cell>
        </row>
        <row r="3273">
          <cell r="A3273" t="str">
            <v>41076N</v>
          </cell>
          <cell r="B3273" t="str">
            <v>ｲﾄｳｾｲｶﾝｺｳｷﾞｮｳ</v>
          </cell>
          <cell r="C3273" t="str">
            <v>伊藤製缶工業（株）</v>
          </cell>
          <cell r="D3273" t="str">
            <v>近藤 英夫</v>
          </cell>
          <cell r="E3273" t="str">
            <v>代表取締役</v>
          </cell>
          <cell r="F3273" t="str">
            <v>063-0834</v>
          </cell>
          <cell r="G3273" t="str">
            <v>西区発寒１４－１３－２－１</v>
          </cell>
          <cell r="H3273" t="str">
            <v>661-7181</v>
          </cell>
          <cell r="I3273" t="str">
            <v>662-9028</v>
          </cell>
        </row>
        <row r="3274">
          <cell r="A3274" t="str">
            <v>41121T</v>
          </cell>
          <cell r="B3274" t="str">
            <v>ｲﾄｳｷｶｲｾｲｻｸｼｮ</v>
          </cell>
          <cell r="C3274" t="str">
            <v>（株）伊藤機械製作所</v>
          </cell>
          <cell r="D3274" t="str">
            <v>伊藤 真一</v>
          </cell>
          <cell r="E3274" t="str">
            <v>代表取締役</v>
          </cell>
          <cell r="F3274" t="str">
            <v>007-0825</v>
          </cell>
          <cell r="G3274" t="str">
            <v>東区東雁来５－１－３－２８</v>
          </cell>
          <cell r="H3274" t="str">
            <v>784-0021</v>
          </cell>
          <cell r="I3274" t="str">
            <v>784-0026</v>
          </cell>
        </row>
        <row r="3275">
          <cell r="A3275" t="str">
            <v>41148X</v>
          </cell>
          <cell r="B3275" t="str">
            <v>ｲｼﾔﾏｿﾞｳｴﾝ</v>
          </cell>
          <cell r="C3275" t="str">
            <v>石山造園（株）</v>
          </cell>
          <cell r="D3275" t="str">
            <v>石山 譲二</v>
          </cell>
          <cell r="E3275" t="str">
            <v>代表取締役</v>
          </cell>
          <cell r="F3275" t="str">
            <v>005-0040</v>
          </cell>
          <cell r="G3275" t="str">
            <v>南区藻岩下１－５－１３</v>
          </cell>
          <cell r="H3275" t="str">
            <v>584-4030</v>
          </cell>
          <cell r="I3275" t="str">
            <v>584-4032</v>
          </cell>
        </row>
        <row r="3276">
          <cell r="A3276" t="str">
            <v>41150S</v>
          </cell>
          <cell r="B3276" t="str">
            <v>ｲｼｶﾘｶﾝｷｮｳﾒﾝﾃﾅﾝｽｾﾝﾀｰ</v>
          </cell>
          <cell r="C3276" t="str">
            <v>（株）石狩環境メンテナンスセンター</v>
          </cell>
          <cell r="D3276" t="str">
            <v>米澤 哲</v>
          </cell>
          <cell r="E3276" t="str">
            <v>代表取締役</v>
          </cell>
          <cell r="F3276" t="str">
            <v>061-3242</v>
          </cell>
          <cell r="G3276" t="str">
            <v>石狩市新港中央３－７５０－１０</v>
          </cell>
          <cell r="H3276" t="str">
            <v>0133-64-6020</v>
          </cell>
          <cell r="I3276" t="str">
            <v>0133-64-6022</v>
          </cell>
        </row>
        <row r="3277">
          <cell r="A3277" t="str">
            <v>41167X</v>
          </cell>
          <cell r="B3277" t="str">
            <v>ﾊﾔｶﾜｹﾝｾﾂ</v>
          </cell>
          <cell r="C3277" t="str">
            <v>ハヤカワ建設（株）</v>
          </cell>
          <cell r="D3277" t="str">
            <v>早川 孝</v>
          </cell>
          <cell r="E3277" t="str">
            <v>代表取締役</v>
          </cell>
          <cell r="F3277" t="str">
            <v>061-0215</v>
          </cell>
          <cell r="G3277" t="str">
            <v>石狩郡当別町対雁３０</v>
          </cell>
          <cell r="H3277" t="str">
            <v>01332-3-3734</v>
          </cell>
          <cell r="I3277" t="str">
            <v>01332-2-2185</v>
          </cell>
        </row>
        <row r="3278">
          <cell r="A3278" t="str">
            <v>41169S</v>
          </cell>
          <cell r="B3278" t="str">
            <v>ｲｼｵｶﾊｲｶﾝｺｳｷﾞｮｳ</v>
          </cell>
          <cell r="C3278" t="str">
            <v>（有）石岡配管工業</v>
          </cell>
          <cell r="D3278" t="str">
            <v>石岡 恵一</v>
          </cell>
          <cell r="E3278" t="str">
            <v>代表取締役</v>
          </cell>
          <cell r="F3278" t="str">
            <v>063-0053</v>
          </cell>
          <cell r="G3278" t="str">
            <v>西区宮の沢３－３－１－２６</v>
          </cell>
          <cell r="H3278" t="str">
            <v>665-3527</v>
          </cell>
          <cell r="I3278" t="str">
            <v>665-4243</v>
          </cell>
        </row>
        <row r="3279">
          <cell r="A3279" t="str">
            <v>41175N</v>
          </cell>
          <cell r="B3279" t="str">
            <v>ｲｻﾞﾜ</v>
          </cell>
          <cell r="C3279" t="str">
            <v>（株）イザワ</v>
          </cell>
          <cell r="D3279" t="str">
            <v>伊澤 勝年</v>
          </cell>
          <cell r="E3279" t="str">
            <v>代表取締役</v>
          </cell>
          <cell r="F3279" t="str">
            <v>003-0021</v>
          </cell>
          <cell r="G3279" t="str">
            <v>白石区栄通９－５－２８</v>
          </cell>
          <cell r="H3279" t="str">
            <v>851-3640</v>
          </cell>
          <cell r="I3279" t="str">
            <v>853-9556</v>
          </cell>
        </row>
        <row r="3280">
          <cell r="A3280" t="str">
            <v>41177W</v>
          </cell>
          <cell r="B3280" t="str">
            <v>ｲｼｶﾘﾄﾞﾎﾞｸｿﾞｳｴﾝ</v>
          </cell>
          <cell r="C3280" t="str">
            <v>（株）石狩土木造園</v>
          </cell>
          <cell r="D3280" t="str">
            <v>高島 和雄</v>
          </cell>
          <cell r="E3280" t="str">
            <v>代表取締役</v>
          </cell>
          <cell r="F3280" t="str">
            <v>061-3365</v>
          </cell>
          <cell r="G3280" t="str">
            <v>石狩市親船東１－１－６</v>
          </cell>
          <cell r="H3280" t="str">
            <v>0133-62-4126</v>
          </cell>
          <cell r="I3280" t="str">
            <v>0133-62-3454</v>
          </cell>
        </row>
        <row r="3281">
          <cell r="A3281" t="str">
            <v>41180N</v>
          </cell>
          <cell r="B3281" t="str">
            <v>ｲｽﾞﾐｸｽ</v>
          </cell>
          <cell r="C3281" t="str">
            <v>（有）いずみくす</v>
          </cell>
          <cell r="D3281" t="str">
            <v>三瓶 忠義</v>
          </cell>
          <cell r="E3281" t="str">
            <v>代表取締役</v>
          </cell>
          <cell r="F3281" t="str">
            <v>004-0872</v>
          </cell>
          <cell r="G3281" t="str">
            <v>清田区平岡２－６－３－１２</v>
          </cell>
          <cell r="H3281" t="str">
            <v>884-2210</v>
          </cell>
          <cell r="I3281" t="str">
            <v>884-2215</v>
          </cell>
        </row>
        <row r="3282">
          <cell r="A3282" t="str">
            <v>41224W</v>
          </cell>
          <cell r="B3282" t="str">
            <v>ｲｹﾓﾄｾﾂﾋﾞｺｳｷﾞｮｳ</v>
          </cell>
          <cell r="C3282" t="str">
            <v>（有）池本設備工業</v>
          </cell>
          <cell r="D3282" t="str">
            <v>池本 敏ニ</v>
          </cell>
          <cell r="E3282" t="str">
            <v>取締役</v>
          </cell>
          <cell r="F3282" t="str">
            <v>006-0815</v>
          </cell>
          <cell r="G3282" t="str">
            <v>手稲区前田５－１１－１－３９</v>
          </cell>
          <cell r="H3282" t="str">
            <v>682-2832</v>
          </cell>
          <cell r="I3282" t="str">
            <v>682-2840</v>
          </cell>
        </row>
        <row r="3283">
          <cell r="A3283" t="str">
            <v>41818V</v>
          </cell>
          <cell r="B3283" t="str">
            <v>ﾅｯｸﾌﾟﾗﾝﾆﾝｸﾞ</v>
          </cell>
          <cell r="C3283" t="str">
            <v>（株）ナック・プランニング</v>
          </cell>
          <cell r="D3283" t="str">
            <v>成田 長英</v>
          </cell>
          <cell r="E3283" t="str">
            <v>代表取締役</v>
          </cell>
          <cell r="F3283" t="str">
            <v>060-0004</v>
          </cell>
          <cell r="G3283" t="str">
            <v>中央区北４西１４－１－６３</v>
          </cell>
          <cell r="H3283" t="str">
            <v>241-2422</v>
          </cell>
          <cell r="I3283" t="str">
            <v>222-8016</v>
          </cell>
        </row>
        <row r="3284">
          <cell r="A3284" t="str">
            <v>41824S</v>
          </cell>
          <cell r="B3284" t="str">
            <v>ｲｼｶﾘﾁｸﾄﾗｯｸｼﾞｷﾞｮｳ</v>
          </cell>
          <cell r="C3284" t="str">
            <v>石狩地区トラック事業（協）</v>
          </cell>
          <cell r="D3284" t="str">
            <v>梶原 勇吉</v>
          </cell>
          <cell r="E3284" t="str">
            <v>理事長</v>
          </cell>
          <cell r="F3284" t="str">
            <v>003-0030</v>
          </cell>
          <cell r="G3284" t="str">
            <v>白石区流通センター５－３－４５</v>
          </cell>
          <cell r="H3284" t="str">
            <v>863-2277</v>
          </cell>
          <cell r="I3284" t="str">
            <v>862-3457</v>
          </cell>
        </row>
        <row r="3285">
          <cell r="A3285" t="str">
            <v>41825N</v>
          </cell>
          <cell r="B3285" t="str">
            <v>ｲﾜﾀﾞﾃｺｳｷﾞｮｳ</v>
          </cell>
          <cell r="C3285" t="str">
            <v>（有）岩館興業</v>
          </cell>
          <cell r="D3285" t="str">
            <v>岩館 武則</v>
          </cell>
          <cell r="E3285" t="str">
            <v>代表取締役</v>
          </cell>
          <cell r="F3285" t="str">
            <v>003-0012</v>
          </cell>
          <cell r="G3285" t="str">
            <v>白石区中央２－７－１－５１</v>
          </cell>
          <cell r="H3285" t="str">
            <v>865-4695</v>
          </cell>
          <cell r="I3285" t="str">
            <v>865-1390</v>
          </cell>
        </row>
        <row r="3286">
          <cell r="A3286" t="str">
            <v>41826Y</v>
          </cell>
          <cell r="B3286" t="str">
            <v>ｲｶﾞﾗｼｹﾝｻﾞｲ</v>
          </cell>
          <cell r="C3286" t="str">
            <v>（株）五十嵐建材</v>
          </cell>
          <cell r="D3286" t="str">
            <v>五十嵐 徳美</v>
          </cell>
          <cell r="E3286" t="str">
            <v>代表取締役</v>
          </cell>
          <cell r="F3286" t="str">
            <v>007-0804</v>
          </cell>
          <cell r="G3286" t="str">
            <v>東区東苗穂４－２－１－５０</v>
          </cell>
          <cell r="H3286" t="str">
            <v>781-7988</v>
          </cell>
          <cell r="I3286" t="str">
            <v>781-7965</v>
          </cell>
        </row>
        <row r="3287">
          <cell r="A3287" t="str">
            <v>41827W</v>
          </cell>
          <cell r="B3287" t="str">
            <v>ｲﾜｾｿｳｷﾞｮｳ</v>
          </cell>
          <cell r="C3287" t="str">
            <v>（株）岩瀬総業</v>
          </cell>
          <cell r="D3287" t="str">
            <v>岩瀬 孝一</v>
          </cell>
          <cell r="E3287" t="str">
            <v>代表取締役</v>
          </cell>
          <cell r="F3287" t="str">
            <v>061-0207</v>
          </cell>
          <cell r="G3287" t="str">
            <v>石狩市当別町字上当別９１０</v>
          </cell>
          <cell r="H3287" t="str">
            <v>01332-6-2354</v>
          </cell>
          <cell r="I3287" t="str">
            <v>01332-6-3117</v>
          </cell>
        </row>
        <row r="3288">
          <cell r="A3288" t="str">
            <v>41828T</v>
          </cell>
          <cell r="B3288" t="str">
            <v>ｲｹﾀﾞｻﾝｷﾞｮｳ</v>
          </cell>
          <cell r="C3288" t="str">
            <v>池田産業（株）</v>
          </cell>
          <cell r="D3288" t="str">
            <v>池田 等</v>
          </cell>
          <cell r="E3288" t="str">
            <v>代表取締役</v>
          </cell>
          <cell r="F3288" t="str">
            <v>003-0865</v>
          </cell>
          <cell r="G3288" t="str">
            <v>白石区川下５－４－３－４３</v>
          </cell>
          <cell r="H3288" t="str">
            <v>873-4180</v>
          </cell>
          <cell r="I3288" t="str">
            <v>873-4183</v>
          </cell>
        </row>
        <row r="3289">
          <cell r="A3289" t="str">
            <v>42005Y</v>
          </cell>
          <cell r="B3289" t="str">
            <v>ｳﾁﾀﾞﾃﾞﾝｷｺｳｷﾞｮｳ</v>
          </cell>
          <cell r="C3289" t="str">
            <v>内田電気工業（株）</v>
          </cell>
          <cell r="D3289" t="str">
            <v>村上 秀男</v>
          </cell>
          <cell r="E3289" t="str">
            <v>代表取締役</v>
          </cell>
          <cell r="F3289" t="str">
            <v>001-0934</v>
          </cell>
          <cell r="G3289" t="str">
            <v>北区新川西４－３－２－５</v>
          </cell>
          <cell r="H3289" t="str">
            <v>764-4421</v>
          </cell>
          <cell r="I3289" t="str">
            <v>764-4495</v>
          </cell>
        </row>
        <row r="3290">
          <cell r="A3290" t="str">
            <v>42504N</v>
          </cell>
          <cell r="B3290" t="str">
            <v>ｴﾚﾜｰｸ</v>
          </cell>
          <cell r="C3290" t="str">
            <v>（株）エレワーク</v>
          </cell>
          <cell r="D3290" t="str">
            <v>菅原 貞雄</v>
          </cell>
          <cell r="E3290" t="str">
            <v>代表取締役</v>
          </cell>
          <cell r="F3290" t="str">
            <v>062-0902</v>
          </cell>
          <cell r="G3290" t="str">
            <v>豊平区豊平２－１１－３</v>
          </cell>
          <cell r="H3290" t="str">
            <v>823-2890</v>
          </cell>
          <cell r="I3290" t="str">
            <v>823-2899</v>
          </cell>
        </row>
        <row r="3291">
          <cell r="A3291" t="str">
            <v>42505X</v>
          </cell>
          <cell r="B3291" t="str">
            <v>ﾆｯｼｮｳﾚｲﾈﾂ</v>
          </cell>
          <cell r="C3291" t="str">
            <v>日章冷熱（株）</v>
          </cell>
          <cell r="D3291" t="str">
            <v>碇 一泰</v>
          </cell>
          <cell r="E3291" t="str">
            <v>代表取締役社長</v>
          </cell>
          <cell r="F3291" t="str">
            <v>065-0019</v>
          </cell>
          <cell r="G3291" t="str">
            <v>東区北１９東２－１－２１</v>
          </cell>
          <cell r="H3291" t="str">
            <v>742-7273</v>
          </cell>
          <cell r="I3291" t="str">
            <v>742-0113</v>
          </cell>
        </row>
        <row r="3292">
          <cell r="A3292" t="str">
            <v>42507S</v>
          </cell>
          <cell r="B3292" t="str">
            <v>ｴｽｱﾝﾄﾞｼﾞｰ</v>
          </cell>
          <cell r="C3292" t="str">
            <v>（株）エスアンドジー</v>
          </cell>
          <cell r="D3292" t="str">
            <v>田野 幸繁</v>
          </cell>
          <cell r="E3292" t="str">
            <v>代表取締役</v>
          </cell>
          <cell r="F3292" t="str">
            <v>062-0051</v>
          </cell>
          <cell r="G3292" t="str">
            <v>豊平区月寒東１－６－５－２９</v>
          </cell>
          <cell r="H3292" t="str">
            <v>855-8651</v>
          </cell>
          <cell r="I3292" t="str">
            <v>855-8652</v>
          </cell>
        </row>
        <row r="3293">
          <cell r="A3293" t="str">
            <v>42509Z</v>
          </cell>
          <cell r="B3293" t="str">
            <v>ｴｰﾋﾟｰｴﾑ</v>
          </cell>
          <cell r="C3293" t="str">
            <v>（株）エー・ピー・エム</v>
          </cell>
          <cell r="D3293" t="str">
            <v>管野 龍雄</v>
          </cell>
          <cell r="E3293" t="str">
            <v>代表取締役社長</v>
          </cell>
          <cell r="F3293" t="str">
            <v>001-0908</v>
          </cell>
          <cell r="G3293" t="str">
            <v>北区新琴似８－１３－２－２６</v>
          </cell>
          <cell r="H3293" t="str">
            <v>765-7848</v>
          </cell>
          <cell r="I3293" t="str">
            <v>761-2882</v>
          </cell>
        </row>
        <row r="3294">
          <cell r="A3294" t="str">
            <v>42512S</v>
          </cell>
          <cell r="B3294" t="str">
            <v>ｴﾝｹﾝ</v>
          </cell>
          <cell r="C3294" t="str">
            <v>（株）園建</v>
          </cell>
          <cell r="D3294" t="str">
            <v>嘉屋 輝夫</v>
          </cell>
          <cell r="E3294" t="str">
            <v>代表取締役</v>
          </cell>
          <cell r="F3294" t="str">
            <v>004-0042</v>
          </cell>
          <cell r="G3294" t="str">
            <v>厚別区大谷地西６－２－３</v>
          </cell>
          <cell r="H3294" t="str">
            <v>891-7111</v>
          </cell>
          <cell r="I3294" t="str">
            <v>891-7114</v>
          </cell>
        </row>
        <row r="3295">
          <cell r="A3295" t="str">
            <v>42516T</v>
          </cell>
          <cell r="B3295" t="str">
            <v>ｴﾊﾞﾗｼｮｳｼﾞ</v>
          </cell>
          <cell r="C3295" t="str">
            <v>荏原商事（株）北海道支店</v>
          </cell>
          <cell r="D3295" t="str">
            <v>大寺 一</v>
          </cell>
          <cell r="E3295" t="str">
            <v>支店長</v>
          </cell>
          <cell r="F3295" t="str">
            <v>060-0003</v>
          </cell>
          <cell r="G3295" t="str">
            <v>中央区北３西４－１－１ 日本生命ビル７</v>
          </cell>
          <cell r="H3295" t="str">
            <v>221-5398</v>
          </cell>
          <cell r="I3295" t="str">
            <v>221-5344</v>
          </cell>
        </row>
        <row r="3296">
          <cell r="A3296" t="str">
            <v>42519Y</v>
          </cell>
          <cell r="B3296" t="str">
            <v>ｴﾇ･ﾃｨ･ﾃｨ ｴﾑｲｰﾎｯｶｲﾄﾞｳ</v>
          </cell>
          <cell r="C3296" t="str">
            <v>（株）エヌ・ティ・ティ エムイー北海道</v>
          </cell>
          <cell r="D3296" t="str">
            <v>高橋 茂夫</v>
          </cell>
          <cell r="E3296" t="str">
            <v>代表取締役</v>
          </cell>
          <cell r="F3296" t="str">
            <v>060-0001</v>
          </cell>
          <cell r="G3296" t="str">
            <v>中央区北１西４－２－４</v>
          </cell>
          <cell r="H3296" t="str">
            <v>210-2500</v>
          </cell>
          <cell r="I3296" t="str">
            <v>210-2550</v>
          </cell>
        </row>
        <row r="3297">
          <cell r="A3297" t="str">
            <v>42535T</v>
          </cell>
          <cell r="B3297" t="str">
            <v>ｴﾊﾞﾗﾃｸﾉｻｰﾌﾞ</v>
          </cell>
          <cell r="C3297" t="str">
            <v>荏原テクノサーブ（株）北海道支店</v>
          </cell>
          <cell r="D3297" t="str">
            <v>佐藤 文彦</v>
          </cell>
          <cell r="E3297" t="str">
            <v>支店長</v>
          </cell>
          <cell r="F3297" t="str">
            <v>003-0027</v>
          </cell>
          <cell r="G3297" t="str">
            <v>白石区本通１９北１－２５</v>
          </cell>
          <cell r="H3297" t="str">
            <v>864-7677</v>
          </cell>
          <cell r="I3297" t="str">
            <v>864-7577</v>
          </cell>
        </row>
        <row r="3298">
          <cell r="A3298" t="str">
            <v>42561N</v>
          </cell>
          <cell r="B3298" t="str">
            <v>ｴﾇ･ﾃｨ･ﾃｨ･ﾃﾞｰﾀ</v>
          </cell>
          <cell r="C3298" t="str">
            <v>（株）エヌ・ティ・ティ・データ北海道営業支店</v>
          </cell>
          <cell r="D3298" t="str">
            <v>大滝 幸政</v>
          </cell>
          <cell r="E3298" t="str">
            <v>支店長</v>
          </cell>
          <cell r="F3298" t="str">
            <v>060-0002</v>
          </cell>
          <cell r="G3298" t="str">
            <v>中央区北２西４－１</v>
          </cell>
          <cell r="H3298" t="str">
            <v>281-7004</v>
          </cell>
          <cell r="I3298" t="str">
            <v>281-2757</v>
          </cell>
        </row>
        <row r="3299">
          <cell r="A3299" t="str">
            <v>42566Z</v>
          </cell>
          <cell r="B3299" t="str">
            <v>ｴﾊﾞﾗﾎﾞｲﾗ</v>
          </cell>
          <cell r="C3299" t="str">
            <v>荏原ボイラ（株）北海道支店</v>
          </cell>
          <cell r="D3299" t="str">
            <v>五十嵐 正美</v>
          </cell>
          <cell r="E3299" t="str">
            <v>支店長</v>
          </cell>
          <cell r="F3299" t="str">
            <v>003-0027</v>
          </cell>
          <cell r="G3299" t="str">
            <v>白石区本通１９北１－２５</v>
          </cell>
          <cell r="H3299" t="str">
            <v>865-4977</v>
          </cell>
          <cell r="I3299" t="str">
            <v>865-4988</v>
          </cell>
        </row>
        <row r="3300">
          <cell r="A3300" t="str">
            <v>42576Y</v>
          </cell>
          <cell r="B3300" t="str">
            <v>ｴｰｽｺﾝｻﾙﾀﾝﾂ</v>
          </cell>
          <cell r="C3300" t="str">
            <v>エースコンサルタンツ（株）</v>
          </cell>
          <cell r="D3300" t="str">
            <v>佐藤 孝文</v>
          </cell>
          <cell r="E3300" t="str">
            <v>代表取締役</v>
          </cell>
          <cell r="F3300" t="str">
            <v>060-0051</v>
          </cell>
          <cell r="G3300" t="str">
            <v>中央区南１東１－２－１</v>
          </cell>
          <cell r="H3300" t="str">
            <v>221-3120</v>
          </cell>
          <cell r="I3300" t="str">
            <v>221-3808</v>
          </cell>
        </row>
        <row r="3301">
          <cell r="A3301" t="str">
            <v>42583T</v>
          </cell>
          <cell r="B3301" t="str">
            <v>ｴｺﾆｸｽ</v>
          </cell>
          <cell r="C3301" t="str">
            <v>（株）エコニクス</v>
          </cell>
          <cell r="D3301" t="str">
            <v>伊藤 聡</v>
          </cell>
          <cell r="E3301" t="str">
            <v>代表取締役社長</v>
          </cell>
          <cell r="F3301" t="str">
            <v>004-0015</v>
          </cell>
          <cell r="G3301" t="str">
            <v>厚別区下野幌テクノパーク１－２－１４</v>
          </cell>
          <cell r="H3301" t="str">
            <v>807-6811</v>
          </cell>
          <cell r="I3301" t="str">
            <v>807-6800</v>
          </cell>
        </row>
        <row r="3302">
          <cell r="A3302" t="str">
            <v>42587V</v>
          </cell>
          <cell r="B3302" t="str">
            <v>ｴｲﾜｻｲﾝｼｽﾃﾑ</v>
          </cell>
          <cell r="C3302" t="str">
            <v>栄和サインシステム（株）</v>
          </cell>
          <cell r="D3302" t="str">
            <v>湯浅 茂</v>
          </cell>
          <cell r="E3302" t="str">
            <v>代表取締役</v>
          </cell>
          <cell r="F3302" t="str">
            <v>065-0021</v>
          </cell>
          <cell r="G3302" t="str">
            <v>東区北２１東７－１－２１</v>
          </cell>
          <cell r="H3302" t="str">
            <v>742-2541</v>
          </cell>
          <cell r="I3302" t="str">
            <v>751-8812</v>
          </cell>
        </row>
        <row r="3303">
          <cell r="A3303" t="str">
            <v>42595Y</v>
          </cell>
          <cell r="B3303" t="str">
            <v>ｴｰｴﾑｺｳｷﾞｮｳ</v>
          </cell>
          <cell r="C3303" t="str">
            <v>（株）エーエム工業</v>
          </cell>
          <cell r="D3303" t="str">
            <v>宮本 昭</v>
          </cell>
          <cell r="E3303" t="str">
            <v>代表取締役</v>
          </cell>
          <cell r="F3303" t="str">
            <v>003-0812</v>
          </cell>
          <cell r="G3303" t="str">
            <v>白石区菊水上町２－２－５２－２８９</v>
          </cell>
          <cell r="H3303" t="str">
            <v>818-8813</v>
          </cell>
          <cell r="I3303" t="str">
            <v>817-9616</v>
          </cell>
        </row>
        <row r="3304">
          <cell r="A3304" t="str">
            <v>42616R</v>
          </cell>
          <cell r="B3304" t="str">
            <v>ｴﾇ･ﾃｨ･ﾃｨ･ｲﾝﾌﾗﾈｯﾄ</v>
          </cell>
          <cell r="C3304" t="str">
            <v>エヌ・ティ・ティ・インフラネット（株）北海道支店</v>
          </cell>
          <cell r="D3304" t="str">
            <v>佐藤 正朝</v>
          </cell>
          <cell r="E3304" t="str">
            <v>支店長</v>
          </cell>
          <cell r="F3304" t="str">
            <v>060-0001</v>
          </cell>
          <cell r="G3304" t="str">
            <v>中央区北１西４－２－４</v>
          </cell>
          <cell r="H3304" t="str">
            <v>233-4123</v>
          </cell>
          <cell r="I3304" t="str">
            <v>252-5639</v>
          </cell>
        </row>
        <row r="3305">
          <cell r="A3305" t="str">
            <v>42630S</v>
          </cell>
          <cell r="B3305" t="str">
            <v>ｴﾌ･ｼｰｺｳｷﾞｮｳ</v>
          </cell>
          <cell r="C3305" t="str">
            <v>エフ・シー興業（株）</v>
          </cell>
          <cell r="D3305" t="str">
            <v>村岡 祐一</v>
          </cell>
          <cell r="E3305" t="str">
            <v>代表取締役</v>
          </cell>
          <cell r="F3305" t="str">
            <v>005-0021</v>
          </cell>
          <cell r="G3305" t="str">
            <v>南区真駒内本町１－１－１０</v>
          </cell>
          <cell r="H3305" t="str">
            <v>841-0015</v>
          </cell>
          <cell r="I3305" t="str">
            <v>841-0032</v>
          </cell>
        </row>
        <row r="3306">
          <cell r="A3306" t="str">
            <v>42631P</v>
          </cell>
          <cell r="B3306" t="str">
            <v>ｴﾊﾞﾗﾃﾞﾝｻﾝ</v>
          </cell>
          <cell r="C3306" t="str">
            <v>（株）荏原電産</v>
          </cell>
          <cell r="D3306" t="str">
            <v>楠畑 克彦</v>
          </cell>
          <cell r="E3306" t="str">
            <v>代表取締役社長</v>
          </cell>
          <cell r="F3306" t="str">
            <v>144-8575</v>
          </cell>
          <cell r="G3306" t="str">
            <v>東京都大田区羽田旭町１１－１</v>
          </cell>
          <cell r="H3306" t="str">
            <v>03-3743-7220</v>
          </cell>
          <cell r="I3306" t="str">
            <v>03-3743-9873</v>
          </cell>
        </row>
        <row r="3307">
          <cell r="A3307" t="str">
            <v>42635R</v>
          </cell>
          <cell r="B3307" t="str">
            <v>ｴﾌ･ｼｰ･ﾌﾟﾗﾝ</v>
          </cell>
          <cell r="C3307" t="str">
            <v>（株）エフ・シー・プラン</v>
          </cell>
          <cell r="D3307" t="str">
            <v>小林 信介</v>
          </cell>
          <cell r="E3307" t="str">
            <v>代表取締役社長</v>
          </cell>
          <cell r="F3307" t="str">
            <v>060-0005</v>
          </cell>
          <cell r="G3307" t="str">
            <v>中央区北５西１２－２</v>
          </cell>
          <cell r="H3307" t="str">
            <v>280-5855</v>
          </cell>
          <cell r="I3307" t="str">
            <v>242-1467</v>
          </cell>
        </row>
        <row r="3308">
          <cell r="A3308" t="str">
            <v>43015W</v>
          </cell>
          <cell r="B3308" t="str">
            <v>ｵｸﾞﾗﾃﾞﾝｷｺｳｼﾞ</v>
          </cell>
          <cell r="C3308" t="str">
            <v>小倉電気工事（株）</v>
          </cell>
          <cell r="D3308" t="str">
            <v>小倉 英一</v>
          </cell>
          <cell r="E3308" t="str">
            <v>代表取締役</v>
          </cell>
          <cell r="F3308" t="str">
            <v>064-0917</v>
          </cell>
          <cell r="G3308" t="str">
            <v>中央区南１７西８－１－３５</v>
          </cell>
          <cell r="H3308" t="str">
            <v>511-7266</v>
          </cell>
          <cell r="I3308" t="str">
            <v>511-7245</v>
          </cell>
        </row>
        <row r="3309">
          <cell r="A3309" t="str">
            <v>43016T</v>
          </cell>
          <cell r="B3309" t="str">
            <v>ｵｵﾀｷﾃﾞﾝｹﾝ</v>
          </cell>
          <cell r="C3309" t="str">
            <v>大滝電建（株）</v>
          </cell>
          <cell r="D3309" t="str">
            <v>大滝 伸好</v>
          </cell>
          <cell r="E3309" t="str">
            <v>代表取締役</v>
          </cell>
          <cell r="F3309" t="str">
            <v>062-0034</v>
          </cell>
          <cell r="G3309" t="str">
            <v>豊平区西岡４－７－７－１０</v>
          </cell>
          <cell r="H3309" t="str">
            <v>852-1269</v>
          </cell>
          <cell r="I3309" t="str">
            <v>853-5537</v>
          </cell>
        </row>
        <row r="3310">
          <cell r="A3310" t="str">
            <v>43018N</v>
          </cell>
          <cell r="B3310" t="str">
            <v>ｵｵﾂﾎﾞｾﾂﾋﾞ</v>
          </cell>
          <cell r="C3310" t="str">
            <v>（有）大坪設備</v>
          </cell>
          <cell r="D3310" t="str">
            <v>大坪 宏</v>
          </cell>
          <cell r="E3310" t="str">
            <v>代表取締役</v>
          </cell>
          <cell r="F3310" t="str">
            <v>007-0837</v>
          </cell>
          <cell r="G3310" t="str">
            <v>東区北３７東２１－１－４５</v>
          </cell>
          <cell r="H3310" t="str">
            <v>783-1458</v>
          </cell>
          <cell r="I3310" t="str">
            <v>783-8601</v>
          </cell>
        </row>
        <row r="3311">
          <cell r="A3311" t="str">
            <v>43020W</v>
          </cell>
          <cell r="B3311" t="str">
            <v>ｵｵﾄﾐｺｳｷﾞｮｳ</v>
          </cell>
          <cell r="C3311" t="str">
            <v>大富工業（株）</v>
          </cell>
          <cell r="D3311" t="str">
            <v>富樫 賢二</v>
          </cell>
          <cell r="E3311" t="str">
            <v>代表取締役</v>
          </cell>
          <cell r="F3311" t="str">
            <v>007-0805</v>
          </cell>
          <cell r="G3311" t="str">
            <v>東区東苗穂５－１－６－３６</v>
          </cell>
          <cell r="H3311" t="str">
            <v>781-5311</v>
          </cell>
          <cell r="I3311" t="str">
            <v>781-6800</v>
          </cell>
        </row>
        <row r="3312">
          <cell r="A3312" t="str">
            <v>43044W</v>
          </cell>
          <cell r="B3312" t="str">
            <v>ｵｳｺｳｾﾂﾋﾞｺｳｷﾞｮｳ</v>
          </cell>
          <cell r="C3312" t="str">
            <v>央幸設備工業（株）</v>
          </cell>
          <cell r="D3312" t="str">
            <v>尾北 紀靖</v>
          </cell>
          <cell r="E3312" t="str">
            <v>代表取締役</v>
          </cell>
          <cell r="F3312" t="str">
            <v>003-0811</v>
          </cell>
          <cell r="G3312" t="str">
            <v>白石区菊水上町１－４－１－２１</v>
          </cell>
          <cell r="H3312" t="str">
            <v>814-9701</v>
          </cell>
          <cell r="I3312" t="str">
            <v>814-9707</v>
          </cell>
        </row>
        <row r="3313">
          <cell r="A3313" t="str">
            <v>43045S</v>
          </cell>
          <cell r="B3313" t="str">
            <v>ｵﾓﾀﾞｶｺｳｷﾞｮｳ</v>
          </cell>
          <cell r="C3313" t="str">
            <v>おもだか興業（株）</v>
          </cell>
          <cell r="D3313" t="str">
            <v>仲田 仲次郎</v>
          </cell>
          <cell r="E3313" t="str">
            <v>代表取締役</v>
          </cell>
          <cell r="F3313" t="str">
            <v>007-0811</v>
          </cell>
          <cell r="G3313" t="str">
            <v>東区東苗穂１１－２－８－１０</v>
          </cell>
          <cell r="H3313" t="str">
            <v>791-1775</v>
          </cell>
          <cell r="I3313" t="str">
            <v>791-1229</v>
          </cell>
        </row>
        <row r="3314">
          <cell r="A3314" t="str">
            <v>43048X</v>
          </cell>
          <cell r="B3314" t="str">
            <v>ｵﾉｾﾂﾋﾞ</v>
          </cell>
          <cell r="C3314" t="str">
            <v>（株）小野設備</v>
          </cell>
          <cell r="D3314" t="str">
            <v>小野 孝則</v>
          </cell>
          <cell r="E3314" t="str">
            <v>代表取締役</v>
          </cell>
          <cell r="F3314" t="str">
            <v>007-0835</v>
          </cell>
          <cell r="G3314" t="str">
            <v>東区北３５東２６－４－５</v>
          </cell>
          <cell r="H3314" t="str">
            <v>783-6331</v>
          </cell>
          <cell r="I3314" t="str">
            <v>783-7177</v>
          </cell>
        </row>
        <row r="3315">
          <cell r="A3315" t="str">
            <v>43053X</v>
          </cell>
          <cell r="B3315" t="str">
            <v>ｵｶﾞﾜﾃｯｺｳｼｮ</v>
          </cell>
          <cell r="C3315" t="str">
            <v>（株）小川鐵工所</v>
          </cell>
          <cell r="D3315" t="str">
            <v>小川 良治</v>
          </cell>
          <cell r="E3315" t="str">
            <v>代表取締役</v>
          </cell>
          <cell r="F3315" t="str">
            <v>007-0803</v>
          </cell>
          <cell r="G3315" t="str">
            <v>東区東苗穂３－３－１－５０</v>
          </cell>
          <cell r="H3315" t="str">
            <v>781-0081</v>
          </cell>
          <cell r="I3315" t="str">
            <v>781-7554</v>
          </cell>
        </row>
        <row r="3316">
          <cell r="A3316" t="str">
            <v>43062Y</v>
          </cell>
          <cell r="B3316" t="str">
            <v>ｵﾐｹﾝｾﾂ</v>
          </cell>
          <cell r="C3316" t="str">
            <v>臣建設（株）</v>
          </cell>
          <cell r="D3316" t="str">
            <v>青山 守</v>
          </cell>
          <cell r="E3316" t="str">
            <v>代表取締役</v>
          </cell>
          <cell r="F3316" t="str">
            <v>065-0013</v>
          </cell>
          <cell r="G3316" t="str">
            <v>東区北１３東５－１－２４</v>
          </cell>
          <cell r="H3316" t="str">
            <v>722-2251</v>
          </cell>
          <cell r="I3316" t="str">
            <v>722-0035</v>
          </cell>
        </row>
        <row r="3317">
          <cell r="A3317" t="str">
            <v>43077W</v>
          </cell>
          <cell r="B3317" t="str">
            <v>ｵﾉﾃｯｸ</v>
          </cell>
          <cell r="C3317" t="str">
            <v>（株）オノテック</v>
          </cell>
          <cell r="D3317" t="str">
            <v>小野 道男</v>
          </cell>
          <cell r="E3317" t="str">
            <v>代表取締役</v>
          </cell>
          <cell r="F3317" t="str">
            <v>062-0903</v>
          </cell>
          <cell r="G3317" t="str">
            <v>豊平区豊平３－１０－１－１５</v>
          </cell>
          <cell r="H3317" t="str">
            <v>812-0505</v>
          </cell>
          <cell r="I3317" t="str">
            <v>812-0713</v>
          </cell>
        </row>
        <row r="3318">
          <cell r="A3318" t="str">
            <v>43080N</v>
          </cell>
          <cell r="B3318" t="str">
            <v>ｵｶﾞｻﾜﾗｼｮｳｶｲ</v>
          </cell>
          <cell r="C3318" t="str">
            <v>（株）小笠原商会</v>
          </cell>
          <cell r="D3318" t="str">
            <v>小笠原 定光</v>
          </cell>
          <cell r="E3318" t="str">
            <v>代表取締役</v>
          </cell>
          <cell r="F3318" t="str">
            <v>004-0843</v>
          </cell>
          <cell r="G3318" t="str">
            <v>清田区清田３－１－１－１０</v>
          </cell>
          <cell r="H3318" t="str">
            <v>882-0694</v>
          </cell>
          <cell r="I3318" t="str">
            <v>881-2583</v>
          </cell>
        </row>
        <row r="3319">
          <cell r="A3319" t="str">
            <v>43095Y</v>
          </cell>
          <cell r="B3319" t="str">
            <v>ｵｵﾄﾐｺｳｷﾞｮｳ</v>
          </cell>
          <cell r="C3319" t="str">
            <v>（株）大富工業</v>
          </cell>
          <cell r="D3319" t="str">
            <v>川村 壽男</v>
          </cell>
          <cell r="E3319" t="str">
            <v>代表取締役</v>
          </cell>
          <cell r="F3319" t="str">
            <v>003-0022</v>
          </cell>
          <cell r="G3319" t="str">
            <v>白石区南郷通１０南４－２</v>
          </cell>
          <cell r="H3319" t="str">
            <v>862-6388</v>
          </cell>
          <cell r="I3319" t="str">
            <v>862-6399</v>
          </cell>
        </row>
        <row r="3320">
          <cell r="A3320" t="str">
            <v>43132Z</v>
          </cell>
          <cell r="B3320" t="str">
            <v>ｵﾐｽｲｺｳｴﾝ</v>
          </cell>
          <cell r="C3320" t="str">
            <v>（有）小見翠晃園</v>
          </cell>
          <cell r="D3320" t="str">
            <v>小見 昇</v>
          </cell>
          <cell r="E3320" t="str">
            <v>代表取締役</v>
          </cell>
          <cell r="F3320" t="str">
            <v>003-0011</v>
          </cell>
          <cell r="G3320" t="str">
            <v>白石区中央１－５－３－１８</v>
          </cell>
          <cell r="H3320" t="str">
            <v>831-4432</v>
          </cell>
          <cell r="I3320" t="str">
            <v>811-1419</v>
          </cell>
        </row>
        <row r="3321">
          <cell r="A3321" t="str">
            <v>43162W</v>
          </cell>
          <cell r="B3321" t="str">
            <v>ｵﾘｵﾝﾃﾞﾝｺｳ</v>
          </cell>
          <cell r="C3321" t="str">
            <v>（株）オリオン電工</v>
          </cell>
          <cell r="D3321" t="str">
            <v>佐々木 雅則</v>
          </cell>
          <cell r="E3321" t="str">
            <v>代表取締役</v>
          </cell>
          <cell r="F3321" t="str">
            <v>003-0021</v>
          </cell>
          <cell r="G3321" t="str">
            <v>白石区栄通６－１６－１</v>
          </cell>
          <cell r="H3321" t="str">
            <v>836-1535</v>
          </cell>
          <cell r="I3321" t="str">
            <v>836-1655</v>
          </cell>
        </row>
        <row r="3322">
          <cell r="A3322" t="str">
            <v>43167V</v>
          </cell>
          <cell r="B3322" t="str">
            <v>ｵｵﾀｾﾂﾋﾞ</v>
          </cell>
          <cell r="C3322" t="str">
            <v>（有）太田設備</v>
          </cell>
          <cell r="D3322" t="str">
            <v>太田 信</v>
          </cell>
          <cell r="E3322" t="str">
            <v>代表取締役</v>
          </cell>
          <cell r="F3322" t="str">
            <v>003-0026</v>
          </cell>
          <cell r="G3322" t="str">
            <v>白石区本通１６－南３－１５</v>
          </cell>
          <cell r="H3322" t="str">
            <v>864-4381</v>
          </cell>
          <cell r="I3322" t="str">
            <v>863-3205</v>
          </cell>
        </row>
        <row r="3323">
          <cell r="A3323" t="str">
            <v>43803V</v>
          </cell>
          <cell r="B3323" t="str">
            <v>ｵｵﾆｼｿｸﾘｮｳｾｯｹｲ</v>
          </cell>
          <cell r="C3323" t="str">
            <v>大西測量設計（株）</v>
          </cell>
          <cell r="D3323" t="str">
            <v>大西 昭雄</v>
          </cell>
          <cell r="E3323" t="str">
            <v>代表取締役</v>
          </cell>
          <cell r="F3323" t="str">
            <v>002-0853</v>
          </cell>
          <cell r="G3323" t="str">
            <v>北区屯田３－２－８－４５</v>
          </cell>
          <cell r="H3323" t="str">
            <v>771-5209</v>
          </cell>
          <cell r="I3323" t="str">
            <v>771-5210</v>
          </cell>
        </row>
        <row r="3324">
          <cell r="A3324" t="str">
            <v>43811Y</v>
          </cell>
          <cell r="B3324" t="str">
            <v>ｵﾘｼﾞﾅﾙｾｯｹｲ</v>
          </cell>
          <cell r="C3324" t="str">
            <v>オリジナル設計（株）札幌事務所</v>
          </cell>
          <cell r="D3324" t="str">
            <v>真島 徹</v>
          </cell>
          <cell r="E3324" t="str">
            <v>所長</v>
          </cell>
          <cell r="F3324" t="str">
            <v>060-0031</v>
          </cell>
          <cell r="G3324" t="str">
            <v>中央区北１東１－２ 明治安田生命札幌北一条東ビ</v>
          </cell>
          <cell r="H3324" t="str">
            <v>221-8690</v>
          </cell>
          <cell r="I3324" t="str">
            <v>241-6489</v>
          </cell>
        </row>
        <row r="3325">
          <cell r="A3325" t="str">
            <v>44003P</v>
          </cell>
          <cell r="B3325" t="str">
            <v>ｶｲｹﾝｺｳｷﾞｮｳ</v>
          </cell>
          <cell r="C3325" t="str">
            <v>開建工業（株）</v>
          </cell>
          <cell r="D3325" t="str">
            <v>近藤 隆</v>
          </cell>
          <cell r="E3325" t="str">
            <v>代表取締役</v>
          </cell>
          <cell r="F3325" t="str">
            <v>005-0032</v>
          </cell>
          <cell r="G3325" t="str">
            <v>南区南３２西８－１－２１</v>
          </cell>
          <cell r="H3325" t="str">
            <v>584-1591</v>
          </cell>
          <cell r="I3325" t="str">
            <v>583-8562</v>
          </cell>
        </row>
        <row r="3326">
          <cell r="A3326" t="str">
            <v>44014Y</v>
          </cell>
          <cell r="B3326" t="str">
            <v>ｶﾝｷｮｳｹｲｶｸ</v>
          </cell>
          <cell r="C3326" t="str">
            <v>（株）環境計画</v>
          </cell>
          <cell r="D3326" t="str">
            <v>野口 義教</v>
          </cell>
          <cell r="E3326" t="str">
            <v>代表取締役</v>
          </cell>
          <cell r="F3326" t="str">
            <v>062-0937</v>
          </cell>
          <cell r="G3326" t="str">
            <v>豊平区平岸７－１９－２－１１</v>
          </cell>
          <cell r="H3326" t="str">
            <v>816-4530</v>
          </cell>
          <cell r="I3326" t="str">
            <v>816-4530</v>
          </cell>
        </row>
        <row r="3327">
          <cell r="A3327" t="str">
            <v>44025T</v>
          </cell>
          <cell r="B3327" t="str">
            <v>ｶｲﾊﾂｻﾝｷﾞｮｳ</v>
          </cell>
          <cell r="C3327" t="str">
            <v>開発産業（株）</v>
          </cell>
          <cell r="D3327" t="str">
            <v>廣田 諭</v>
          </cell>
          <cell r="E3327" t="str">
            <v>代表取締役</v>
          </cell>
          <cell r="F3327" t="str">
            <v>061-3241</v>
          </cell>
          <cell r="G3327" t="str">
            <v>石狩市新港西３－７６４－９</v>
          </cell>
          <cell r="H3327" t="str">
            <v>0133-72-8681</v>
          </cell>
          <cell r="I3327" t="str">
            <v>0133-72-8671</v>
          </cell>
        </row>
        <row r="3328">
          <cell r="A3328" t="str">
            <v>44030T</v>
          </cell>
          <cell r="B3328" t="str">
            <v>ｶﾈﾏﾙｺｳｷﾞｮｳ</v>
          </cell>
          <cell r="C3328" t="str">
            <v>（株）カネマル工業</v>
          </cell>
          <cell r="D3328" t="str">
            <v>込堂 廣</v>
          </cell>
          <cell r="E3328" t="str">
            <v>代表取締役</v>
          </cell>
          <cell r="F3328" t="str">
            <v>062-0010</v>
          </cell>
          <cell r="G3328" t="str">
            <v>豊平区美園１０－６－２－２３</v>
          </cell>
          <cell r="H3328" t="str">
            <v>822-3633</v>
          </cell>
          <cell r="I3328" t="str">
            <v>822-3639</v>
          </cell>
        </row>
        <row r="3329">
          <cell r="A3329" t="str">
            <v>44033Y</v>
          </cell>
          <cell r="B3329" t="str">
            <v>ｶｼﾏｼｮｳｶｲ</v>
          </cell>
          <cell r="C3329" t="str">
            <v>（株）鹿島商会</v>
          </cell>
          <cell r="D3329" t="str">
            <v>方波見 忠</v>
          </cell>
          <cell r="E3329" t="str">
            <v>代表取締役</v>
          </cell>
          <cell r="F3329" t="str">
            <v>314-0031</v>
          </cell>
          <cell r="G3329" t="str">
            <v>茨城県鹿嶋市宮中２５７</v>
          </cell>
          <cell r="H3329" t="str">
            <v>0299-83-3081</v>
          </cell>
          <cell r="I3329" t="str">
            <v>0299-83-1406</v>
          </cell>
        </row>
        <row r="3330">
          <cell r="A3330" t="str">
            <v>44039V</v>
          </cell>
          <cell r="B3330" t="str">
            <v>ｶﾝﾜｹﾝｾﾂｺｳｷﾞｮｳ</v>
          </cell>
          <cell r="C3330" t="str">
            <v>関和建設工業（株）</v>
          </cell>
          <cell r="D3330" t="str">
            <v>関 博幸</v>
          </cell>
          <cell r="E3330" t="str">
            <v>代表取締役</v>
          </cell>
          <cell r="F3330" t="str">
            <v>006-0860</v>
          </cell>
          <cell r="G3330" t="str">
            <v>手稲区手稲山口８７</v>
          </cell>
          <cell r="H3330" t="str">
            <v>682-3277</v>
          </cell>
          <cell r="I3330" t="str">
            <v>682-5922</v>
          </cell>
        </row>
        <row r="3331">
          <cell r="A3331" t="str">
            <v>44046N</v>
          </cell>
          <cell r="B3331" t="str">
            <v>ｶﾝﾃﾞﾝｺｳ</v>
          </cell>
          <cell r="C3331" t="str">
            <v>（株）関電工札幌支店</v>
          </cell>
          <cell r="D3331" t="str">
            <v>岩下 良二</v>
          </cell>
          <cell r="E3331" t="str">
            <v>理事支店長</v>
          </cell>
          <cell r="F3331" t="str">
            <v>060-0001</v>
          </cell>
          <cell r="G3331" t="str">
            <v>中央区北１西４－１－２ 大和りそなビル３階</v>
          </cell>
          <cell r="H3331" t="str">
            <v>281-6021</v>
          </cell>
          <cell r="I3331" t="str">
            <v>281-5531</v>
          </cell>
        </row>
        <row r="3332">
          <cell r="A3332" t="str">
            <v>44088R</v>
          </cell>
          <cell r="B3332" t="str">
            <v>ｶｲﾊﾂｼﾝｺｳ</v>
          </cell>
          <cell r="C3332" t="str">
            <v>開発振興（株）</v>
          </cell>
          <cell r="D3332" t="str">
            <v>山花 武文</v>
          </cell>
          <cell r="E3332" t="str">
            <v>代表取締役</v>
          </cell>
          <cell r="F3332" t="str">
            <v>006-0835</v>
          </cell>
          <cell r="G3332" t="str">
            <v>手稲区曙５－５－６－１５</v>
          </cell>
          <cell r="H3332" t="str">
            <v>682-4473</v>
          </cell>
          <cell r="I3332" t="str">
            <v>685-4402</v>
          </cell>
        </row>
        <row r="3333">
          <cell r="A3333" t="str">
            <v>44100V</v>
          </cell>
          <cell r="B3333" t="str">
            <v>ｶｼﾏﾎﾄﾞｳｺｳｷﾞｮｳ</v>
          </cell>
          <cell r="C3333" t="str">
            <v>鹿島舗道工業（株）</v>
          </cell>
          <cell r="D3333" t="str">
            <v>鹿島 光雄</v>
          </cell>
          <cell r="E3333" t="str">
            <v>代表取締役</v>
          </cell>
          <cell r="F3333" t="str">
            <v>005-0810</v>
          </cell>
          <cell r="G3333" t="str">
            <v>南区川沿１０－２－７－１０</v>
          </cell>
          <cell r="H3333" t="str">
            <v>571-4500</v>
          </cell>
          <cell r="I3333" t="str">
            <v>572-1564</v>
          </cell>
        </row>
        <row r="3334">
          <cell r="A3334" t="str">
            <v>44105T</v>
          </cell>
          <cell r="B3334" t="str">
            <v>ﾎｴｲｹﾝｾﾂｺｳｷﾞｮｳ</v>
          </cell>
          <cell r="C3334" t="str">
            <v>舗栄建設工業（株）</v>
          </cell>
          <cell r="D3334" t="str">
            <v>菊池 茂</v>
          </cell>
          <cell r="E3334" t="str">
            <v>代表取締役</v>
          </cell>
          <cell r="F3334" t="str">
            <v>006-0002</v>
          </cell>
          <cell r="G3334" t="str">
            <v>手稲区西宮の沢２－１－５１８－２</v>
          </cell>
          <cell r="H3334" t="str">
            <v>666-8882</v>
          </cell>
          <cell r="I3334" t="str">
            <v>666-8883</v>
          </cell>
        </row>
        <row r="3335">
          <cell r="A3335" t="str">
            <v>44168R</v>
          </cell>
          <cell r="B3335" t="str">
            <v>ﾌｸｽﾞﾐｿﾞｳｴﾝ</v>
          </cell>
          <cell r="C3335" t="str">
            <v>福住造園（株）</v>
          </cell>
          <cell r="D3335" t="str">
            <v>加茂 謙二</v>
          </cell>
          <cell r="E3335" t="str">
            <v>代表取締役</v>
          </cell>
          <cell r="F3335" t="str">
            <v>062-0041</v>
          </cell>
          <cell r="G3335" t="str">
            <v>豊平区福住１－６－１０－１２</v>
          </cell>
          <cell r="H3335" t="str">
            <v>851-0233</v>
          </cell>
          <cell r="I3335" t="str">
            <v>856-2441</v>
          </cell>
        </row>
        <row r="3336">
          <cell r="A3336" t="str">
            <v>44171W</v>
          </cell>
          <cell r="B3336" t="str">
            <v>ｶｲﾎｸｺｳｷﾞｮｳ</v>
          </cell>
          <cell r="C3336" t="str">
            <v>開北工業（株）</v>
          </cell>
          <cell r="D3336" t="str">
            <v>任田 英男</v>
          </cell>
          <cell r="E3336" t="str">
            <v>代表取締役</v>
          </cell>
          <cell r="F3336" t="str">
            <v>004-0002</v>
          </cell>
          <cell r="G3336" t="str">
            <v>厚別区厚別東２－５－１４－１１</v>
          </cell>
          <cell r="H3336" t="str">
            <v>897-2340</v>
          </cell>
          <cell r="I3336" t="str">
            <v>897-2317</v>
          </cell>
        </row>
        <row r="3337">
          <cell r="A3337" t="str">
            <v>44190W</v>
          </cell>
          <cell r="B3337" t="str">
            <v>ｵｰﾋﾞｰﾃﾞｨｰ</v>
          </cell>
          <cell r="C3337" t="str">
            <v>（株）オービーディー</v>
          </cell>
          <cell r="D3337" t="str">
            <v>川村 猛</v>
          </cell>
          <cell r="E3337" t="str">
            <v>代表取締役</v>
          </cell>
          <cell r="F3337" t="str">
            <v>004-0042</v>
          </cell>
          <cell r="G3337" t="str">
            <v>厚別区大谷地西４－１７－３８</v>
          </cell>
          <cell r="H3337" t="str">
            <v>892-0701</v>
          </cell>
          <cell r="I3337" t="str">
            <v>892-0706</v>
          </cell>
        </row>
        <row r="3338">
          <cell r="A3338" t="str">
            <v>44196S</v>
          </cell>
          <cell r="B3338" t="str">
            <v>ｶｽﾀﾑｺｳｷﾞｮｳ</v>
          </cell>
          <cell r="C3338" t="str">
            <v>（株）カスタム工業</v>
          </cell>
          <cell r="D3338" t="str">
            <v>垣内 隆</v>
          </cell>
          <cell r="E3338" t="str">
            <v>代表取締役</v>
          </cell>
          <cell r="F3338" t="str">
            <v>003-0021</v>
          </cell>
          <cell r="G3338" t="str">
            <v>白石区栄通２０－５－２３</v>
          </cell>
          <cell r="H3338" t="str">
            <v>852-9482</v>
          </cell>
          <cell r="I3338" t="str">
            <v>852-9421</v>
          </cell>
        </row>
        <row r="3339">
          <cell r="A3339" t="str">
            <v>44217X</v>
          </cell>
          <cell r="B3339" t="str">
            <v>ｶﾈｺｹﾝｾﾂｳﾝﾕ</v>
          </cell>
          <cell r="C3339" t="str">
            <v>（株）金子建設運輸</v>
          </cell>
          <cell r="D3339" t="str">
            <v>金子 正美</v>
          </cell>
          <cell r="E3339" t="str">
            <v>代表取締役</v>
          </cell>
          <cell r="F3339" t="str">
            <v>003-0028</v>
          </cell>
          <cell r="G3339" t="str">
            <v>白石区平和通１３南１</v>
          </cell>
          <cell r="H3339" t="str">
            <v>871-6770</v>
          </cell>
          <cell r="I3339" t="str">
            <v>871-6723</v>
          </cell>
        </row>
        <row r="3340">
          <cell r="A3340" t="str">
            <v>44221Z</v>
          </cell>
          <cell r="B3340" t="str">
            <v>ｶﾓｶﾞﾜﾃﾞﾝｷｾﾂﾋﾞ</v>
          </cell>
          <cell r="C3340" t="str">
            <v>加茂川電機設備（株）</v>
          </cell>
          <cell r="D3340" t="str">
            <v>中島 勇</v>
          </cell>
          <cell r="E3340" t="str">
            <v>代表取締役社長</v>
          </cell>
          <cell r="F3340" t="str">
            <v>003-0003</v>
          </cell>
          <cell r="G3340" t="str">
            <v>白石区東札幌３－３－４－２０</v>
          </cell>
          <cell r="H3340" t="str">
            <v>814-7111</v>
          </cell>
          <cell r="I3340" t="str">
            <v>814-7150</v>
          </cell>
        </row>
        <row r="3341">
          <cell r="A3341" t="str">
            <v>44254N</v>
          </cell>
          <cell r="B3341" t="str">
            <v>ｶｲﾊﾂｺｳｴｲｼｬ</v>
          </cell>
          <cell r="C3341" t="str">
            <v>（株）開発工営社</v>
          </cell>
          <cell r="D3341" t="str">
            <v>清崎 晶雄</v>
          </cell>
          <cell r="E3341" t="str">
            <v>代表取締役社長</v>
          </cell>
          <cell r="F3341" t="str">
            <v>060-0004</v>
          </cell>
          <cell r="G3341" t="str">
            <v>中央区北４西５－１</v>
          </cell>
          <cell r="H3341" t="str">
            <v>207-3666</v>
          </cell>
          <cell r="I3341" t="str">
            <v>218-5777</v>
          </cell>
        </row>
        <row r="3342">
          <cell r="A3342" t="str">
            <v>44283Z</v>
          </cell>
          <cell r="B3342" t="str">
            <v>ｶﾄｳｸﾞﾐｾﾂﾋﾞ</v>
          </cell>
          <cell r="C3342" t="str">
            <v>（株）加藤組設備</v>
          </cell>
          <cell r="D3342" t="str">
            <v>加藤 勲　</v>
          </cell>
          <cell r="E3342" t="str">
            <v>代表取締役</v>
          </cell>
          <cell r="F3342" t="str">
            <v>002-8009</v>
          </cell>
          <cell r="G3342" t="str">
            <v>北区太平９－６－２－２０</v>
          </cell>
          <cell r="H3342" t="str">
            <v>771-5559</v>
          </cell>
          <cell r="I3342" t="str">
            <v>771-6133</v>
          </cell>
        </row>
        <row r="3343">
          <cell r="A3343" t="str">
            <v>44801Y</v>
          </cell>
          <cell r="B3343" t="str">
            <v>ｶｲﾊﾂﾁｮｳｻｹﾝｷｮｳｼｮ</v>
          </cell>
          <cell r="C3343" t="str">
            <v>（株）開発調査研究所</v>
          </cell>
          <cell r="D3343" t="str">
            <v>石井 政夫</v>
          </cell>
          <cell r="E3343" t="str">
            <v>代表取締役</v>
          </cell>
          <cell r="F3343" t="str">
            <v>062-0054</v>
          </cell>
          <cell r="G3343" t="str">
            <v>豊平区月寒東４－１０－７－１</v>
          </cell>
          <cell r="H3343" t="str">
            <v>852-5053</v>
          </cell>
          <cell r="I3343" t="str">
            <v>855-1298</v>
          </cell>
        </row>
        <row r="3344">
          <cell r="A3344" t="str">
            <v>44805Z</v>
          </cell>
          <cell r="B3344" t="str">
            <v>ｶﾈﾁｮｳｻｯﾎﾟﾛｶｲﾊﾂｺｳｷﾞｮｳ</v>
          </cell>
          <cell r="C3344" t="str">
            <v>曲長札幌開発工業（株）</v>
          </cell>
          <cell r="D3344" t="str">
            <v>長尾 喜八</v>
          </cell>
          <cell r="E3344" t="str">
            <v>代表取締役</v>
          </cell>
          <cell r="F3344" t="str">
            <v>065-0012</v>
          </cell>
          <cell r="G3344" t="str">
            <v>東区北１２東１７－１－２３</v>
          </cell>
          <cell r="H3344" t="str">
            <v>781-6488</v>
          </cell>
          <cell r="I3344" t="str">
            <v>721-7088</v>
          </cell>
        </row>
        <row r="3345">
          <cell r="A3345" t="str">
            <v>44806X</v>
          </cell>
          <cell r="B3345" t="str">
            <v>ｶﾜｹﾝｺｳｷﾞｮｳ</v>
          </cell>
          <cell r="C3345" t="str">
            <v>（株）川建興業</v>
          </cell>
          <cell r="D3345" t="str">
            <v>川村 浩之</v>
          </cell>
          <cell r="E3345" t="str">
            <v>代表取締役</v>
          </cell>
          <cell r="F3345" t="str">
            <v>063-0828</v>
          </cell>
          <cell r="G3345" t="str">
            <v>西区発寒８－１４－５１６－６９</v>
          </cell>
          <cell r="H3345" t="str">
            <v>684-8033</v>
          </cell>
          <cell r="I3345" t="str">
            <v>684-8044</v>
          </cell>
        </row>
        <row r="3346">
          <cell r="A3346" t="str">
            <v>44819N</v>
          </cell>
          <cell r="B3346" t="str">
            <v>ｶﾝｷｮｳﾘｮｸﾁｹﾝｷｭｳｼｮ</v>
          </cell>
          <cell r="C3346" t="str">
            <v>（株）環境緑地研究所</v>
          </cell>
          <cell r="D3346" t="str">
            <v>小川 興司</v>
          </cell>
          <cell r="E3346" t="str">
            <v>代表取締役</v>
          </cell>
          <cell r="F3346" t="str">
            <v>060-0004</v>
          </cell>
          <cell r="G3346" t="str">
            <v>中央区北４西６－１－１ 毎日札幌会館</v>
          </cell>
          <cell r="H3346" t="str">
            <v>221-4101</v>
          </cell>
          <cell r="I3346" t="str">
            <v>221-4237</v>
          </cell>
        </row>
        <row r="3347">
          <cell r="A3347" t="str">
            <v>44831V</v>
          </cell>
          <cell r="B3347" t="str">
            <v>ｶﾝｷｮｳﾁｮｳｻｷﾞｼﾞｭﾂｹﾝｷｭｳｼｮ</v>
          </cell>
          <cell r="C3347" t="str">
            <v>（株）環境調査技術研究所北海道技術事務所</v>
          </cell>
          <cell r="D3347" t="str">
            <v>原田 昭</v>
          </cell>
          <cell r="E3347" t="str">
            <v>所長</v>
          </cell>
          <cell r="F3347" t="str">
            <v>060-0807</v>
          </cell>
          <cell r="G3347" t="str">
            <v>北区北７西７－１－３０</v>
          </cell>
          <cell r="H3347" t="str">
            <v>757-7553</v>
          </cell>
          <cell r="I3347" t="str">
            <v>757-7555</v>
          </cell>
        </row>
        <row r="3348">
          <cell r="A3348" t="str">
            <v>45010V</v>
          </cell>
          <cell r="B3348" t="str">
            <v>ｷﾄﾞｳｺｳｷﾞｮｳ</v>
          </cell>
          <cell r="C3348" t="str">
            <v>機道興業（株）</v>
          </cell>
          <cell r="D3348" t="str">
            <v>佐野 誠</v>
          </cell>
          <cell r="E3348" t="str">
            <v>代表取締役</v>
          </cell>
          <cell r="F3348" t="str">
            <v>003-0028</v>
          </cell>
          <cell r="G3348" t="str">
            <v>白石区平和通２南５７</v>
          </cell>
          <cell r="H3348" t="str">
            <v>865-2771</v>
          </cell>
          <cell r="I3348" t="str">
            <v>865-2793</v>
          </cell>
        </row>
        <row r="3349">
          <cell r="A3349" t="str">
            <v>45013Z</v>
          </cell>
          <cell r="B3349" t="str">
            <v>ﾂｳｹﾝ</v>
          </cell>
          <cell r="C3349" t="str">
            <v>（株）つうけん</v>
          </cell>
          <cell r="D3349" t="str">
            <v>久保田 俊昭</v>
          </cell>
          <cell r="E3349" t="str">
            <v>代表取締役</v>
          </cell>
          <cell r="F3349" t="str">
            <v>003-0026</v>
          </cell>
          <cell r="G3349" t="str">
            <v>白石区本通１９南６－８</v>
          </cell>
          <cell r="H3349" t="str">
            <v>860-1161</v>
          </cell>
          <cell r="I3349" t="str">
            <v>860-1160</v>
          </cell>
        </row>
        <row r="3350">
          <cell r="A3350" t="str">
            <v>45016R</v>
          </cell>
          <cell r="B3350" t="str">
            <v>ｷｮｳﾄｶｶﾞｸ</v>
          </cell>
          <cell r="C3350" t="str">
            <v>（株）京都科学東京支店</v>
          </cell>
          <cell r="D3350" t="str">
            <v>藤本 道治</v>
          </cell>
          <cell r="E3350" t="str">
            <v>支店長</v>
          </cell>
          <cell r="F3350" t="str">
            <v>112-0002</v>
          </cell>
          <cell r="G3350" t="str">
            <v>区東京都文京区小石川５－２０－４</v>
          </cell>
          <cell r="H3350" t="str">
            <v>03-3817-8070</v>
          </cell>
          <cell r="I3350" t="str">
            <v>03-3817-8075</v>
          </cell>
        </row>
        <row r="3351">
          <cell r="A3351" t="str">
            <v>45019W</v>
          </cell>
          <cell r="B3351" t="str">
            <v>ｷﾀｶﾞｽｹﾝｾﾂ</v>
          </cell>
          <cell r="C3351" t="str">
            <v>北ガス建設（株）</v>
          </cell>
          <cell r="D3351" t="str">
            <v>高山 和夫</v>
          </cell>
          <cell r="E3351" t="str">
            <v>代表取締役社長</v>
          </cell>
          <cell r="F3351" t="str">
            <v>003-0028</v>
          </cell>
          <cell r="G3351" t="str">
            <v>白石区平和通１５南１－８</v>
          </cell>
          <cell r="H3351" t="str">
            <v>864-5720</v>
          </cell>
          <cell r="I3351" t="str">
            <v>864-6667</v>
          </cell>
        </row>
        <row r="3352">
          <cell r="A3352" t="str">
            <v>45056Y</v>
          </cell>
          <cell r="B3352" t="str">
            <v>ｷﾀﾆﾎﾝｾﾂﾋﾞｶｲﾊﾂ</v>
          </cell>
          <cell r="C3352" t="str">
            <v>北日本設備開発（株）</v>
          </cell>
          <cell r="D3352" t="str">
            <v>阪井 末夫</v>
          </cell>
          <cell r="E3352" t="str">
            <v>代表取締役</v>
          </cell>
          <cell r="F3352" t="str">
            <v>062-0934</v>
          </cell>
          <cell r="G3352" t="str">
            <v>豊平区平岸４－９－９－１５</v>
          </cell>
          <cell r="H3352" t="str">
            <v>821-8221</v>
          </cell>
          <cell r="I3352" t="str">
            <v>823-4822</v>
          </cell>
        </row>
        <row r="3353">
          <cell r="A3353" t="str">
            <v>45060N</v>
          </cell>
          <cell r="B3353" t="str">
            <v>ｷｮｳﾜﾀﾞﾝﾎﾞｳｺｳｷﾞｮｳ</v>
          </cell>
          <cell r="C3353" t="str">
            <v>共和煖房工業（株）</v>
          </cell>
          <cell r="D3353" t="str">
            <v>村田 克敏</v>
          </cell>
          <cell r="E3353" t="str">
            <v>代表取締役</v>
          </cell>
          <cell r="F3353" t="str">
            <v>065-0009</v>
          </cell>
          <cell r="G3353" t="str">
            <v>東区北９東１０－３－２５</v>
          </cell>
          <cell r="H3353" t="str">
            <v>711-2018</v>
          </cell>
          <cell r="I3353" t="str">
            <v>723-9477</v>
          </cell>
        </row>
        <row r="3354">
          <cell r="A3354" t="str">
            <v>45064R</v>
          </cell>
          <cell r="B3354" t="str">
            <v>ｷｮｳﾘﾂｻﾝｷﾞｮｳ</v>
          </cell>
          <cell r="C3354" t="str">
            <v>共立産業（株）</v>
          </cell>
          <cell r="D3354" t="str">
            <v>近藤 勝彦</v>
          </cell>
          <cell r="E3354" t="str">
            <v>代表取締役</v>
          </cell>
          <cell r="F3354" t="str">
            <v>063-0812</v>
          </cell>
          <cell r="G3354" t="str">
            <v>西区琴似２－２－２－５５</v>
          </cell>
          <cell r="H3354" t="str">
            <v>621-4455</v>
          </cell>
          <cell r="I3354" t="str">
            <v>621-6129</v>
          </cell>
        </row>
        <row r="3355">
          <cell r="A3355" t="str">
            <v>45065Z</v>
          </cell>
          <cell r="B3355" t="str">
            <v>ｷｮｸﾄｳｻｰﾋﾞｽ</v>
          </cell>
          <cell r="C3355" t="str">
            <v>極東サービス（株）</v>
          </cell>
          <cell r="D3355" t="str">
            <v>島田 信弥</v>
          </cell>
          <cell r="E3355" t="str">
            <v>代表取締役</v>
          </cell>
          <cell r="F3355" t="str">
            <v>276-0022</v>
          </cell>
          <cell r="G3355" t="str">
            <v>千葉県八千代市上高野１８２３－１</v>
          </cell>
          <cell r="H3355" t="str">
            <v>047-482-1411</v>
          </cell>
          <cell r="I3355" t="str">
            <v>047-485-1627</v>
          </cell>
        </row>
        <row r="3356">
          <cell r="A3356" t="str">
            <v>45069P</v>
          </cell>
          <cell r="B3356" t="str">
            <v>ｷｮｳｴｲｷｶｲ</v>
          </cell>
          <cell r="C3356" t="str">
            <v>共栄機械（株）</v>
          </cell>
          <cell r="D3356" t="str">
            <v>西部 宏</v>
          </cell>
          <cell r="E3356" t="str">
            <v>代表取締役社長</v>
          </cell>
          <cell r="F3356" t="str">
            <v>060-0033</v>
          </cell>
          <cell r="G3356" t="str">
            <v>中央区北３東５－５</v>
          </cell>
          <cell r="H3356" t="str">
            <v>241-3931</v>
          </cell>
          <cell r="I3356" t="str">
            <v>231-9039</v>
          </cell>
        </row>
        <row r="3357">
          <cell r="A3357" t="str">
            <v>45071X</v>
          </cell>
          <cell r="B3357" t="str">
            <v>ｷｮｳﾃﾞﾝ</v>
          </cell>
          <cell r="C3357" t="str">
            <v>（有）キョウデン</v>
          </cell>
          <cell r="D3357" t="str">
            <v>阿部 孝信</v>
          </cell>
          <cell r="E3357" t="str">
            <v>代表取締役</v>
          </cell>
          <cell r="F3357" t="str">
            <v>007-0868</v>
          </cell>
          <cell r="G3357" t="str">
            <v>東区伏古８－２－２－２</v>
          </cell>
          <cell r="H3357" t="str">
            <v>783-0150</v>
          </cell>
          <cell r="I3357" t="str">
            <v>783-8739</v>
          </cell>
        </row>
        <row r="3358">
          <cell r="A3358" t="str">
            <v>45074P</v>
          </cell>
          <cell r="B3358" t="str">
            <v>ｷﾀｲﾁｸﾄﾞｳｻﾝｷﾞｮｳ</v>
          </cell>
          <cell r="C3358" t="str">
            <v>（有）北一工藤産業</v>
          </cell>
          <cell r="D3358" t="str">
            <v>工藤 一男</v>
          </cell>
          <cell r="E3358" t="str">
            <v>代表取締役</v>
          </cell>
          <cell r="F3358" t="str">
            <v>004-0865</v>
          </cell>
          <cell r="G3358" t="str">
            <v>清田区北野５－４－８－１９</v>
          </cell>
          <cell r="H3358" t="str">
            <v>881-0602</v>
          </cell>
          <cell r="I3358" t="str">
            <v>881-7228</v>
          </cell>
        </row>
        <row r="3359">
          <cell r="A3359" t="str">
            <v>45081W</v>
          </cell>
          <cell r="B3359" t="str">
            <v>ｷｮｳﾄﾞｳﾄﾞｳﾛｺｳｷﾞｮｳ</v>
          </cell>
          <cell r="C3359" t="str">
            <v>（株）共同道路工業</v>
          </cell>
          <cell r="D3359" t="str">
            <v>渡邊 雅廣</v>
          </cell>
          <cell r="E3359" t="str">
            <v>代表取締役</v>
          </cell>
          <cell r="F3359" t="str">
            <v>002-8021</v>
          </cell>
          <cell r="G3359" t="str">
            <v>北区篠路１－９－１－４５</v>
          </cell>
          <cell r="H3359" t="str">
            <v>772-9496</v>
          </cell>
          <cell r="I3359" t="str">
            <v>772-8489</v>
          </cell>
        </row>
        <row r="3360">
          <cell r="A3360" t="str">
            <v>45087S</v>
          </cell>
          <cell r="B3360" t="str">
            <v>ｶﾝｹﾝ</v>
          </cell>
          <cell r="C3360" t="str">
            <v>（株）管研</v>
          </cell>
          <cell r="D3360" t="str">
            <v>板本 吉典</v>
          </cell>
          <cell r="E3360" t="str">
            <v>代表取締役</v>
          </cell>
          <cell r="F3360" t="str">
            <v>063-0837</v>
          </cell>
          <cell r="G3360" t="str">
            <v>西区発寒１７－１４－３－４５</v>
          </cell>
          <cell r="H3360" t="str">
            <v>664-8881</v>
          </cell>
          <cell r="I3360" t="str">
            <v>664-8887</v>
          </cell>
        </row>
        <row r="3361">
          <cell r="A3361" t="str">
            <v>45093P</v>
          </cell>
          <cell r="B3361" t="str">
            <v>ﾆｲﾁﾆﾃﾞﾝｾﾂ</v>
          </cell>
          <cell r="C3361" t="str">
            <v>ニイチニ電設（株）</v>
          </cell>
          <cell r="D3361" t="str">
            <v>中村 武尚</v>
          </cell>
          <cell r="E3361" t="str">
            <v>取締役社長</v>
          </cell>
          <cell r="F3361" t="str">
            <v>064-0804</v>
          </cell>
          <cell r="G3361" t="str">
            <v>中央区南４西１３－１－８</v>
          </cell>
          <cell r="H3361" t="str">
            <v>513-3188</v>
          </cell>
          <cell r="I3361" t="str">
            <v>512-7220</v>
          </cell>
        </row>
        <row r="3362">
          <cell r="A3362" t="str">
            <v>45104W</v>
          </cell>
          <cell r="B3362" t="str">
            <v>ｷｸﾃｯｸ</v>
          </cell>
          <cell r="C3362" t="str">
            <v>（株）キクテック札幌営業所</v>
          </cell>
          <cell r="D3362" t="str">
            <v>落合 鉄也</v>
          </cell>
          <cell r="E3362" t="str">
            <v>所長</v>
          </cell>
          <cell r="F3362" t="str">
            <v>007-0837</v>
          </cell>
          <cell r="G3362" t="str">
            <v>東区北３７東１０－２－１５</v>
          </cell>
          <cell r="H3362" t="str">
            <v>741-8848</v>
          </cell>
          <cell r="I3362" t="str">
            <v>741-8862</v>
          </cell>
        </row>
        <row r="3363">
          <cell r="A3363" t="str">
            <v>45116N</v>
          </cell>
          <cell r="B3363" t="str">
            <v>ｷﾀﾉｺｳｷﾞｮｳ</v>
          </cell>
          <cell r="C3363" t="str">
            <v>（株）北野興業</v>
          </cell>
          <cell r="D3363" t="str">
            <v>北野 喬</v>
          </cell>
          <cell r="E3363" t="str">
            <v>代表取締役</v>
          </cell>
          <cell r="F3363" t="str">
            <v>007-0838</v>
          </cell>
          <cell r="G3363" t="str">
            <v>東区北３８東１０－３－６</v>
          </cell>
          <cell r="H3363" t="str">
            <v>721-2691</v>
          </cell>
          <cell r="I3363" t="str">
            <v>721-2689</v>
          </cell>
        </row>
        <row r="3364">
          <cell r="A3364" t="str">
            <v>45120R</v>
          </cell>
          <cell r="B3364" t="str">
            <v>ｷｮｳｾｲｺｳｷﾞｮｳ</v>
          </cell>
          <cell r="C3364" t="str">
            <v>共成工業（株）</v>
          </cell>
          <cell r="D3364" t="str">
            <v>岡崎 祐一</v>
          </cell>
          <cell r="E3364" t="str">
            <v>代表取締役</v>
          </cell>
          <cell r="F3364" t="str">
            <v>005-0813</v>
          </cell>
          <cell r="G3364" t="str">
            <v>南区川沿１３－１－４－１</v>
          </cell>
          <cell r="H3364" t="str">
            <v>572-5890</v>
          </cell>
          <cell r="I3364" t="str">
            <v>572-5893</v>
          </cell>
        </row>
        <row r="3365">
          <cell r="A3365" t="str">
            <v>45125P</v>
          </cell>
          <cell r="B3365" t="str">
            <v>ｷﾑﾗｿﾞｳｴﾝ</v>
          </cell>
          <cell r="C3365" t="str">
            <v>木村造園（株）</v>
          </cell>
          <cell r="D3365" t="str">
            <v>木村 茂</v>
          </cell>
          <cell r="E3365" t="str">
            <v>代表取締役</v>
          </cell>
          <cell r="F3365" t="str">
            <v>004-0811</v>
          </cell>
          <cell r="G3365" t="str">
            <v>清田区美しが丘１－８－６－７</v>
          </cell>
          <cell r="H3365" t="str">
            <v>881-6336</v>
          </cell>
          <cell r="I3365" t="str">
            <v>883-4403</v>
          </cell>
        </row>
        <row r="3366">
          <cell r="A3366" t="str">
            <v>45133V</v>
          </cell>
          <cell r="B3366" t="str">
            <v>ｷﾑﾗ</v>
          </cell>
          <cell r="C3366" t="str">
            <v>（株）キムラ札幌支店</v>
          </cell>
          <cell r="D3366" t="str">
            <v>木村 ヒサ</v>
          </cell>
          <cell r="E3366" t="str">
            <v>支店長</v>
          </cell>
          <cell r="F3366" t="str">
            <v>062-0001</v>
          </cell>
          <cell r="G3366" t="str">
            <v>豊平区美園１－１－３－２４</v>
          </cell>
          <cell r="H3366" t="str">
            <v>815-2010</v>
          </cell>
          <cell r="I3366" t="str">
            <v>815-2010</v>
          </cell>
        </row>
        <row r="3367">
          <cell r="A3367" t="str">
            <v>45135N</v>
          </cell>
          <cell r="B3367" t="str">
            <v>ｷｸｽｲｾﾂﾋﾞ</v>
          </cell>
          <cell r="C3367" t="str">
            <v>（有）菊水設備</v>
          </cell>
          <cell r="D3367" t="str">
            <v>遠藤 勉</v>
          </cell>
          <cell r="E3367" t="str">
            <v>代表取締役</v>
          </cell>
          <cell r="F3367" t="str">
            <v>003-0801</v>
          </cell>
          <cell r="G3367" t="str">
            <v>白石区菊水１－１－２－２５</v>
          </cell>
          <cell r="H3367" t="str">
            <v>811-6369</v>
          </cell>
          <cell r="I3367" t="str">
            <v>814-9302</v>
          </cell>
        </row>
        <row r="3368">
          <cell r="A3368" t="str">
            <v>45139R</v>
          </cell>
          <cell r="B3368" t="str">
            <v>ｷﾀﾊﾞﾗﾝﾄﾞｽｹｰﾌﾟﾌﾟﾗﾝﾆﾝｸﾞ</v>
          </cell>
          <cell r="C3368" t="str">
            <v>（株）キタバランドスケーププランニング</v>
          </cell>
          <cell r="D3368" t="str">
            <v>斉藤 浩二</v>
          </cell>
          <cell r="E3368" t="str">
            <v>代表取締役</v>
          </cell>
          <cell r="F3368" t="str">
            <v>060-0004</v>
          </cell>
          <cell r="G3368" t="str">
            <v>中央区北４西７－５</v>
          </cell>
          <cell r="H3368" t="str">
            <v>271-8005</v>
          </cell>
          <cell r="I3368" t="str">
            <v>271-8010</v>
          </cell>
        </row>
        <row r="3369">
          <cell r="A3369" t="str">
            <v>45149P</v>
          </cell>
          <cell r="B3369" t="str">
            <v>ｷﾀｺｳｷﾞｮｳ</v>
          </cell>
          <cell r="C3369" t="str">
            <v>（株）北工業</v>
          </cell>
          <cell r="D3369" t="str">
            <v>阿部 清人</v>
          </cell>
          <cell r="E3369" t="str">
            <v>代表取締役</v>
          </cell>
          <cell r="F3369" t="str">
            <v>002-8066</v>
          </cell>
          <cell r="G3369" t="str">
            <v>北区拓北６－３－２－１</v>
          </cell>
          <cell r="H3369" t="str">
            <v>771-8154</v>
          </cell>
          <cell r="I3369" t="str">
            <v>773-6932</v>
          </cell>
        </row>
        <row r="3370">
          <cell r="A3370" t="str">
            <v>45186S</v>
          </cell>
          <cell r="B3370" t="str">
            <v>ﾎｯｶｲﾄﾞｳﾐﾂﾋﾞｼﾃﾞﾝｷﾊﾝﾊﾞｲ</v>
          </cell>
          <cell r="C3370" t="str">
            <v>北海道三菱電機販売（株）</v>
          </cell>
          <cell r="D3370" t="str">
            <v>木下 英男</v>
          </cell>
          <cell r="E3370" t="str">
            <v>代表取締役</v>
          </cell>
          <cell r="F3370" t="str">
            <v>065-0024</v>
          </cell>
          <cell r="G3370" t="str">
            <v>東区北２４東２－５－１５</v>
          </cell>
          <cell r="H3370" t="str">
            <v>712-8900</v>
          </cell>
          <cell r="I3370" t="str">
            <v>712-8901</v>
          </cell>
        </row>
        <row r="3371">
          <cell r="A3371" t="str">
            <v>45210P</v>
          </cell>
          <cell r="B3371" t="str">
            <v>ｷﾀｸﾞﾆｹﾝｾﾂｺｳｷﾞｮｳ</v>
          </cell>
          <cell r="C3371" t="str">
            <v>（有）北国建設工業</v>
          </cell>
          <cell r="D3371" t="str">
            <v>近江谷 孝</v>
          </cell>
          <cell r="E3371" t="str">
            <v>代表取締役</v>
          </cell>
          <cell r="F3371" t="str">
            <v>007-0890</v>
          </cell>
          <cell r="G3371" t="str">
            <v>東区中沼町１２９－１２</v>
          </cell>
          <cell r="H3371" t="str">
            <v>790-1333</v>
          </cell>
          <cell r="I3371" t="str">
            <v>790-1343</v>
          </cell>
        </row>
        <row r="3372">
          <cell r="A3372" t="str">
            <v>45217W</v>
          </cell>
          <cell r="B3372" t="str">
            <v>ｷﾀｷｶｸｴﾝｼﾞﾆｱﾘﾝｸﾞ</v>
          </cell>
          <cell r="C3372" t="str">
            <v>（株）北企画エンジニアリング</v>
          </cell>
          <cell r="D3372" t="str">
            <v>長尾 俊雄</v>
          </cell>
          <cell r="E3372" t="str">
            <v>代表取締役</v>
          </cell>
          <cell r="F3372" t="str">
            <v>064-0804</v>
          </cell>
          <cell r="G3372" t="str">
            <v>中央区南４西６－１１－２ 全日ビル６階</v>
          </cell>
          <cell r="H3372" t="str">
            <v>290-7290</v>
          </cell>
          <cell r="I3372" t="str">
            <v>290-7291</v>
          </cell>
        </row>
        <row r="3373">
          <cell r="A3373" t="str">
            <v>45802V</v>
          </cell>
          <cell r="B3373" t="str">
            <v>ｴｰﾃｨｯｸ</v>
          </cell>
          <cell r="C3373" t="str">
            <v>（株）エーティック</v>
          </cell>
          <cell r="D3373" t="str">
            <v>舟田 清志</v>
          </cell>
          <cell r="E3373" t="str">
            <v>代表取締役</v>
          </cell>
          <cell r="F3373" t="str">
            <v>063-0801</v>
          </cell>
          <cell r="G3373" t="str">
            <v>西区二十四軒１－５－６－１</v>
          </cell>
          <cell r="H3373" t="str">
            <v>644-2845</v>
          </cell>
          <cell r="I3373" t="str">
            <v>644-2895</v>
          </cell>
        </row>
        <row r="3374">
          <cell r="A3374" t="str">
            <v>45805Y</v>
          </cell>
          <cell r="B3374" t="str">
            <v>ｷﾝﾀﾞｲｾｯｹｲ</v>
          </cell>
          <cell r="C3374" t="str">
            <v>（株）近代設計札幌支社</v>
          </cell>
          <cell r="D3374" t="str">
            <v>坂野 峰雄</v>
          </cell>
          <cell r="E3374" t="str">
            <v>支社長</v>
          </cell>
          <cell r="F3374" t="str">
            <v>065-0033</v>
          </cell>
          <cell r="G3374" t="str">
            <v>東区北３３東１６－２－１</v>
          </cell>
          <cell r="H3374" t="str">
            <v>786-5660</v>
          </cell>
          <cell r="I3374" t="str">
            <v>786-5633</v>
          </cell>
        </row>
        <row r="3375">
          <cell r="A3375" t="str">
            <v>45813R</v>
          </cell>
          <cell r="B3375" t="str">
            <v>ﾄﾞｳｵｳｿｸﾘｮｳｾｯｹｲ</v>
          </cell>
          <cell r="C3375" t="str">
            <v>（株）道央測量設計</v>
          </cell>
          <cell r="D3375" t="str">
            <v>福山 英二</v>
          </cell>
          <cell r="E3375" t="str">
            <v>代表取締役</v>
          </cell>
          <cell r="F3375" t="str">
            <v>003-0012</v>
          </cell>
          <cell r="G3375" t="str">
            <v>白石区中央２－６－９－２２</v>
          </cell>
          <cell r="H3375" t="str">
            <v>865-3711</v>
          </cell>
          <cell r="I3375" t="str">
            <v>862-2219</v>
          </cell>
        </row>
        <row r="3376">
          <cell r="A3376" t="str">
            <v>45829Y</v>
          </cell>
          <cell r="B3376" t="str">
            <v>ｷｮｳｴｲｳﾝｿｳ</v>
          </cell>
          <cell r="C3376" t="str">
            <v>共栄運送（株）</v>
          </cell>
          <cell r="D3376" t="str">
            <v>藤田 弘幸</v>
          </cell>
          <cell r="E3376" t="str">
            <v>代表取締役</v>
          </cell>
          <cell r="F3376" t="str">
            <v>007-0834</v>
          </cell>
          <cell r="G3376" t="str">
            <v>東区北３４東２７－１－１５</v>
          </cell>
          <cell r="H3376" t="str">
            <v>784-6817</v>
          </cell>
          <cell r="I3376" t="str">
            <v>782-0297</v>
          </cell>
        </row>
        <row r="3377">
          <cell r="A3377" t="str">
            <v>45830W</v>
          </cell>
          <cell r="B3377" t="str">
            <v>ｷｮｳﾕｳｳﾝｿｳ</v>
          </cell>
          <cell r="C3377" t="str">
            <v>共友運送（有）</v>
          </cell>
          <cell r="D3377" t="str">
            <v>新居 恭子</v>
          </cell>
          <cell r="E3377" t="str">
            <v>代表取締役</v>
          </cell>
          <cell r="F3377" t="str">
            <v>007-0843</v>
          </cell>
          <cell r="G3377" t="str">
            <v>東区北４３東８－３－１６</v>
          </cell>
          <cell r="H3377" t="str">
            <v>751-5230</v>
          </cell>
          <cell r="I3377" t="str">
            <v>751-4592</v>
          </cell>
        </row>
        <row r="3378">
          <cell r="A3378" t="str">
            <v>45831T</v>
          </cell>
          <cell r="B3378" t="str">
            <v>ｷｮｸﾄｳｳﾝﾕ</v>
          </cell>
          <cell r="C3378" t="str">
            <v>極東運輸（株）</v>
          </cell>
          <cell r="D3378" t="str">
            <v>森 孝弘</v>
          </cell>
          <cell r="E3378" t="str">
            <v>代表取締役</v>
          </cell>
          <cell r="F3378" t="str">
            <v>003-0030</v>
          </cell>
          <cell r="G3378" t="str">
            <v>白石区流通センター５－３－６</v>
          </cell>
          <cell r="H3378" t="str">
            <v>864-5890</v>
          </cell>
          <cell r="I3378" t="str">
            <v>864-3437</v>
          </cell>
        </row>
        <row r="3379">
          <cell r="A3379" t="str">
            <v>45832R</v>
          </cell>
          <cell r="B3379" t="str">
            <v>ﾗﾝﾃﾞｻﾞｲﾝ</v>
          </cell>
          <cell r="C3379" t="str">
            <v>（有）ランデザイン</v>
          </cell>
          <cell r="D3379" t="str">
            <v>菊地 芳則</v>
          </cell>
          <cell r="E3379" t="str">
            <v>代表取締役</v>
          </cell>
          <cell r="F3379" t="str">
            <v>060-0807</v>
          </cell>
          <cell r="G3379" t="str">
            <v>北区北７西２ 山京ビル４１０号</v>
          </cell>
          <cell r="H3379" t="str">
            <v>700-5512</v>
          </cell>
          <cell r="I3379" t="str">
            <v>758-5120</v>
          </cell>
        </row>
        <row r="3380">
          <cell r="A3380" t="str">
            <v>46003Z</v>
          </cell>
          <cell r="B3380" t="str">
            <v>ｸﾗﾀｷﾎｳｴﾝ</v>
          </cell>
          <cell r="C3380" t="str">
            <v>（株）蔵田喜芳園</v>
          </cell>
          <cell r="D3380" t="str">
            <v>加藤 美代子</v>
          </cell>
          <cell r="E3380" t="str">
            <v>代表取締役</v>
          </cell>
          <cell r="F3380" t="str">
            <v>060-0051</v>
          </cell>
          <cell r="G3380" t="str">
            <v>中央区南１東７－１</v>
          </cell>
          <cell r="H3380" t="str">
            <v>241-1595</v>
          </cell>
          <cell r="I3380" t="str">
            <v>241-1597</v>
          </cell>
        </row>
        <row r="3381">
          <cell r="A3381" t="str">
            <v>46010T</v>
          </cell>
          <cell r="B3381" t="str">
            <v>ｸﾘｰﾝｱｯﾌﾟ</v>
          </cell>
          <cell r="C3381" t="str">
            <v>（株）クリーンアップ</v>
          </cell>
          <cell r="D3381" t="str">
            <v>山谷 勝義</v>
          </cell>
          <cell r="E3381" t="str">
            <v>代表取締役</v>
          </cell>
          <cell r="F3381" t="str">
            <v>060-0063</v>
          </cell>
          <cell r="G3381" t="str">
            <v>中央区南３西１３－３２０</v>
          </cell>
          <cell r="H3381" t="str">
            <v>271-5352</v>
          </cell>
          <cell r="I3381" t="str">
            <v>271-5391</v>
          </cell>
        </row>
        <row r="3382">
          <cell r="A3382" t="str">
            <v>46012N</v>
          </cell>
          <cell r="B3382" t="str">
            <v>ｸﾞﾘｰﾝｶﾞｰﾃﾞﾝ</v>
          </cell>
          <cell r="C3382" t="str">
            <v>（株）グリーンガーデン</v>
          </cell>
          <cell r="D3382" t="str">
            <v>城木 浩一</v>
          </cell>
          <cell r="E3382" t="str">
            <v>代表取締役</v>
          </cell>
          <cell r="F3382" t="str">
            <v>001-0922</v>
          </cell>
          <cell r="G3382" t="str">
            <v>北区新川２－１－２－３８</v>
          </cell>
          <cell r="H3382" t="str">
            <v>726-5877</v>
          </cell>
          <cell r="I3382" t="str">
            <v>717-2539</v>
          </cell>
        </row>
        <row r="3383">
          <cell r="A3383" t="str">
            <v>46016P</v>
          </cell>
          <cell r="B3383" t="str">
            <v>ｸﾘﾓﾄﾃｯｺｳｼｮ</v>
          </cell>
          <cell r="C3383" t="str">
            <v>（株）栗本鐵工所北海道支店</v>
          </cell>
          <cell r="D3383" t="str">
            <v>今井 哲也</v>
          </cell>
          <cell r="E3383" t="str">
            <v>支店長</v>
          </cell>
          <cell r="F3383" t="str">
            <v>060-0002</v>
          </cell>
          <cell r="G3383" t="str">
            <v>中央区北２西４ 札幌三井ビル別館９階</v>
          </cell>
          <cell r="H3383" t="str">
            <v>281-3301</v>
          </cell>
          <cell r="I3383" t="str">
            <v>271-7850</v>
          </cell>
        </row>
        <row r="3384">
          <cell r="A3384" t="str">
            <v>46024V</v>
          </cell>
          <cell r="B3384" t="str">
            <v>ｸｼﾋﾞｷﾃﾞﾝｷｺｳｼﾞ</v>
          </cell>
          <cell r="C3384" t="str">
            <v>（株）櫛引電気工事</v>
          </cell>
          <cell r="D3384" t="str">
            <v>櫛引 茂男</v>
          </cell>
          <cell r="E3384" t="str">
            <v>代表取締役</v>
          </cell>
          <cell r="F3384" t="str">
            <v>005-0037</v>
          </cell>
          <cell r="G3384" t="str">
            <v>南区南３７西１１－１－５</v>
          </cell>
          <cell r="H3384" t="str">
            <v>581-1211</v>
          </cell>
          <cell r="I3384" t="str">
            <v>582-2320</v>
          </cell>
        </row>
        <row r="3385">
          <cell r="A3385" t="str">
            <v>46032Y</v>
          </cell>
          <cell r="B3385" t="str">
            <v>ｸﾞﾘｰﾝﾀﾅｶ</v>
          </cell>
          <cell r="C3385" t="str">
            <v>（株）グリーン田中</v>
          </cell>
          <cell r="D3385" t="str">
            <v>田中 眞知子</v>
          </cell>
          <cell r="E3385" t="str">
            <v>代表取締役</v>
          </cell>
          <cell r="F3385" t="str">
            <v>006-0829</v>
          </cell>
          <cell r="G3385" t="str">
            <v>手稲区手稲前田５７４－３</v>
          </cell>
          <cell r="H3385" t="str">
            <v>683-2333</v>
          </cell>
          <cell r="I3385" t="str">
            <v>683-6666</v>
          </cell>
        </row>
        <row r="3386">
          <cell r="A3386" t="str">
            <v>46041Z</v>
          </cell>
          <cell r="B3386" t="str">
            <v>ｸﾘﾔﾏｸﾞﾐ</v>
          </cell>
          <cell r="C3386" t="str">
            <v>（株）栗山組</v>
          </cell>
          <cell r="D3386" t="str">
            <v>栗山 和久</v>
          </cell>
          <cell r="E3386" t="str">
            <v>代表取締役</v>
          </cell>
          <cell r="F3386" t="str">
            <v>007-0838</v>
          </cell>
          <cell r="G3386" t="str">
            <v>東区北３８東２０－３－２０</v>
          </cell>
          <cell r="H3386" t="str">
            <v>783-3429</v>
          </cell>
          <cell r="I3386" t="str">
            <v>783-8855</v>
          </cell>
        </row>
        <row r="3387">
          <cell r="A3387" t="str">
            <v>46047W</v>
          </cell>
          <cell r="B3387" t="str">
            <v>ｸﾎﾞﾀﾊｲｶﾝｺｳｷﾞｮｳｼｮ</v>
          </cell>
          <cell r="C3387" t="str">
            <v>（有）窪田配管工業所</v>
          </cell>
          <cell r="D3387" t="str">
            <v>齋藤 肇</v>
          </cell>
          <cell r="E3387" t="str">
            <v>代表取締役</v>
          </cell>
          <cell r="F3387" t="str">
            <v>003-0022</v>
          </cell>
          <cell r="G3387" t="str">
            <v>白石区南郷通１４南６－１８</v>
          </cell>
          <cell r="H3387" t="str">
            <v>863-1681</v>
          </cell>
          <cell r="I3387" t="str">
            <v>863-1696</v>
          </cell>
        </row>
        <row r="3388">
          <cell r="A3388" t="str">
            <v>46056X</v>
          </cell>
          <cell r="B3388" t="str">
            <v>ｸﾘｴｰﾄｺｳﾎﾞｳ</v>
          </cell>
          <cell r="C3388" t="str">
            <v>（株）クリエート工房</v>
          </cell>
          <cell r="D3388" t="str">
            <v>西野 昭平</v>
          </cell>
          <cell r="E3388" t="str">
            <v>代表取締役</v>
          </cell>
          <cell r="F3388" t="str">
            <v>060-0001</v>
          </cell>
          <cell r="G3388" t="str">
            <v>中央区北１西１９－２</v>
          </cell>
          <cell r="H3388" t="str">
            <v>641-3050</v>
          </cell>
          <cell r="I3388" t="str">
            <v>641-5269</v>
          </cell>
        </row>
        <row r="3389">
          <cell r="A3389" t="str">
            <v>46079Z</v>
          </cell>
          <cell r="B3389" t="str">
            <v>ｸﾞﾘｰﾝﾒｲｸﾊﾗﾀﾞ</v>
          </cell>
          <cell r="C3389" t="str">
            <v>（株）グリーンメイクハラダ</v>
          </cell>
          <cell r="D3389" t="str">
            <v>原田 久子</v>
          </cell>
          <cell r="E3389" t="str">
            <v>代表取締役</v>
          </cell>
          <cell r="F3389" t="str">
            <v>007-0820</v>
          </cell>
          <cell r="G3389" t="str">
            <v>東区東雁来町１５０</v>
          </cell>
          <cell r="H3389" t="str">
            <v>791-2650</v>
          </cell>
          <cell r="I3389" t="str">
            <v>791-8360</v>
          </cell>
        </row>
        <row r="3390">
          <cell r="A3390" t="str">
            <v>46081V</v>
          </cell>
          <cell r="B3390" t="str">
            <v>ｶﾞｲｱｺｳｷﾞｮｳ</v>
          </cell>
          <cell r="C3390" t="str">
            <v>ガイア工業（株）</v>
          </cell>
          <cell r="D3390" t="str">
            <v>太田 正利</v>
          </cell>
          <cell r="E3390" t="str">
            <v>代表取締役</v>
          </cell>
          <cell r="F3390" t="str">
            <v>003-0839</v>
          </cell>
          <cell r="G3390" t="str">
            <v>白石区北郷９－８－５－１０</v>
          </cell>
          <cell r="H3390" t="str">
            <v>871-3148</v>
          </cell>
          <cell r="I3390" t="str">
            <v>871-3715</v>
          </cell>
        </row>
        <row r="3391">
          <cell r="A3391" t="str">
            <v>46099X</v>
          </cell>
          <cell r="B3391" t="str">
            <v>ｸﾞﾗﾝﾄﾞﾃﾞｻﾞｲﾝ</v>
          </cell>
          <cell r="C3391" t="str">
            <v>（株）グランドデザイン</v>
          </cell>
          <cell r="D3391" t="str">
            <v>酒本 宏</v>
          </cell>
          <cell r="E3391" t="str">
            <v>代表取締役</v>
          </cell>
          <cell r="F3391" t="str">
            <v>001-0013</v>
          </cell>
          <cell r="G3391" t="str">
            <v>北区北１３西３－１３</v>
          </cell>
          <cell r="H3391" t="str">
            <v>707-3155</v>
          </cell>
          <cell r="I3391" t="str">
            <v>707-8710</v>
          </cell>
        </row>
        <row r="3392">
          <cell r="A3392" t="str">
            <v>46510S</v>
          </cell>
          <cell r="B3392" t="str">
            <v>ｹｲｼﾞｰｴﾝｼﾞﾆｱﾘﾝｸﾞ</v>
          </cell>
          <cell r="C3392" t="str">
            <v>（株）ケイジーエンジニアリング</v>
          </cell>
          <cell r="D3392" t="str">
            <v>後藤 雪夫</v>
          </cell>
          <cell r="E3392" t="str">
            <v>代表取締役</v>
          </cell>
          <cell r="F3392" t="str">
            <v>065-0020</v>
          </cell>
          <cell r="G3392" t="str">
            <v>東区北２０東１５－３－１</v>
          </cell>
          <cell r="H3392" t="str">
            <v>731-2489</v>
          </cell>
          <cell r="I3392" t="str">
            <v>731-2469</v>
          </cell>
        </row>
        <row r="3393">
          <cell r="A3393" t="str">
            <v>46517Y</v>
          </cell>
          <cell r="B3393" t="str">
            <v>ｹﾝｾﾂｲｼﾞｶﾝﾘｾﾝﾀｰ</v>
          </cell>
          <cell r="C3393" t="str">
            <v>（株）建設維持管理センター</v>
          </cell>
          <cell r="D3393" t="str">
            <v>工藤 昇</v>
          </cell>
          <cell r="E3393" t="str">
            <v>代表取締役</v>
          </cell>
          <cell r="F3393" t="str">
            <v>062-0931</v>
          </cell>
          <cell r="G3393" t="str">
            <v>豊平区平岸１－７－４－３１</v>
          </cell>
          <cell r="H3393" t="str">
            <v>832-5501</v>
          </cell>
          <cell r="I3393" t="str">
            <v>832-5921</v>
          </cell>
        </row>
        <row r="3394">
          <cell r="A3394" t="str">
            <v>46530P</v>
          </cell>
          <cell r="B3394" t="str">
            <v>ｹｰｱｲ</v>
          </cell>
          <cell r="C3394" t="str">
            <v>（株）ケーアイ</v>
          </cell>
          <cell r="D3394" t="str">
            <v>日下 哲</v>
          </cell>
          <cell r="E3394" t="str">
            <v>代表取締役</v>
          </cell>
          <cell r="F3394" t="str">
            <v>003-0831</v>
          </cell>
          <cell r="G3394" t="str">
            <v>白石区北郷１－３－４－３２</v>
          </cell>
          <cell r="H3394" t="str">
            <v>879-6640</v>
          </cell>
          <cell r="I3394" t="str">
            <v>879-6641</v>
          </cell>
        </row>
        <row r="3395">
          <cell r="A3395" t="str">
            <v>46533V</v>
          </cell>
          <cell r="B3395" t="str">
            <v>ｹﾝｳﾝ</v>
          </cell>
          <cell r="C3395" t="str">
            <v>（株）ケンウン</v>
          </cell>
          <cell r="D3395" t="str">
            <v>丸山 邦彦</v>
          </cell>
          <cell r="E3395" t="str">
            <v>代表取締役</v>
          </cell>
          <cell r="F3395" t="str">
            <v>004-0041</v>
          </cell>
          <cell r="G3395" t="str">
            <v>厚別区大谷地東２－１－６６</v>
          </cell>
          <cell r="H3395" t="str">
            <v>892-1516</v>
          </cell>
          <cell r="I3395" t="str">
            <v>892-1518</v>
          </cell>
        </row>
        <row r="3396">
          <cell r="A3396" t="str">
            <v>46538T</v>
          </cell>
          <cell r="B3396" t="str">
            <v>ｹｲｶﾝｺｳｶﾞｸｹﾝｷｭｳｼﾞｮ</v>
          </cell>
          <cell r="C3396" t="str">
            <v>（株）景観工学研究所</v>
          </cell>
          <cell r="D3396" t="str">
            <v>佐川 幸夫</v>
          </cell>
          <cell r="E3396" t="str">
            <v>代表取締役</v>
          </cell>
          <cell r="F3396" t="str">
            <v>171-0031</v>
          </cell>
          <cell r="G3396" t="str">
            <v>東京都豊島区目白２－１６－２２</v>
          </cell>
          <cell r="H3396" t="str">
            <v>03-3984-5875</v>
          </cell>
          <cell r="I3396" t="str">
            <v>03-3984-7771</v>
          </cell>
        </row>
        <row r="3397">
          <cell r="A3397" t="str">
            <v>46552V</v>
          </cell>
          <cell r="B3397" t="str">
            <v>ｹｲｶｸｼｬﾄﾞｳ</v>
          </cell>
          <cell r="C3397" t="str">
            <v>（株）計画舎ドウ</v>
          </cell>
          <cell r="D3397" t="str">
            <v>高橋 明男</v>
          </cell>
          <cell r="E3397" t="str">
            <v>代表取締役</v>
          </cell>
          <cell r="F3397" t="str">
            <v>060-0003</v>
          </cell>
          <cell r="G3397" t="str">
            <v>中央区北３西２－１</v>
          </cell>
          <cell r="H3397" t="str">
            <v>200-7863</v>
          </cell>
          <cell r="I3397" t="str">
            <v>200-7864</v>
          </cell>
        </row>
        <row r="3398">
          <cell r="A3398" t="str">
            <v>46911S</v>
          </cell>
          <cell r="B3398" t="str">
            <v>ｹﾝｾﾂｷﾞｼﾞｭﾂｹﾝｷｭｳｼﾞｮ</v>
          </cell>
          <cell r="C3398" t="str">
            <v>（株）建設技術研究所北海道支社</v>
          </cell>
          <cell r="D3398" t="str">
            <v>須田 文夫</v>
          </cell>
          <cell r="E3398" t="str">
            <v>支社長</v>
          </cell>
          <cell r="F3398" t="str">
            <v>060-0003</v>
          </cell>
          <cell r="G3398" t="str">
            <v>中央区北３西３－１－６ 札幌小暮ビル</v>
          </cell>
          <cell r="H3398" t="str">
            <v>281-3747</v>
          </cell>
          <cell r="I3398" t="str">
            <v>261-4108</v>
          </cell>
        </row>
        <row r="3399">
          <cell r="A3399" t="str">
            <v>47007Z</v>
          </cell>
          <cell r="B3399" t="str">
            <v>ｺｸｴｲｶｲﾊﾂ</v>
          </cell>
          <cell r="C3399" t="str">
            <v>（株）国栄開発</v>
          </cell>
          <cell r="D3399" t="str">
            <v>真田 博ニ</v>
          </cell>
          <cell r="E3399" t="str">
            <v>代表取締役</v>
          </cell>
          <cell r="F3399" t="str">
            <v>004-0061</v>
          </cell>
          <cell r="G3399" t="str">
            <v>厚別区厚別西１－１－１－５０</v>
          </cell>
          <cell r="H3399" t="str">
            <v>893-2266</v>
          </cell>
          <cell r="I3399" t="str">
            <v>892-5333</v>
          </cell>
        </row>
        <row r="3400">
          <cell r="A3400" t="str">
            <v>47011P</v>
          </cell>
          <cell r="B3400" t="str">
            <v>ｺﾝｿﾞｳｴﾝ</v>
          </cell>
          <cell r="C3400" t="str">
            <v>（株）今造園</v>
          </cell>
          <cell r="D3400" t="str">
            <v>今 實</v>
          </cell>
          <cell r="E3400" t="str">
            <v>代表取締役</v>
          </cell>
          <cell r="F3400" t="str">
            <v>006-0804</v>
          </cell>
          <cell r="G3400" t="str">
            <v>手稲区新発寒４－３－１－６</v>
          </cell>
          <cell r="H3400" t="str">
            <v>683-8435</v>
          </cell>
          <cell r="I3400" t="str">
            <v>683-8880</v>
          </cell>
        </row>
        <row r="3401">
          <cell r="A3401" t="str">
            <v>47012Z</v>
          </cell>
          <cell r="B3401" t="str">
            <v>ｺﾄﾌﾞｷｿﾞｳｴﾝ</v>
          </cell>
          <cell r="C3401" t="str">
            <v>（株）寿造園</v>
          </cell>
          <cell r="D3401" t="str">
            <v>福田 秀明</v>
          </cell>
          <cell r="E3401" t="str">
            <v>代表取締役</v>
          </cell>
          <cell r="F3401" t="str">
            <v>006-0814</v>
          </cell>
          <cell r="G3401" t="str">
            <v>手稲区前田４－４－１－１</v>
          </cell>
          <cell r="H3401" t="str">
            <v>681-2157</v>
          </cell>
          <cell r="I3401" t="str">
            <v>681-5890</v>
          </cell>
        </row>
        <row r="3402">
          <cell r="A3402" t="str">
            <v>47016N</v>
          </cell>
          <cell r="B3402" t="str">
            <v>ｺﾛﾅﾃﾞﾝｷﾞｮｳ</v>
          </cell>
          <cell r="C3402" t="str">
            <v>コロナ電業（株）</v>
          </cell>
          <cell r="D3402" t="str">
            <v>水林 茂人</v>
          </cell>
          <cell r="E3402" t="str">
            <v>代表取締役</v>
          </cell>
          <cell r="F3402" t="str">
            <v>064-0808</v>
          </cell>
          <cell r="G3402" t="str">
            <v>中央区南８西１８－３－１２</v>
          </cell>
          <cell r="H3402" t="str">
            <v>563-3185</v>
          </cell>
          <cell r="I3402" t="str">
            <v>563-3188</v>
          </cell>
        </row>
        <row r="3403">
          <cell r="A3403" t="str">
            <v>47017Y</v>
          </cell>
          <cell r="B3403" t="str">
            <v>ｺｳﾜﾃﾞﾝｷ</v>
          </cell>
          <cell r="C3403" t="str">
            <v>弘和電気（株）</v>
          </cell>
          <cell r="D3403" t="str">
            <v>中村 清</v>
          </cell>
          <cell r="E3403" t="str">
            <v>取締役社長</v>
          </cell>
          <cell r="F3403" t="str">
            <v>064-0803</v>
          </cell>
          <cell r="G3403" t="str">
            <v>中央区南３西２０－２－１２</v>
          </cell>
          <cell r="H3403" t="str">
            <v>611-6283</v>
          </cell>
          <cell r="I3403" t="str">
            <v>631-9504</v>
          </cell>
        </row>
        <row r="3404">
          <cell r="A3404" t="str">
            <v>47021N</v>
          </cell>
          <cell r="B3404" t="str">
            <v>ｺｳｾｲﾃﾞﾝｷ</v>
          </cell>
          <cell r="C3404" t="str">
            <v>（株）光星電気</v>
          </cell>
          <cell r="D3404" t="str">
            <v>折川 郷美</v>
          </cell>
          <cell r="E3404" t="str">
            <v>代表取締役</v>
          </cell>
          <cell r="F3404" t="str">
            <v>062-0020</v>
          </cell>
          <cell r="G3404" t="str">
            <v>豊平区月寒中央通１１－７－４０</v>
          </cell>
          <cell r="H3404" t="str">
            <v>853-5100</v>
          </cell>
          <cell r="I3404" t="str">
            <v>853-1900</v>
          </cell>
        </row>
        <row r="3405">
          <cell r="A3405" t="str">
            <v>47028V</v>
          </cell>
          <cell r="B3405" t="str">
            <v>ｺﾔﾅｷﾞｺｳｷﾞｮｳ</v>
          </cell>
          <cell r="C3405" t="str">
            <v>小柳工業（株）</v>
          </cell>
          <cell r="D3405" t="str">
            <v>松原 史幸</v>
          </cell>
          <cell r="E3405" t="str">
            <v>代表取締役</v>
          </cell>
          <cell r="F3405" t="str">
            <v>007-0883</v>
          </cell>
          <cell r="G3405" t="str">
            <v>東区北丘珠３－４－１－１０</v>
          </cell>
          <cell r="H3405" t="str">
            <v>781-2425</v>
          </cell>
          <cell r="I3405" t="str">
            <v>781-6406</v>
          </cell>
        </row>
        <row r="3406">
          <cell r="A3406" t="str">
            <v>47030P</v>
          </cell>
          <cell r="B3406" t="str">
            <v>ｺｳｴｲﾃﾞﾝｷﾂｳｼﾝ</v>
          </cell>
          <cell r="C3406" t="str">
            <v>光英電気通信（株）</v>
          </cell>
          <cell r="D3406" t="str">
            <v>相澤 隆通</v>
          </cell>
          <cell r="E3406" t="str">
            <v>代表取締役</v>
          </cell>
          <cell r="F3406" t="str">
            <v>064-0821</v>
          </cell>
          <cell r="G3406" t="str">
            <v>中央区北１西２０－２－１８</v>
          </cell>
          <cell r="H3406" t="str">
            <v>642-4101</v>
          </cell>
          <cell r="I3406" t="str">
            <v>643-6121</v>
          </cell>
        </row>
        <row r="3407">
          <cell r="A3407" t="str">
            <v>47035N</v>
          </cell>
          <cell r="B3407" t="str">
            <v>ｺｽﾓﾃｯｸ</v>
          </cell>
          <cell r="C3407" t="str">
            <v>（株）コスモテック</v>
          </cell>
          <cell r="D3407" t="str">
            <v>薄井 章</v>
          </cell>
          <cell r="E3407" t="str">
            <v>代表取締役</v>
          </cell>
          <cell r="F3407" t="str">
            <v>003-0835</v>
          </cell>
          <cell r="G3407" t="str">
            <v>白石区北郷５－８－１２－３２</v>
          </cell>
          <cell r="H3407" t="str">
            <v>874-4223</v>
          </cell>
          <cell r="I3407" t="str">
            <v>874-4225</v>
          </cell>
        </row>
        <row r="3408">
          <cell r="A3408" t="str">
            <v>47037W</v>
          </cell>
          <cell r="B3408" t="str">
            <v>ｺｸｻｸｷｮｳｴｲ</v>
          </cell>
          <cell r="C3408" t="str">
            <v>国策共栄（株）札幌営業所</v>
          </cell>
          <cell r="D3408" t="str">
            <v>高橋 義実</v>
          </cell>
          <cell r="E3408" t="str">
            <v>所長</v>
          </cell>
          <cell r="F3408" t="str">
            <v>060-0807</v>
          </cell>
          <cell r="G3408" t="str">
            <v>北区北７西５－６－１ ｽﾄｰｸﾏﾝｼｮﾝ札幌８０５号</v>
          </cell>
          <cell r="H3408" t="str">
            <v>758-9011</v>
          </cell>
          <cell r="I3408" t="str">
            <v>758-9012</v>
          </cell>
        </row>
        <row r="3409">
          <cell r="A3409" t="str">
            <v>47044R</v>
          </cell>
          <cell r="B3409" t="str">
            <v>ｺｲﾄｺｳｷﾞｮｳ</v>
          </cell>
          <cell r="C3409" t="str">
            <v>小糸工業（株）札幌支店</v>
          </cell>
          <cell r="D3409" t="str">
            <v>伊東 正美</v>
          </cell>
          <cell r="E3409" t="str">
            <v>支店長</v>
          </cell>
          <cell r="F3409" t="str">
            <v>060-0908</v>
          </cell>
          <cell r="G3409" t="str">
            <v>東区北８東３－２－１０ 宮村ビル</v>
          </cell>
          <cell r="H3409" t="str">
            <v>722-5211</v>
          </cell>
          <cell r="I3409" t="str">
            <v>722-5221</v>
          </cell>
        </row>
        <row r="3410">
          <cell r="A3410" t="str">
            <v>47048S</v>
          </cell>
          <cell r="B3410" t="str">
            <v>ｺｳﾎﾞｳｼｬ</v>
          </cell>
          <cell r="C3410" t="str">
            <v>（株）工房舎</v>
          </cell>
          <cell r="D3410" t="str">
            <v>野田 壽一</v>
          </cell>
          <cell r="E3410" t="str">
            <v>代表取締役</v>
          </cell>
          <cell r="F3410" t="str">
            <v>065-0041</v>
          </cell>
          <cell r="G3410" t="str">
            <v>東区本町１－８－１５</v>
          </cell>
          <cell r="H3410" t="str">
            <v>784-2233</v>
          </cell>
          <cell r="I3410" t="str">
            <v>784-2243</v>
          </cell>
        </row>
        <row r="3411">
          <cell r="A3411" t="str">
            <v>47049P</v>
          </cell>
          <cell r="B3411" t="str">
            <v>ｺｰｻｲ</v>
          </cell>
          <cell r="C3411" t="str">
            <v>（株）コーサイ</v>
          </cell>
          <cell r="D3411" t="str">
            <v>親松 茂</v>
          </cell>
          <cell r="E3411" t="str">
            <v>代表取締役</v>
          </cell>
          <cell r="F3411" t="str">
            <v>007-0828</v>
          </cell>
          <cell r="G3411" t="str">
            <v>東区東雁来８－１－１６－１０</v>
          </cell>
          <cell r="H3411" t="str">
            <v>791-3243</v>
          </cell>
          <cell r="I3411" t="str">
            <v>791-0432</v>
          </cell>
        </row>
        <row r="3412">
          <cell r="A3412" t="str">
            <v>47064N</v>
          </cell>
          <cell r="B3412" t="str">
            <v>ｺｳｱﾎﾞｳｻｲｾﾂﾋﾞ</v>
          </cell>
          <cell r="C3412" t="str">
            <v>興亜防災設備（株）</v>
          </cell>
          <cell r="D3412" t="str">
            <v>今野 興一</v>
          </cell>
          <cell r="E3412" t="str">
            <v>代表取締役</v>
          </cell>
          <cell r="F3412" t="str">
            <v>001-0030</v>
          </cell>
          <cell r="G3412" t="str">
            <v>北区北３０西９－５－２０</v>
          </cell>
          <cell r="H3412" t="str">
            <v>736-1811</v>
          </cell>
          <cell r="I3412" t="str">
            <v>736-1877</v>
          </cell>
        </row>
        <row r="3413">
          <cell r="A3413" t="str">
            <v>47072S</v>
          </cell>
          <cell r="B3413" t="str">
            <v>ｺﾞｼﾏﾚｲﾈﾂ</v>
          </cell>
          <cell r="C3413" t="str">
            <v>五島冷熱（株）</v>
          </cell>
          <cell r="D3413" t="str">
            <v>五島 タカ子</v>
          </cell>
          <cell r="E3413" t="str">
            <v>代表取締役</v>
          </cell>
          <cell r="F3413" t="str">
            <v>003-0011</v>
          </cell>
          <cell r="G3413" t="str">
            <v>白石区中央１－５－６－１４</v>
          </cell>
          <cell r="H3413" t="str">
            <v>821-4415</v>
          </cell>
          <cell r="I3413" t="str">
            <v>821-4419</v>
          </cell>
        </row>
        <row r="3414">
          <cell r="A3414" t="str">
            <v>47075W</v>
          </cell>
          <cell r="B3414" t="str">
            <v>ｺﾝｺﾞｳ</v>
          </cell>
          <cell r="C3414" t="str">
            <v>金剛（株）東京支社</v>
          </cell>
          <cell r="D3414" t="str">
            <v>川口 史郎</v>
          </cell>
          <cell r="E3414" t="str">
            <v>取締役支社長</v>
          </cell>
          <cell r="F3414" t="str">
            <v>108-0074</v>
          </cell>
          <cell r="G3414" t="str">
            <v>区東京都港区高輪２－１８－６</v>
          </cell>
          <cell r="H3414" t="str">
            <v>03-5488-5566</v>
          </cell>
          <cell r="I3414" t="str">
            <v>03-5488-5644</v>
          </cell>
        </row>
        <row r="3415">
          <cell r="A3415" t="str">
            <v>47077R</v>
          </cell>
          <cell r="B3415" t="str">
            <v>ｺﾊﾞﾔｼﾌﾞﾀｲｼｽﾃﾑ</v>
          </cell>
          <cell r="C3415" t="str">
            <v>（株）小林舞台システム</v>
          </cell>
          <cell r="D3415" t="str">
            <v>小林 正志</v>
          </cell>
          <cell r="E3415" t="str">
            <v>代表取締役</v>
          </cell>
          <cell r="F3415" t="str">
            <v>005-0823</v>
          </cell>
          <cell r="G3415" t="str">
            <v>南区南沢３－３－１０－３７</v>
          </cell>
          <cell r="H3415" t="str">
            <v>573-0133</v>
          </cell>
          <cell r="I3415" t="str">
            <v>0123-34-6606</v>
          </cell>
        </row>
        <row r="3416">
          <cell r="A3416" t="str">
            <v>47078N</v>
          </cell>
          <cell r="B3416" t="str">
            <v>ｺﾆｼｺｳｴｲ</v>
          </cell>
          <cell r="C3416" t="str">
            <v>コニシ工営（株）</v>
          </cell>
          <cell r="D3416" t="str">
            <v>佐藤 忠夫</v>
          </cell>
          <cell r="E3416" t="str">
            <v>代表取締役</v>
          </cell>
          <cell r="F3416" t="str">
            <v>001-0905</v>
          </cell>
          <cell r="G3416" t="str">
            <v>北区新琴似５－１６－５－１５</v>
          </cell>
          <cell r="H3416" t="str">
            <v>764-3001</v>
          </cell>
          <cell r="I3416" t="str">
            <v>764-4619</v>
          </cell>
        </row>
        <row r="3417">
          <cell r="A3417" t="str">
            <v>47081T</v>
          </cell>
          <cell r="B3417" t="str">
            <v>ｺﾊﾞｼﾎｸﾎｳ</v>
          </cell>
          <cell r="C3417" t="str">
            <v>小橋北豊（株）</v>
          </cell>
          <cell r="D3417" t="str">
            <v>小橋 唯央</v>
          </cell>
          <cell r="E3417" t="str">
            <v>代表取締役</v>
          </cell>
          <cell r="F3417" t="str">
            <v>005-0818</v>
          </cell>
          <cell r="G3417" t="str">
            <v>南区川沿１８－１－３</v>
          </cell>
          <cell r="H3417" t="str">
            <v>572-3250</v>
          </cell>
          <cell r="I3417" t="str">
            <v>572-3241</v>
          </cell>
        </row>
        <row r="3418">
          <cell r="A3418" t="str">
            <v>47087P</v>
          </cell>
          <cell r="B3418" t="str">
            <v>ｺｳｴｲｺｳｷﾞｮｳ</v>
          </cell>
          <cell r="C3418" t="str">
            <v>（株）恒栄工業</v>
          </cell>
          <cell r="D3418" t="str">
            <v>上原 伸博</v>
          </cell>
          <cell r="E3418" t="str">
            <v>代表取締役</v>
          </cell>
          <cell r="F3418" t="str">
            <v>064-0952</v>
          </cell>
          <cell r="G3418" t="str">
            <v>中央区宮の森２－１－７－２</v>
          </cell>
          <cell r="H3418" t="str">
            <v>613-7000</v>
          </cell>
          <cell r="I3418" t="str">
            <v>613-7500</v>
          </cell>
        </row>
        <row r="3419">
          <cell r="A3419" t="str">
            <v>47094X</v>
          </cell>
          <cell r="B3419" t="str">
            <v>ｺｵﾘﾘｰｽ</v>
          </cell>
          <cell r="C3419" t="str">
            <v>郡リース（株）札幌支店</v>
          </cell>
          <cell r="D3419" t="str">
            <v>駒崎 強</v>
          </cell>
          <cell r="E3419" t="str">
            <v>支店長</v>
          </cell>
          <cell r="F3419" t="str">
            <v>004-0004</v>
          </cell>
          <cell r="G3419" t="str">
            <v>厚別区厚別東４－８－１６－１</v>
          </cell>
          <cell r="H3419" t="str">
            <v>897-3541</v>
          </cell>
          <cell r="I3419" t="str">
            <v>897-3561</v>
          </cell>
        </row>
        <row r="3420">
          <cell r="A3420" t="str">
            <v>47097N</v>
          </cell>
          <cell r="B3420" t="str">
            <v>ｺﾏﾂ</v>
          </cell>
          <cell r="C3420" t="str">
            <v>（株）小松</v>
          </cell>
          <cell r="D3420" t="str">
            <v>小松 義輝</v>
          </cell>
          <cell r="E3420" t="str">
            <v>代表取締役</v>
          </cell>
          <cell r="F3420" t="str">
            <v>063-0835</v>
          </cell>
          <cell r="G3420" t="str">
            <v>西区発寒１５－３－４－２１</v>
          </cell>
          <cell r="H3420" t="str">
            <v>661-3310</v>
          </cell>
          <cell r="I3420" t="str">
            <v>663-7177</v>
          </cell>
        </row>
        <row r="3421">
          <cell r="A3421" t="str">
            <v>47105P</v>
          </cell>
          <cell r="B3421" t="str">
            <v>ﾃﾘｵｺｰｴｲ</v>
          </cell>
          <cell r="C3421" t="str">
            <v>テリオコーエイ（株）</v>
          </cell>
          <cell r="D3421" t="str">
            <v>川本 欣夫</v>
          </cell>
          <cell r="E3421" t="str">
            <v>代表取締役</v>
          </cell>
          <cell r="F3421" t="str">
            <v>007-0803</v>
          </cell>
          <cell r="G3421" t="str">
            <v>東区東苗穂３－１－３－２２</v>
          </cell>
          <cell r="H3421" t="str">
            <v>782-3060</v>
          </cell>
          <cell r="I3421" t="str">
            <v>782-3091</v>
          </cell>
        </row>
        <row r="3422">
          <cell r="A3422" t="str">
            <v>47123T</v>
          </cell>
          <cell r="B3422" t="str">
            <v>ｺｳｹﾝｺｳｷﾞｮｳ</v>
          </cell>
          <cell r="C3422" t="str">
            <v>光建工業（株）</v>
          </cell>
          <cell r="D3422" t="str">
            <v>千葉 建次</v>
          </cell>
          <cell r="E3422" t="str">
            <v>代表取締役</v>
          </cell>
          <cell r="F3422" t="str">
            <v>006-0818</v>
          </cell>
          <cell r="G3422" t="str">
            <v>手稲区前田８－１９－１－１０</v>
          </cell>
          <cell r="H3422" t="str">
            <v>694-5841</v>
          </cell>
          <cell r="I3422" t="str">
            <v>694-4533</v>
          </cell>
        </row>
        <row r="3423">
          <cell r="A3423" t="str">
            <v>47155W</v>
          </cell>
          <cell r="B3423" t="str">
            <v>ｺﾞｾｲｹﾝｾﾂ</v>
          </cell>
          <cell r="C3423" t="str">
            <v>五省建設（有）</v>
          </cell>
          <cell r="D3423" t="str">
            <v>木村 勲</v>
          </cell>
          <cell r="E3423" t="str">
            <v>代表取締役</v>
          </cell>
          <cell r="F3423" t="str">
            <v>003-0829</v>
          </cell>
          <cell r="G3423" t="str">
            <v>白石区菊水元町９－２－４－１８</v>
          </cell>
          <cell r="H3423" t="str">
            <v>873-6186</v>
          </cell>
          <cell r="I3423" t="str">
            <v>873-6127</v>
          </cell>
        </row>
        <row r="3424">
          <cell r="A3424" t="str">
            <v>47171S</v>
          </cell>
          <cell r="B3424" t="str">
            <v>ｺｳﾎｸﾃﾞﾝｷｺｳｼﾞ</v>
          </cell>
          <cell r="C3424" t="str">
            <v>弘北電気工事（株）</v>
          </cell>
          <cell r="D3424" t="str">
            <v>岩間 篤志</v>
          </cell>
          <cell r="E3424" t="str">
            <v>代表取締役</v>
          </cell>
          <cell r="F3424" t="str">
            <v>063-0021</v>
          </cell>
          <cell r="G3424" t="str">
            <v>西区平和１－８－２－３</v>
          </cell>
          <cell r="H3424" t="str">
            <v>662-8986</v>
          </cell>
          <cell r="I3424" t="str">
            <v>662-1474</v>
          </cell>
        </row>
        <row r="3425">
          <cell r="A3425" t="str">
            <v>47178Y</v>
          </cell>
          <cell r="B3425" t="str">
            <v>ｺｰﾉ</v>
          </cell>
          <cell r="C3425" t="str">
            <v>（株）コーノ</v>
          </cell>
          <cell r="D3425" t="str">
            <v>阿部 俊夫</v>
          </cell>
          <cell r="E3425" t="str">
            <v>代表取締役</v>
          </cell>
          <cell r="F3425" t="str">
            <v>041-0824</v>
          </cell>
          <cell r="G3425" t="str">
            <v>函館市西桔梗町２１３－８２</v>
          </cell>
          <cell r="H3425" t="str">
            <v>0138-49-1071</v>
          </cell>
          <cell r="I3425" t="str">
            <v>0138-49-6246</v>
          </cell>
        </row>
        <row r="3426">
          <cell r="A3426" t="str">
            <v>47184W</v>
          </cell>
          <cell r="B3426" t="str">
            <v>ｺﾝｽﾃｯｸ</v>
          </cell>
          <cell r="C3426" t="str">
            <v>（株）コンステック札幌支店</v>
          </cell>
          <cell r="D3426" t="str">
            <v>原 正数</v>
          </cell>
          <cell r="E3426" t="str">
            <v>支店長</v>
          </cell>
          <cell r="F3426" t="str">
            <v>060-0063</v>
          </cell>
          <cell r="G3426" t="str">
            <v>中央区南３西１０－１００１－５ 福山南三条ビル</v>
          </cell>
          <cell r="H3426" t="str">
            <v>261-7439</v>
          </cell>
          <cell r="I3426" t="str">
            <v>261-7452</v>
          </cell>
        </row>
        <row r="3427">
          <cell r="A3427" t="str">
            <v>47204R</v>
          </cell>
          <cell r="B3427" t="str">
            <v>ｺｳｸｳｿｸﾘｮｳｾﾝﾀｰ</v>
          </cell>
          <cell r="C3427" t="str">
            <v>（株）航空測量センター</v>
          </cell>
          <cell r="D3427" t="str">
            <v>木村 幸仁</v>
          </cell>
          <cell r="E3427" t="str">
            <v>代表取締役</v>
          </cell>
          <cell r="F3427" t="str">
            <v>003-0024</v>
          </cell>
          <cell r="G3427" t="str">
            <v>白石区本郷通１３－南５－９</v>
          </cell>
          <cell r="H3427" t="str">
            <v>864-9050</v>
          </cell>
          <cell r="I3427" t="str">
            <v>864-9059</v>
          </cell>
        </row>
        <row r="3428">
          <cell r="A3428" t="str">
            <v>47210Z</v>
          </cell>
          <cell r="B3428" t="str">
            <v>ｺｳﾜｺｳｷﾞｮｳ</v>
          </cell>
          <cell r="C3428" t="str">
            <v>鋼和工業（株）</v>
          </cell>
          <cell r="D3428" t="str">
            <v>佐藤 直哉</v>
          </cell>
          <cell r="E3428" t="str">
            <v>代表取締役</v>
          </cell>
          <cell r="F3428" t="str">
            <v>007-0852</v>
          </cell>
          <cell r="G3428" t="str">
            <v>東区栄町８９９－１７</v>
          </cell>
          <cell r="H3428" t="str">
            <v>783-7533</v>
          </cell>
          <cell r="I3428" t="str">
            <v>783-7142</v>
          </cell>
        </row>
        <row r="3429">
          <cell r="A3429" t="str">
            <v>47211X</v>
          </cell>
          <cell r="B3429" t="str">
            <v>ｺｳｾｲｾﾂﾋﾞｺｳｷﾞｮｳ</v>
          </cell>
          <cell r="C3429" t="str">
            <v>光星設備工業（株）</v>
          </cell>
          <cell r="D3429" t="str">
            <v>河野 辰男</v>
          </cell>
          <cell r="E3429" t="str">
            <v>代表取締役</v>
          </cell>
          <cell r="F3429" t="str">
            <v>001-0924</v>
          </cell>
          <cell r="G3429" t="str">
            <v>北区新川４－１０－４－１０</v>
          </cell>
          <cell r="H3429" t="str">
            <v>764-6557</v>
          </cell>
          <cell r="I3429" t="str">
            <v>764-3385</v>
          </cell>
        </row>
        <row r="3430">
          <cell r="A3430" t="str">
            <v>47234Z</v>
          </cell>
          <cell r="B3430" t="str">
            <v>ｺｸﾄﾞｼﾞｮｳﾎｳｶｲﾊﾂ</v>
          </cell>
          <cell r="C3430" t="str">
            <v>国土情報開発（株）</v>
          </cell>
          <cell r="D3430" t="str">
            <v>羽田 寛</v>
          </cell>
          <cell r="E3430" t="str">
            <v>代表取締役社長</v>
          </cell>
          <cell r="F3430" t="str">
            <v>154-8530</v>
          </cell>
          <cell r="G3430" t="str">
            <v>東京都世田谷区池尻２－７－３</v>
          </cell>
          <cell r="H3430" t="str">
            <v>03-5481-3000</v>
          </cell>
          <cell r="I3430" t="str">
            <v>03-5481-3030</v>
          </cell>
        </row>
        <row r="3431">
          <cell r="A3431" t="str">
            <v>47806T</v>
          </cell>
          <cell r="B3431" t="str">
            <v>ｺｳｿﾞｳｷﾞｹﾝ</v>
          </cell>
          <cell r="C3431" t="str">
            <v>（株）構造技研北海道支社</v>
          </cell>
          <cell r="D3431" t="str">
            <v>斎藤 明夫</v>
          </cell>
          <cell r="E3431" t="str">
            <v>支社長</v>
          </cell>
          <cell r="F3431" t="str">
            <v>062-0912</v>
          </cell>
          <cell r="G3431" t="str">
            <v>豊平区水車町６－３－１</v>
          </cell>
          <cell r="H3431" t="str">
            <v>812-1280</v>
          </cell>
          <cell r="I3431" t="str">
            <v>812-1310</v>
          </cell>
        </row>
        <row r="3432">
          <cell r="A3432" t="str">
            <v>47817P</v>
          </cell>
          <cell r="B3432" t="str">
            <v>ｺﾞｰﾄﾞｰｺｳｷﾞｮｳ</v>
          </cell>
          <cell r="C3432" t="str">
            <v>ゴードー工業（株）</v>
          </cell>
          <cell r="D3432" t="str">
            <v>山口 徹</v>
          </cell>
          <cell r="E3432" t="str">
            <v>代表取締役</v>
          </cell>
          <cell r="F3432" t="str">
            <v>062-0906</v>
          </cell>
          <cell r="G3432" t="str">
            <v>豊平区豊平６－７－１－２３</v>
          </cell>
          <cell r="H3432" t="str">
            <v>822-9651</v>
          </cell>
          <cell r="I3432" t="str">
            <v>822-7992</v>
          </cell>
        </row>
        <row r="3433">
          <cell r="A3433" t="str">
            <v>47826R</v>
          </cell>
          <cell r="B3433" t="str">
            <v>ｴﾑｹｰｼｽﾃﾑ</v>
          </cell>
          <cell r="C3433" t="str">
            <v>（株）エムケーシステム</v>
          </cell>
          <cell r="D3433" t="str">
            <v>山中 宗文</v>
          </cell>
          <cell r="E3433" t="str">
            <v>代表取締役</v>
          </cell>
          <cell r="F3433" t="str">
            <v>065-0015</v>
          </cell>
          <cell r="G3433" t="str">
            <v>東区北１５東５－１－３１</v>
          </cell>
          <cell r="H3433" t="str">
            <v>743-4567</v>
          </cell>
          <cell r="I3433" t="str">
            <v>751-1118</v>
          </cell>
        </row>
        <row r="3434">
          <cell r="A3434" t="str">
            <v>48002Z</v>
          </cell>
          <cell r="B3434" t="str">
            <v>ｻｯｹﾝｺｳｷﾞｮｳ</v>
          </cell>
          <cell r="C3434" t="str">
            <v>札建工業（株）</v>
          </cell>
          <cell r="D3434" t="str">
            <v>山崎 正博</v>
          </cell>
          <cell r="E3434" t="str">
            <v>代表取締役</v>
          </cell>
          <cell r="F3434" t="str">
            <v>060-0003</v>
          </cell>
          <cell r="G3434" t="str">
            <v>中央区北３西２－８</v>
          </cell>
          <cell r="H3434" t="str">
            <v>231-7181</v>
          </cell>
          <cell r="I3434" t="str">
            <v>222-2658</v>
          </cell>
        </row>
        <row r="3435">
          <cell r="A3435" t="str">
            <v>48003X</v>
          </cell>
          <cell r="B3435" t="str">
            <v>ｻｯﾎﾟﾛｹﾝｾﾂｳﾝｿｳ</v>
          </cell>
          <cell r="C3435" t="str">
            <v>札幌建設運送（株）</v>
          </cell>
          <cell r="D3435" t="str">
            <v>穴山 正信</v>
          </cell>
          <cell r="E3435" t="str">
            <v>代表取締役</v>
          </cell>
          <cell r="F3435" t="str">
            <v>003-0030</v>
          </cell>
          <cell r="G3435" t="str">
            <v>白石区流通センター５－６－４３</v>
          </cell>
          <cell r="H3435" t="str">
            <v>863-3666</v>
          </cell>
          <cell r="I3435" t="str">
            <v>863-0202</v>
          </cell>
        </row>
        <row r="3436">
          <cell r="A3436" t="str">
            <v>48013W</v>
          </cell>
          <cell r="B3436" t="str">
            <v>ｻﾝｺｳｸﾞﾐ</v>
          </cell>
          <cell r="C3436" t="str">
            <v>（株）三孝組</v>
          </cell>
          <cell r="D3436" t="str">
            <v>坂田 薫</v>
          </cell>
          <cell r="E3436" t="str">
            <v>代表取締役</v>
          </cell>
          <cell r="F3436" t="str">
            <v>001-0931</v>
          </cell>
          <cell r="G3436" t="str">
            <v>北区新川西１－１－３－２０</v>
          </cell>
          <cell r="H3436" t="str">
            <v>762-0381</v>
          </cell>
          <cell r="I3436" t="str">
            <v>762-2665</v>
          </cell>
        </row>
        <row r="3437">
          <cell r="A3437" t="str">
            <v>48014T</v>
          </cell>
          <cell r="B3437" t="str">
            <v>ｻﾝﾒｲｹﾝｾﾂ</v>
          </cell>
          <cell r="C3437" t="str">
            <v>山明建設（株）</v>
          </cell>
          <cell r="D3437" t="str">
            <v>山田 穣司</v>
          </cell>
          <cell r="E3437" t="str">
            <v>代表取締役</v>
          </cell>
          <cell r="F3437" t="str">
            <v>064-0822</v>
          </cell>
          <cell r="G3437" t="str">
            <v>中央区北２西２０－１－１０</v>
          </cell>
          <cell r="H3437" t="str">
            <v>642-3071</v>
          </cell>
          <cell r="I3437" t="str">
            <v>642-6329</v>
          </cell>
        </row>
        <row r="3438">
          <cell r="A3438" t="str">
            <v>48015P</v>
          </cell>
          <cell r="B3438" t="str">
            <v>ｻﾝｺｰﾘｮｯｶ</v>
          </cell>
          <cell r="C3438" t="str">
            <v>（株）サンコー緑化</v>
          </cell>
          <cell r="D3438" t="str">
            <v>川嶋 道彦</v>
          </cell>
          <cell r="E3438" t="str">
            <v>代表取締役社長</v>
          </cell>
          <cell r="F3438" t="str">
            <v>003-0828</v>
          </cell>
          <cell r="G3438" t="str">
            <v>白石区菊水元町８－１－８－２１</v>
          </cell>
          <cell r="H3438" t="str">
            <v>875-1608</v>
          </cell>
          <cell r="I3438" t="str">
            <v>875-1751</v>
          </cell>
        </row>
        <row r="3439">
          <cell r="A3439" t="str">
            <v>48016Z</v>
          </cell>
          <cell r="B3439" t="str">
            <v>ｻｯﾎﾟﾛｷｭｳｽｲｺｳｷﾞｮｳ</v>
          </cell>
          <cell r="C3439" t="str">
            <v>札幌給水工業（株）</v>
          </cell>
          <cell r="D3439" t="str">
            <v>枝元 政治</v>
          </cell>
          <cell r="E3439" t="str">
            <v>代表取締役</v>
          </cell>
          <cell r="F3439" t="str">
            <v>062-0904</v>
          </cell>
          <cell r="G3439" t="str">
            <v>豊平区豊平４－７－４－１７</v>
          </cell>
          <cell r="H3439" t="str">
            <v>811-7309</v>
          </cell>
          <cell r="I3439" t="str">
            <v>831-3941</v>
          </cell>
        </row>
        <row r="3440">
          <cell r="A3440" t="str">
            <v>48023V</v>
          </cell>
          <cell r="B3440" t="str">
            <v>ｻﾄｳﾏﾝｶｴﾝ</v>
          </cell>
          <cell r="C3440" t="str">
            <v>（株）佐藤萬香園</v>
          </cell>
          <cell r="D3440" t="str">
            <v>佐藤 好司</v>
          </cell>
          <cell r="E3440" t="str">
            <v>代表取締役</v>
          </cell>
          <cell r="F3440" t="str">
            <v>001-0024</v>
          </cell>
          <cell r="G3440" t="str">
            <v>北区北２４西１５－１－７</v>
          </cell>
          <cell r="H3440" t="str">
            <v>726-2930</v>
          </cell>
          <cell r="I3440" t="str">
            <v>726-2963</v>
          </cell>
        </row>
        <row r="3441">
          <cell r="A3441" t="str">
            <v>48031Y</v>
          </cell>
          <cell r="B3441" t="str">
            <v>ｻﾝｷｮｳﾃﾞﾝｷｺｳｷﾞｮｳ</v>
          </cell>
          <cell r="C3441" t="str">
            <v>三共電気工業（株）</v>
          </cell>
          <cell r="D3441" t="str">
            <v>萩本 哲夫</v>
          </cell>
          <cell r="E3441" t="str">
            <v>代表取締役社長</v>
          </cell>
          <cell r="F3441" t="str">
            <v>060-0806</v>
          </cell>
          <cell r="G3441" t="str">
            <v>北区北６西６－２</v>
          </cell>
          <cell r="H3441" t="str">
            <v>716-5121</v>
          </cell>
          <cell r="I3441" t="str">
            <v>716-3573</v>
          </cell>
        </row>
        <row r="3442">
          <cell r="A3442" t="str">
            <v>48032W</v>
          </cell>
          <cell r="B3442" t="str">
            <v>ｻﾝｺｳﾃﾞﾝｾﾂｺｳｷﾞｮｳ</v>
          </cell>
          <cell r="C3442" t="str">
            <v>三興電設工業（株）</v>
          </cell>
          <cell r="D3442" t="str">
            <v>工藤 彰久</v>
          </cell>
          <cell r="E3442" t="str">
            <v>代表取締役</v>
          </cell>
          <cell r="F3442" t="str">
            <v>060-0807</v>
          </cell>
          <cell r="G3442" t="str">
            <v>北区北７西６－１</v>
          </cell>
          <cell r="H3442" t="str">
            <v>726-5111</v>
          </cell>
          <cell r="I3442" t="str">
            <v>726-5688</v>
          </cell>
        </row>
        <row r="3443">
          <cell r="A3443" t="str">
            <v>48034R</v>
          </cell>
          <cell r="B3443" t="str">
            <v>ｻﾝｼﾝ</v>
          </cell>
          <cell r="C3443" t="str">
            <v>（株）三新</v>
          </cell>
          <cell r="D3443" t="str">
            <v>福原 英範</v>
          </cell>
          <cell r="E3443" t="str">
            <v>代表取締役社長</v>
          </cell>
          <cell r="F3443" t="str">
            <v>001-0015</v>
          </cell>
          <cell r="G3443" t="str">
            <v>北区北１５西２－８</v>
          </cell>
          <cell r="H3443" t="str">
            <v>736-7261</v>
          </cell>
          <cell r="I3443" t="str">
            <v>716-7393</v>
          </cell>
        </row>
        <row r="3444">
          <cell r="A3444" t="str">
            <v>48038S</v>
          </cell>
          <cell r="B3444" t="str">
            <v>ｻｯﾎﾟﾛｷﾃﾞﾝｺｳｷﾞｮｳｼｮ</v>
          </cell>
          <cell r="C3444" t="str">
            <v>（株）札幌機電工業所</v>
          </cell>
          <cell r="D3444" t="str">
            <v>橋本 遵司</v>
          </cell>
          <cell r="E3444" t="str">
            <v>代表取締役</v>
          </cell>
          <cell r="F3444" t="str">
            <v>065-0022</v>
          </cell>
          <cell r="G3444" t="str">
            <v>東区北２２東１５－２６－７</v>
          </cell>
          <cell r="H3444" t="str">
            <v>731-2361</v>
          </cell>
          <cell r="I3444" t="str">
            <v>731-2884</v>
          </cell>
        </row>
        <row r="3445">
          <cell r="A3445" t="str">
            <v>48047T</v>
          </cell>
          <cell r="B3445" t="str">
            <v>ｻﾝﾕｳｾﾂﾋﾞ</v>
          </cell>
          <cell r="C3445" t="str">
            <v>三雄設備（株）</v>
          </cell>
          <cell r="D3445" t="str">
            <v>小林 三夫</v>
          </cell>
          <cell r="E3445" t="str">
            <v>代表取締役</v>
          </cell>
          <cell r="F3445" t="str">
            <v>065-0008</v>
          </cell>
          <cell r="G3445" t="str">
            <v>東区北８東８－２－１</v>
          </cell>
          <cell r="H3445" t="str">
            <v>741-4565</v>
          </cell>
          <cell r="I3445" t="str">
            <v>742-5345</v>
          </cell>
        </row>
        <row r="3446">
          <cell r="A3446" t="str">
            <v>48053R</v>
          </cell>
          <cell r="B3446" t="str">
            <v>ｻﾝﾜｵﾝﾁｮｳｺｳｷﾞｮｳ</v>
          </cell>
          <cell r="C3446" t="str">
            <v>三和温調工業（株）</v>
          </cell>
          <cell r="D3446" t="str">
            <v>徳田 勝寿</v>
          </cell>
          <cell r="E3446" t="str">
            <v>代表取締役</v>
          </cell>
          <cell r="F3446" t="str">
            <v>007-0848</v>
          </cell>
          <cell r="G3446" t="str">
            <v>東区北４８東１９－２－５</v>
          </cell>
          <cell r="H3446" t="str">
            <v>783-6760</v>
          </cell>
          <cell r="I3446" t="str">
            <v>781-3493</v>
          </cell>
        </row>
        <row r="3447">
          <cell r="A3447" t="str">
            <v>48054N</v>
          </cell>
          <cell r="B3447" t="str">
            <v>ｻｯﾎﾟﾛｿｳｺﾞｳｼﾞｮｳﾎｳｾﾝﾀｰ</v>
          </cell>
          <cell r="C3447" t="str">
            <v>札幌総合情報センター（株）</v>
          </cell>
          <cell r="D3447" t="str">
            <v>高橋 登</v>
          </cell>
          <cell r="E3447" t="str">
            <v>代表取締役社長</v>
          </cell>
          <cell r="F3447" t="str">
            <v>003-0801</v>
          </cell>
          <cell r="G3447" t="str">
            <v>白石区菊水１－３－１－５</v>
          </cell>
          <cell r="H3447" t="str">
            <v>816-7900</v>
          </cell>
          <cell r="I3447" t="str">
            <v>816-7905</v>
          </cell>
        </row>
        <row r="3448">
          <cell r="A3448" t="str">
            <v>48074Y</v>
          </cell>
          <cell r="B3448" t="str">
            <v>ｻｯﾎﾟﾛﾒﾝﾃﾅﾝｽ</v>
          </cell>
          <cell r="C3448" t="str">
            <v>札幌メンテナンス（株）</v>
          </cell>
          <cell r="D3448" t="str">
            <v>森下 敏夫</v>
          </cell>
          <cell r="E3448" t="str">
            <v>代表取締役</v>
          </cell>
          <cell r="F3448" t="str">
            <v>064-0808</v>
          </cell>
          <cell r="G3448" t="str">
            <v>中央区南８西２２－４－８</v>
          </cell>
          <cell r="H3448" t="str">
            <v>533-2123</v>
          </cell>
          <cell r="I3448" t="str">
            <v>533-2126</v>
          </cell>
        </row>
        <row r="3449">
          <cell r="A3449" t="str">
            <v>48075V</v>
          </cell>
          <cell r="B3449" t="str">
            <v>ｻﾝﾕｳﾃﾞﾝｷﾞｮｳｼｬ</v>
          </cell>
          <cell r="C3449" t="str">
            <v>（有）三裕電業者</v>
          </cell>
          <cell r="D3449" t="str">
            <v>高橋 敏一</v>
          </cell>
          <cell r="E3449" t="str">
            <v>代表取締役</v>
          </cell>
          <cell r="F3449" t="str">
            <v>004-0813</v>
          </cell>
          <cell r="G3449" t="str">
            <v>清田区美しが丘３－３－１－８</v>
          </cell>
          <cell r="H3449" t="str">
            <v>881-3157</v>
          </cell>
          <cell r="I3449" t="str">
            <v>881-0344</v>
          </cell>
        </row>
        <row r="3450">
          <cell r="A3450" t="str">
            <v>48097Z</v>
          </cell>
          <cell r="B3450" t="str">
            <v>ｻﾝｷｺｳｷﾞｮｳ</v>
          </cell>
          <cell r="C3450" t="str">
            <v>三樹興業（株）</v>
          </cell>
          <cell r="D3450" t="str">
            <v>遠藤 茂樹</v>
          </cell>
          <cell r="E3450" t="str">
            <v>代表取締役</v>
          </cell>
          <cell r="F3450" t="str">
            <v>007-0893</v>
          </cell>
          <cell r="G3450" t="str">
            <v>東区中沼西３－１－３－１７</v>
          </cell>
          <cell r="H3450" t="str">
            <v>791-9511</v>
          </cell>
          <cell r="I3450" t="str">
            <v>791-9522</v>
          </cell>
        </row>
        <row r="3451">
          <cell r="A3451" t="str">
            <v>48098X</v>
          </cell>
          <cell r="B3451" t="str">
            <v>ｻｯﾎﾟﾛﾗﾝﾄﾞｽｹｰﾌﾟｴﾝｼﾞﾆｱﾘﾝｸﾞ</v>
          </cell>
          <cell r="C3451" t="str">
            <v>（有）札幌ランドスケープエンジニアリング</v>
          </cell>
          <cell r="D3451" t="str">
            <v>杉中 志郎</v>
          </cell>
          <cell r="E3451" t="str">
            <v>取締役社長</v>
          </cell>
          <cell r="F3451" t="str">
            <v>006-0820</v>
          </cell>
          <cell r="G3451" t="str">
            <v>手稲区前田１０－１１－３－２１</v>
          </cell>
          <cell r="H3451" t="str">
            <v>681-8448</v>
          </cell>
          <cell r="I3451" t="str">
            <v>681-8899</v>
          </cell>
        </row>
        <row r="3452">
          <cell r="A3452" t="str">
            <v>48107W</v>
          </cell>
          <cell r="B3452" t="str">
            <v>ｻｯﾎﾟﾛﾗﾝﾄﾞｽｹｰﾌﾟｺｳｷﾞｮｳ</v>
          </cell>
          <cell r="C3452" t="str">
            <v>（株）札幌ランドスケープ工業</v>
          </cell>
          <cell r="D3452" t="str">
            <v>中谷 壽志</v>
          </cell>
          <cell r="E3452" t="str">
            <v>代表取締役</v>
          </cell>
          <cell r="F3452" t="str">
            <v>063-0002</v>
          </cell>
          <cell r="G3452" t="str">
            <v>西区山の手２－６－６－１１</v>
          </cell>
          <cell r="H3452" t="str">
            <v>621-6546</v>
          </cell>
          <cell r="I3452" t="str">
            <v>621-6572</v>
          </cell>
        </row>
        <row r="3453">
          <cell r="A3453" t="str">
            <v>48109R</v>
          </cell>
          <cell r="B3453" t="str">
            <v>ｻﾝｷｺｳｷﾞｮｳ</v>
          </cell>
          <cell r="C3453" t="str">
            <v>三機工業（株）北海道支店</v>
          </cell>
          <cell r="D3453" t="str">
            <v>平野 雅人</v>
          </cell>
          <cell r="E3453" t="str">
            <v>支店長</v>
          </cell>
          <cell r="F3453" t="str">
            <v>060-0003</v>
          </cell>
          <cell r="G3453" t="str">
            <v>中央区北３西４－１</v>
          </cell>
          <cell r="H3453" t="str">
            <v>261-3161</v>
          </cell>
          <cell r="I3453" t="str">
            <v>241-5494</v>
          </cell>
        </row>
        <row r="3454">
          <cell r="A3454" t="str">
            <v>48122V</v>
          </cell>
          <cell r="B3454" t="str">
            <v>ﾆｯﾎﾟﾝｾｲｼｿｳｺﾞｳｶｲﾊﾂ</v>
          </cell>
          <cell r="C3454" t="str">
            <v>日本製紙総合開発（株）北海道支店</v>
          </cell>
          <cell r="D3454" t="str">
            <v>落合 純一</v>
          </cell>
          <cell r="E3454" t="str">
            <v>支店長</v>
          </cell>
          <cell r="F3454" t="str">
            <v>064-0804</v>
          </cell>
          <cell r="G3454" t="str">
            <v>中央区南４西７－５</v>
          </cell>
          <cell r="H3454" t="str">
            <v>521-0744</v>
          </cell>
          <cell r="I3454" t="str">
            <v>521-0793</v>
          </cell>
        </row>
        <row r="3455">
          <cell r="A3455" t="str">
            <v>48126W</v>
          </cell>
          <cell r="B3455" t="str">
            <v>ｻｯﾎﾟﾛｶﾝｷｮｳｾﾂﾋﾞ</v>
          </cell>
          <cell r="C3455" t="str">
            <v>札幌環境設備（株）</v>
          </cell>
          <cell r="D3455" t="str">
            <v>片山 篤</v>
          </cell>
          <cell r="E3455" t="str">
            <v>代表取締役</v>
          </cell>
          <cell r="F3455" t="str">
            <v>007-0864</v>
          </cell>
          <cell r="G3455" t="str">
            <v>東区伏古４－５－３－２８</v>
          </cell>
          <cell r="H3455" t="str">
            <v>785-2429</v>
          </cell>
          <cell r="I3455" t="str">
            <v>785-2439</v>
          </cell>
        </row>
        <row r="3456">
          <cell r="A3456" t="str">
            <v>48127T</v>
          </cell>
          <cell r="B3456" t="str">
            <v>ｻｯﾎﾟﾛﾃｲｴﾝｻｰﾋﾞｽ</v>
          </cell>
          <cell r="C3456" t="str">
            <v>（有）札幌庭苑サービス</v>
          </cell>
          <cell r="D3456" t="str">
            <v>畑田 輝夫</v>
          </cell>
          <cell r="E3456" t="str">
            <v>代表取締役</v>
          </cell>
          <cell r="F3456" t="str">
            <v>001-0915</v>
          </cell>
          <cell r="G3456" t="str">
            <v>北区新琴似町１１６１－５</v>
          </cell>
          <cell r="H3456" t="str">
            <v>761-6485</v>
          </cell>
          <cell r="I3456" t="str">
            <v>762-2225</v>
          </cell>
        </row>
        <row r="3457">
          <cell r="A3457" t="str">
            <v>48130Y</v>
          </cell>
          <cell r="B3457" t="str">
            <v>ｻﾄｳｶﾝｺｳｾﾂﾋﾞ</v>
          </cell>
          <cell r="C3457" t="str">
            <v>（株）佐藤管工設備</v>
          </cell>
          <cell r="D3457" t="str">
            <v>阿部 日出男</v>
          </cell>
          <cell r="E3457" t="str">
            <v>代表取締役</v>
          </cell>
          <cell r="F3457" t="str">
            <v>063-0831</v>
          </cell>
          <cell r="G3457" t="str">
            <v>西区発寒１１－３－４－３１</v>
          </cell>
          <cell r="H3457" t="str">
            <v>661-0591</v>
          </cell>
          <cell r="I3457" t="str">
            <v>661-0669</v>
          </cell>
        </row>
        <row r="3458">
          <cell r="A3458" t="str">
            <v>48135X</v>
          </cell>
          <cell r="B3458" t="str">
            <v>ﾄｳｺﾞｳｹﾝｾﾂ</v>
          </cell>
          <cell r="C3458" t="str">
            <v>東郷建設（株）</v>
          </cell>
          <cell r="D3458" t="str">
            <v>山本 信博</v>
          </cell>
          <cell r="E3458" t="str">
            <v>代表取締役</v>
          </cell>
          <cell r="F3458" t="str">
            <v>007-0871</v>
          </cell>
          <cell r="G3458" t="str">
            <v>東区伏古１１－２－２－２２</v>
          </cell>
          <cell r="H3458" t="str">
            <v>784-3070</v>
          </cell>
          <cell r="I3458" t="str">
            <v>783-0393</v>
          </cell>
        </row>
        <row r="3459">
          <cell r="A3459" t="str">
            <v>48140X</v>
          </cell>
          <cell r="B3459" t="str">
            <v>ｻｯﾎﾟﾛｹﾝｾﾂ</v>
          </cell>
          <cell r="C3459" t="str">
            <v>札幌建設（協）</v>
          </cell>
          <cell r="D3459" t="str">
            <v>榎本 昭三</v>
          </cell>
          <cell r="E3459" t="str">
            <v>理事長</v>
          </cell>
          <cell r="F3459" t="str">
            <v>003-0024</v>
          </cell>
          <cell r="G3459" t="str">
            <v>白石区本郷通７－南１－１５</v>
          </cell>
          <cell r="H3459" t="str">
            <v>864-1508</v>
          </cell>
          <cell r="I3459" t="str">
            <v>866-0877</v>
          </cell>
        </row>
        <row r="3460">
          <cell r="A3460" t="str">
            <v>48142S</v>
          </cell>
          <cell r="B3460" t="str">
            <v>ﾏﾙﾌｼﾞｾﾂﾋﾞｺｳｷﾞｮｳ</v>
          </cell>
          <cell r="C3460" t="str">
            <v>（有）丸藤設備工業</v>
          </cell>
          <cell r="D3460" t="str">
            <v>藤田 純夫</v>
          </cell>
          <cell r="E3460" t="str">
            <v>代表取締役</v>
          </cell>
          <cell r="F3460" t="str">
            <v>005-0032</v>
          </cell>
          <cell r="G3460" t="str">
            <v>南区南３２西８－１－２６</v>
          </cell>
          <cell r="H3460" t="str">
            <v>584-5151</v>
          </cell>
          <cell r="I3460" t="str">
            <v>584-3902</v>
          </cell>
        </row>
        <row r="3461">
          <cell r="A3461" t="str">
            <v>48147R</v>
          </cell>
          <cell r="B3461" t="str">
            <v>ｻﾝｼﾝｾﾂﾋﾞｺｳｷﾞｮｳ</v>
          </cell>
          <cell r="C3461" t="str">
            <v>（有）三信設備工業</v>
          </cell>
          <cell r="D3461" t="str">
            <v>川窪 順一郎</v>
          </cell>
          <cell r="E3461" t="str">
            <v>代表取締役</v>
          </cell>
          <cell r="F3461" t="str">
            <v>005-0004</v>
          </cell>
          <cell r="G3461" t="str">
            <v>南区澄川４－６－７－５１</v>
          </cell>
          <cell r="H3461" t="str">
            <v>821-5255</v>
          </cell>
          <cell r="I3461" t="str">
            <v>821-6355</v>
          </cell>
        </row>
        <row r="3462">
          <cell r="A3462" t="str">
            <v>48149Y</v>
          </cell>
          <cell r="B3462" t="str">
            <v>ｻｯﾎﾟﾛﾃﾞﾝﾃﾂｺｳｷﾞｮｳ</v>
          </cell>
          <cell r="C3462" t="str">
            <v>札幌電鉄工業（株）</v>
          </cell>
          <cell r="D3462" t="str">
            <v>間ヶ敷 喜美子</v>
          </cell>
          <cell r="E3462" t="str">
            <v>代表取締役</v>
          </cell>
          <cell r="F3462" t="str">
            <v>063-0833</v>
          </cell>
          <cell r="G3462" t="str">
            <v>西区発寒１３－１３－１－１０</v>
          </cell>
          <cell r="H3462" t="str">
            <v>662-1133</v>
          </cell>
          <cell r="I3462" t="str">
            <v>662-1186</v>
          </cell>
        </row>
        <row r="3463">
          <cell r="A3463" t="str">
            <v>48174W</v>
          </cell>
          <cell r="B3463" t="str">
            <v>ｻｲﾄｳﾎﾟﾝﾌﾟｺｳｷﾞｮｳｼｮ</v>
          </cell>
          <cell r="C3463" t="str">
            <v>（有）斎藤ポンプ工業所</v>
          </cell>
          <cell r="D3463" t="str">
            <v>斉藤 初男</v>
          </cell>
          <cell r="E3463" t="str">
            <v>代表取締役</v>
          </cell>
          <cell r="F3463" t="str">
            <v>065-0030</v>
          </cell>
          <cell r="G3463" t="str">
            <v>東区北３０東１４－２－２４</v>
          </cell>
          <cell r="H3463" t="str">
            <v>721-1729</v>
          </cell>
          <cell r="I3463" t="str">
            <v>731-8526</v>
          </cell>
        </row>
        <row r="3464">
          <cell r="A3464" t="str">
            <v>48177Z</v>
          </cell>
          <cell r="B3464" t="str">
            <v>ｻｯﾎﾟﾛﾗﾊﾞﾄﾘｰｺｳｷﾞｮｳ</v>
          </cell>
          <cell r="C3464" t="str">
            <v>札幌ラバトリー興業（株）</v>
          </cell>
          <cell r="D3464" t="str">
            <v>田村 和也</v>
          </cell>
          <cell r="E3464" t="str">
            <v>代表取締役</v>
          </cell>
          <cell r="F3464" t="str">
            <v>065-0021</v>
          </cell>
          <cell r="G3464" t="str">
            <v>東区北２１東１－４－２０</v>
          </cell>
          <cell r="H3464" t="str">
            <v>742-4848</v>
          </cell>
          <cell r="I3464" t="str">
            <v>742-4851</v>
          </cell>
        </row>
        <row r="3465">
          <cell r="A3465" t="str">
            <v>48191N</v>
          </cell>
          <cell r="B3465" t="str">
            <v>ｻﾝﾕｳﾘｮｸｶﾄﾞﾎﾞｸ</v>
          </cell>
          <cell r="C3465" t="str">
            <v>三祐緑化土木（株）</v>
          </cell>
          <cell r="D3465" t="str">
            <v>奥村 清次</v>
          </cell>
          <cell r="E3465" t="str">
            <v>代表取締役</v>
          </cell>
          <cell r="F3465" t="str">
            <v>064-0801</v>
          </cell>
          <cell r="G3465" t="str">
            <v>中央区南１西２０－２－１２</v>
          </cell>
          <cell r="H3465" t="str">
            <v>643-5667</v>
          </cell>
          <cell r="I3465" t="str">
            <v>643-6506</v>
          </cell>
        </row>
        <row r="3466">
          <cell r="A3466" t="str">
            <v>48192Y</v>
          </cell>
          <cell r="B3466" t="str">
            <v>ﾅﾝｼﾝｹﾝｾﾂ</v>
          </cell>
          <cell r="C3466" t="str">
            <v>南進建設（株）</v>
          </cell>
          <cell r="D3466" t="str">
            <v>佐藤 伊利也</v>
          </cell>
          <cell r="E3466" t="str">
            <v>代表取締役</v>
          </cell>
          <cell r="F3466" t="str">
            <v>005-0841</v>
          </cell>
          <cell r="G3466" t="str">
            <v>南区石山１－１－８１－３６</v>
          </cell>
          <cell r="H3466" t="str">
            <v>581-7701</v>
          </cell>
          <cell r="I3466" t="str">
            <v>581-7707</v>
          </cell>
        </row>
        <row r="3467">
          <cell r="A3467" t="str">
            <v>48199S</v>
          </cell>
          <cell r="B3467" t="str">
            <v>ﾎｯｶｲﾄﾞｳﾋﾀﾁ</v>
          </cell>
          <cell r="C3467" t="str">
            <v>（株）北海道日立</v>
          </cell>
          <cell r="D3467" t="str">
            <v>吉田 雄機</v>
          </cell>
          <cell r="E3467" t="str">
            <v>代表取締役</v>
          </cell>
          <cell r="F3467" t="str">
            <v>060-0033</v>
          </cell>
          <cell r="G3467" t="str">
            <v>中央区北３東１１－２０</v>
          </cell>
          <cell r="H3467" t="str">
            <v>241-5370</v>
          </cell>
          <cell r="I3467" t="str">
            <v>241-5084</v>
          </cell>
        </row>
        <row r="3468">
          <cell r="A3468" t="str">
            <v>48200Z</v>
          </cell>
          <cell r="B3468" t="str">
            <v>ｻｯﾎﾟﾛｼｾﾂｶﾝﾘ</v>
          </cell>
          <cell r="C3468" t="str">
            <v>札幌施設管理（株）</v>
          </cell>
          <cell r="D3468" t="str">
            <v>古田 稔徳</v>
          </cell>
          <cell r="E3468" t="str">
            <v>代表取締役</v>
          </cell>
          <cell r="F3468" t="str">
            <v>060-0001</v>
          </cell>
          <cell r="G3468" t="str">
            <v>中央区北１西２－９ オーク札幌ビル６Ｆ</v>
          </cell>
          <cell r="H3468" t="str">
            <v>221-5895</v>
          </cell>
          <cell r="I3468" t="str">
            <v>221-9551</v>
          </cell>
        </row>
        <row r="3469">
          <cell r="A3469" t="str">
            <v>48202V</v>
          </cell>
          <cell r="B3469" t="str">
            <v>ｻｯﾎﾟﾛﾆｯｼﾝﾃﾞﾝｼ</v>
          </cell>
          <cell r="C3469" t="str">
            <v>札幌日信電子（株）</v>
          </cell>
          <cell r="D3469" t="str">
            <v>三井 尚</v>
          </cell>
          <cell r="E3469" t="str">
            <v>代表取締役</v>
          </cell>
          <cell r="F3469" t="str">
            <v>062-0054</v>
          </cell>
          <cell r="G3469" t="str">
            <v>豊平区月寒東４－８－６－５</v>
          </cell>
          <cell r="H3469" t="str">
            <v>855-6781</v>
          </cell>
          <cell r="I3469" t="str">
            <v>855-6765</v>
          </cell>
        </row>
        <row r="3470">
          <cell r="A3470" t="str">
            <v>48208R</v>
          </cell>
          <cell r="B3470" t="str">
            <v>ｻｲﾀｻﾝｷﾞｮｳ</v>
          </cell>
          <cell r="C3470" t="str">
            <v>齋田産業（株）北海道営業所</v>
          </cell>
          <cell r="D3470" t="str">
            <v>中村 良二</v>
          </cell>
          <cell r="E3470" t="str">
            <v>所長</v>
          </cell>
          <cell r="F3470" t="str">
            <v>063-0812</v>
          </cell>
          <cell r="G3470" t="str">
            <v>西区琴似２－７－２－３７ 大洋ビル３Ｆ</v>
          </cell>
          <cell r="H3470" t="str">
            <v>641-4161</v>
          </cell>
          <cell r="I3470" t="str">
            <v>631-1403</v>
          </cell>
        </row>
        <row r="3471">
          <cell r="A3471" t="str">
            <v>48211W</v>
          </cell>
          <cell r="B3471" t="str">
            <v>ｻﾄｳﾊｲｶﾝｺｳｷﾞｮｳｼｮ</v>
          </cell>
          <cell r="C3471" t="str">
            <v>（株）佐藤配管工業所</v>
          </cell>
          <cell r="D3471" t="str">
            <v>水森 雅広</v>
          </cell>
          <cell r="E3471" t="str">
            <v>代表取締役</v>
          </cell>
          <cell r="F3471" t="str">
            <v>062-0001</v>
          </cell>
          <cell r="G3471" t="str">
            <v>豊平区美園１－２－２－１９</v>
          </cell>
          <cell r="H3471" t="str">
            <v>823-3131</v>
          </cell>
          <cell r="I3471" t="str">
            <v>823-1421</v>
          </cell>
        </row>
        <row r="3472">
          <cell r="A3472" t="str">
            <v>48218P</v>
          </cell>
          <cell r="B3472" t="str">
            <v>ｻｯﾎﾟﾛﾘｮｸｺｳ</v>
          </cell>
          <cell r="C3472" t="str">
            <v>（株）札幌緑興</v>
          </cell>
          <cell r="D3472" t="str">
            <v>梶野 忠男</v>
          </cell>
          <cell r="E3472" t="str">
            <v>代表取締役</v>
          </cell>
          <cell r="F3472" t="str">
            <v>004-0002</v>
          </cell>
          <cell r="G3472" t="str">
            <v>厚別区厚別東２－３－１－５</v>
          </cell>
          <cell r="H3472" t="str">
            <v>898-1051</v>
          </cell>
          <cell r="I3472" t="str">
            <v>897-6682</v>
          </cell>
        </row>
        <row r="3473">
          <cell r="A3473" t="str">
            <v>48222S</v>
          </cell>
          <cell r="B3473" t="str">
            <v>ｻﾂﾃﾞﾝｺｳ</v>
          </cell>
          <cell r="C3473" t="str">
            <v>（株）札電工</v>
          </cell>
          <cell r="D3473" t="str">
            <v>高橋 日出勝</v>
          </cell>
          <cell r="E3473" t="str">
            <v>代表取締役</v>
          </cell>
          <cell r="F3473" t="str">
            <v>006-0012</v>
          </cell>
          <cell r="G3473" t="str">
            <v>手稲区富丘２－５－８－２８</v>
          </cell>
          <cell r="H3473" t="str">
            <v>694-4666</v>
          </cell>
          <cell r="I3473" t="str">
            <v>694-4238</v>
          </cell>
        </row>
        <row r="3474">
          <cell r="A3474" t="str">
            <v>48244X</v>
          </cell>
          <cell r="B3474" t="str">
            <v>ｻｻﾔｾﾂﾋﾞｺｳｷﾞｮｳ</v>
          </cell>
          <cell r="C3474" t="str">
            <v>笹谷設備工業（株）</v>
          </cell>
          <cell r="D3474" t="str">
            <v>笹谷 徳視</v>
          </cell>
          <cell r="E3474" t="str">
            <v>代表取締役</v>
          </cell>
          <cell r="F3474" t="str">
            <v>007-0810</v>
          </cell>
          <cell r="G3474" t="str">
            <v>東区東苗穂１０－２－１０－３６</v>
          </cell>
          <cell r="H3474" t="str">
            <v>791-4925</v>
          </cell>
          <cell r="I3474" t="str">
            <v>791-4950</v>
          </cell>
        </row>
        <row r="3475">
          <cell r="A3475" t="str">
            <v>48246R</v>
          </cell>
          <cell r="B3475" t="str">
            <v>ｻﾝｾｲｺｳｷﾞｮｳ</v>
          </cell>
          <cell r="C3475" t="str">
            <v>三世工業（株）</v>
          </cell>
          <cell r="D3475" t="str">
            <v>今北 光雄</v>
          </cell>
          <cell r="E3475" t="str">
            <v>代表取締役</v>
          </cell>
          <cell r="F3475" t="str">
            <v>003-0026</v>
          </cell>
          <cell r="G3475" t="str">
            <v>白石区本通１１－南１－３０</v>
          </cell>
          <cell r="H3475" t="str">
            <v>861-6984</v>
          </cell>
          <cell r="I3475" t="str">
            <v>861-6982</v>
          </cell>
        </row>
        <row r="3476">
          <cell r="A3476" t="str">
            <v>48256P</v>
          </cell>
          <cell r="B3476" t="str">
            <v>ｻﾝﾜﾄﾞｳｵｳｺｳｷﾞｮｳ</v>
          </cell>
          <cell r="C3476" t="str">
            <v>三和道央工業（株）</v>
          </cell>
          <cell r="D3476" t="str">
            <v>横山 勇</v>
          </cell>
          <cell r="E3476" t="str">
            <v>代表取締役</v>
          </cell>
          <cell r="F3476" t="str">
            <v>003-0827</v>
          </cell>
          <cell r="G3476" t="str">
            <v>白石区菊水元町７－２－９－２２</v>
          </cell>
          <cell r="H3476" t="str">
            <v>872-2110</v>
          </cell>
          <cell r="I3476" t="str">
            <v>872-4405</v>
          </cell>
        </row>
        <row r="3477">
          <cell r="A3477" t="str">
            <v>48265R</v>
          </cell>
          <cell r="B3477" t="str">
            <v>ｻｯｾｷﾓｲﾜｻﾝｷﾞｮｳ</v>
          </cell>
          <cell r="C3477" t="str">
            <v>札石藻岩産業（株）</v>
          </cell>
          <cell r="D3477" t="str">
            <v>菊地 次男</v>
          </cell>
          <cell r="E3477" t="str">
            <v>代表取締役</v>
          </cell>
          <cell r="F3477" t="str">
            <v>005-0810</v>
          </cell>
          <cell r="G3477" t="str">
            <v>南区川沿１０－３－６－９</v>
          </cell>
          <cell r="H3477" t="str">
            <v>571-6690</v>
          </cell>
          <cell r="I3477" t="str">
            <v>571-5452</v>
          </cell>
        </row>
        <row r="3478">
          <cell r="A3478" t="str">
            <v>48266N</v>
          </cell>
          <cell r="B3478" t="str">
            <v>ｻﾂﾃﾞﾝｾﾂﾋﾞｺｳｷﾞｮｳ</v>
          </cell>
          <cell r="C3478" t="str">
            <v>札電設備工業（株）</v>
          </cell>
          <cell r="D3478" t="str">
            <v>猪狩 節雄</v>
          </cell>
          <cell r="E3478" t="str">
            <v>代表取締役</v>
          </cell>
          <cell r="F3478" t="str">
            <v>063-0830</v>
          </cell>
          <cell r="G3478" t="str">
            <v>西区発寒１０－４－９－１</v>
          </cell>
          <cell r="H3478" t="str">
            <v>661-5141</v>
          </cell>
          <cell r="I3478" t="str">
            <v>663-6253</v>
          </cell>
        </row>
        <row r="3479">
          <cell r="A3479" t="str">
            <v>48275P</v>
          </cell>
          <cell r="B3479" t="str">
            <v>ｻｯﾎﾟﾛﾕﾆｵﾝｼﾝｶﾝｻﾞｲ</v>
          </cell>
          <cell r="C3479" t="str">
            <v>札幌ユニオン新管財（株）</v>
          </cell>
          <cell r="D3479" t="str">
            <v>畑 徳雄</v>
          </cell>
          <cell r="E3479" t="str">
            <v>代表取締役</v>
          </cell>
          <cell r="F3479" t="str">
            <v>060-0004</v>
          </cell>
          <cell r="G3479" t="str">
            <v>中央区北４西２－１ 北四条ビル</v>
          </cell>
          <cell r="H3479" t="str">
            <v>231-6837</v>
          </cell>
          <cell r="I3479" t="str">
            <v>231-6875</v>
          </cell>
        </row>
        <row r="3480">
          <cell r="A3480" t="str">
            <v>48276Z</v>
          </cell>
          <cell r="B3480" t="str">
            <v>ｻﾄﾂﾞｶｿｳｷﾞｮｳ</v>
          </cell>
          <cell r="C3480" t="str">
            <v>（株）里塚総業</v>
          </cell>
          <cell r="D3480" t="str">
            <v>垣内 實</v>
          </cell>
          <cell r="E3480" t="str">
            <v>代表取締役</v>
          </cell>
          <cell r="F3480" t="str">
            <v>004-0814</v>
          </cell>
          <cell r="G3480" t="str">
            <v>清田区美しが丘４－７－７－８</v>
          </cell>
          <cell r="H3480" t="str">
            <v>882-5562</v>
          </cell>
          <cell r="I3480" t="str">
            <v>883-6465</v>
          </cell>
        </row>
        <row r="3481">
          <cell r="A3481" t="str">
            <v>48293T</v>
          </cell>
          <cell r="B3481" t="str">
            <v>ｻｯﾎﾟﾛｾﾝﾄﾗﾙﾀﾞﾝﾎﾞｳ</v>
          </cell>
          <cell r="C3481" t="str">
            <v>札幌セントラル暖房（株）</v>
          </cell>
          <cell r="D3481" t="str">
            <v>舞嶽 政則</v>
          </cell>
          <cell r="E3481" t="str">
            <v>代表取締役</v>
          </cell>
          <cell r="F3481" t="str">
            <v>004-0061</v>
          </cell>
          <cell r="G3481" t="str">
            <v>厚別区厚別西１－４－３－１４</v>
          </cell>
          <cell r="H3481" t="str">
            <v>892-3177</v>
          </cell>
          <cell r="I3481" t="str">
            <v>892-3317</v>
          </cell>
        </row>
        <row r="3482">
          <cell r="A3482" t="str">
            <v>48295Z</v>
          </cell>
          <cell r="B3482" t="str">
            <v>ｻｯﾎﾟﾛﾃﾞﾝｾﾂｺｳｼﾞ</v>
          </cell>
          <cell r="C3482" t="str">
            <v>札幌電設工事（株）</v>
          </cell>
          <cell r="D3482" t="str">
            <v>佐々木 勉</v>
          </cell>
          <cell r="E3482" t="str">
            <v>代表取締役</v>
          </cell>
          <cell r="F3482" t="str">
            <v>002-0856</v>
          </cell>
          <cell r="G3482" t="str">
            <v>北区屯田６－１０－７－３０</v>
          </cell>
          <cell r="H3482" t="str">
            <v>774-1676</v>
          </cell>
          <cell r="I3482" t="str">
            <v>774-1663</v>
          </cell>
        </row>
        <row r="3483">
          <cell r="A3483" t="str">
            <v>48296X</v>
          </cell>
          <cell r="B3483" t="str">
            <v>ｻｯﾎﾟﾛﾌｪﾝｽ</v>
          </cell>
          <cell r="C3483" t="str">
            <v>（株）サッポロフェンス</v>
          </cell>
          <cell r="D3483" t="str">
            <v>本間 功</v>
          </cell>
          <cell r="E3483" t="str">
            <v>代表取締役</v>
          </cell>
          <cell r="F3483" t="str">
            <v>004-0863</v>
          </cell>
          <cell r="G3483" t="str">
            <v>清田区北野３－２－５－１３</v>
          </cell>
          <cell r="H3483" t="str">
            <v>881-8112</v>
          </cell>
          <cell r="I3483" t="str">
            <v>881-8159</v>
          </cell>
        </row>
        <row r="3484">
          <cell r="A3484" t="str">
            <v>48297V</v>
          </cell>
          <cell r="B3484" t="str">
            <v>ｻｯﾎﾟﾛﾎｸﾓﾝｺｳｷﾞｮｳ</v>
          </cell>
          <cell r="C3484" t="str">
            <v>（株）札幌北門工業</v>
          </cell>
          <cell r="D3484" t="str">
            <v>土門 稚明</v>
          </cell>
          <cell r="E3484" t="str">
            <v>代表取締役</v>
          </cell>
          <cell r="F3484" t="str">
            <v>007-0883</v>
          </cell>
          <cell r="G3484" t="str">
            <v>東区北丘珠３－４－１－２５</v>
          </cell>
          <cell r="H3484" t="str">
            <v>782-2366</v>
          </cell>
          <cell r="I3484" t="str">
            <v>782-7227</v>
          </cell>
        </row>
        <row r="3485">
          <cell r="A3485" t="str">
            <v>48364S</v>
          </cell>
          <cell r="B3485" t="str">
            <v>ｻｯﾎﾟﾛｶﾝｷｮｳｺｳｷﾞｮｳ</v>
          </cell>
          <cell r="C3485" t="str">
            <v>（株）札幌環境興業</v>
          </cell>
          <cell r="D3485" t="str">
            <v>菅原 忠憲</v>
          </cell>
          <cell r="E3485" t="str">
            <v>代表取締役</v>
          </cell>
          <cell r="F3485" t="str">
            <v>062-0034</v>
          </cell>
          <cell r="G3485" t="str">
            <v>豊平区西岡４－５－１－３２</v>
          </cell>
          <cell r="H3485" t="str">
            <v>855-4585</v>
          </cell>
          <cell r="I3485" t="str">
            <v>853-0555</v>
          </cell>
        </row>
        <row r="3486">
          <cell r="A3486" t="str">
            <v>48392T</v>
          </cell>
          <cell r="B3486" t="str">
            <v>ｻﾉｼﾞｭｳｷ</v>
          </cell>
          <cell r="C3486" t="str">
            <v>（株）佐野重機</v>
          </cell>
          <cell r="D3486" t="str">
            <v>三鍋 哲雄</v>
          </cell>
          <cell r="E3486" t="str">
            <v>代表取締役</v>
          </cell>
          <cell r="F3486" t="str">
            <v>063-0824</v>
          </cell>
          <cell r="G3486" t="str">
            <v>西区発寒４－６－２－３７</v>
          </cell>
          <cell r="H3486" t="str">
            <v>662-2803</v>
          </cell>
          <cell r="I3486" t="str">
            <v>664-0998</v>
          </cell>
        </row>
        <row r="3487">
          <cell r="A3487" t="str">
            <v>48396V</v>
          </cell>
          <cell r="B3487" t="str">
            <v>ｻﾝｷｮｳｼｽﾃﾑ</v>
          </cell>
          <cell r="C3487" t="str">
            <v>（株）三協システム</v>
          </cell>
          <cell r="D3487" t="str">
            <v>須藤 幸雄</v>
          </cell>
          <cell r="E3487" t="str">
            <v>代表取締役社長</v>
          </cell>
          <cell r="F3487" t="str">
            <v>003-0803</v>
          </cell>
          <cell r="G3487" t="str">
            <v>白石区菊水３－４－２</v>
          </cell>
          <cell r="H3487" t="str">
            <v>831-2340</v>
          </cell>
          <cell r="I3487" t="str">
            <v>816-0206</v>
          </cell>
        </row>
        <row r="3488">
          <cell r="A3488" t="str">
            <v>48413Y</v>
          </cell>
          <cell r="B3488" t="str">
            <v>ｻｯﾎﾟﾛｾﾂﾋﾞ</v>
          </cell>
          <cell r="C3488" t="str">
            <v>（株）札幌設備</v>
          </cell>
          <cell r="D3488" t="str">
            <v>池田 宏</v>
          </cell>
          <cell r="E3488" t="str">
            <v>代表取締役</v>
          </cell>
          <cell r="F3488" t="str">
            <v>002-0852</v>
          </cell>
          <cell r="G3488" t="str">
            <v>北区屯田２－２－７－１３</v>
          </cell>
          <cell r="H3488" t="str">
            <v>771-0596</v>
          </cell>
          <cell r="I3488" t="str">
            <v>772-2389</v>
          </cell>
        </row>
        <row r="3489">
          <cell r="A3489" t="str">
            <v>48418X</v>
          </cell>
          <cell r="B3489" t="str">
            <v>ｻｯﾎﾟﾛｷﾝﾛｳｼｬ</v>
          </cell>
          <cell r="C3489" t="str">
            <v>札幌勤労者（企組）</v>
          </cell>
          <cell r="D3489" t="str">
            <v>堀川 輝男</v>
          </cell>
          <cell r="E3489" t="str">
            <v>代表理事</v>
          </cell>
          <cell r="F3489" t="str">
            <v>060-0004</v>
          </cell>
          <cell r="G3489" t="str">
            <v>中央区北４西１２－１－１</v>
          </cell>
          <cell r="H3489" t="str">
            <v>271-6641</v>
          </cell>
          <cell r="I3489" t="str">
            <v>271-6748</v>
          </cell>
        </row>
        <row r="3490">
          <cell r="A3490" t="str">
            <v>48427Y</v>
          </cell>
          <cell r="B3490" t="str">
            <v>ｻｯﾎﾟﾛﾀｲｶｺｳｷﾞｮｳｼｮ</v>
          </cell>
          <cell r="C3490" t="str">
            <v>（株）札幌耐火工業所</v>
          </cell>
          <cell r="D3490" t="str">
            <v>伊藤 裕市</v>
          </cell>
          <cell r="E3490" t="str">
            <v>代表取締役</v>
          </cell>
          <cell r="F3490" t="str">
            <v>065-0008</v>
          </cell>
          <cell r="G3490" t="str">
            <v>東区北８東８－２－２</v>
          </cell>
          <cell r="H3490" t="str">
            <v>711-8768</v>
          </cell>
          <cell r="I3490" t="str">
            <v>741-0718</v>
          </cell>
        </row>
        <row r="3491">
          <cell r="A3491" t="str">
            <v>48431N</v>
          </cell>
          <cell r="B3491" t="str">
            <v>ｻﾝｷｺｰｻｰﾋﾞｽ</v>
          </cell>
          <cell r="C3491" t="str">
            <v>サンキコーサービス（株）</v>
          </cell>
          <cell r="D3491" t="str">
            <v>髙橋 昌雄</v>
          </cell>
          <cell r="E3491" t="str">
            <v>代表取締役</v>
          </cell>
          <cell r="F3491" t="str">
            <v>062-0041</v>
          </cell>
          <cell r="G3491" t="str">
            <v>豊平区福住１－７－１１－２５</v>
          </cell>
          <cell r="H3491" t="str">
            <v>370-3666</v>
          </cell>
          <cell r="I3491" t="str">
            <v>377-7779</v>
          </cell>
        </row>
        <row r="3492">
          <cell r="A3492" t="str">
            <v>48455Z</v>
          </cell>
          <cell r="B3492" t="str">
            <v>ｻｯﾎﾟﾛｺｳｹﾝ</v>
          </cell>
          <cell r="C3492" t="str">
            <v>（株）札幌巧研</v>
          </cell>
          <cell r="D3492" t="str">
            <v>高橋 國勝</v>
          </cell>
          <cell r="E3492" t="str">
            <v>代表取締役</v>
          </cell>
          <cell r="F3492" t="str">
            <v>001-0925</v>
          </cell>
          <cell r="G3492" t="str">
            <v>北区新川５－５－１－１１</v>
          </cell>
          <cell r="H3492" t="str">
            <v>763-2847</v>
          </cell>
          <cell r="I3492" t="str">
            <v>763-2871</v>
          </cell>
        </row>
        <row r="3493">
          <cell r="A3493" t="str">
            <v>48461X</v>
          </cell>
          <cell r="B3493" t="str">
            <v>ｻｶﾉｼﾀｺｳｷﾞｮｳ</v>
          </cell>
          <cell r="C3493" t="str">
            <v>（株）坂ノ下興業</v>
          </cell>
          <cell r="D3493" t="str">
            <v>坂ノ下 豊</v>
          </cell>
          <cell r="E3493" t="str">
            <v>代表取締役</v>
          </cell>
          <cell r="F3493" t="str">
            <v>063-0021</v>
          </cell>
          <cell r="G3493" t="str">
            <v>西区平和１－７－４－３</v>
          </cell>
          <cell r="H3493" t="str">
            <v>663-3016</v>
          </cell>
          <cell r="I3493" t="str">
            <v>663-3150</v>
          </cell>
        </row>
        <row r="3494">
          <cell r="A3494" t="str">
            <v>48466W</v>
          </cell>
          <cell r="B3494" t="str">
            <v>ｻﾝｷｹﾝｾﾂ</v>
          </cell>
          <cell r="C3494" t="str">
            <v>三起建設（株）</v>
          </cell>
          <cell r="D3494" t="str">
            <v>荒川 英知</v>
          </cell>
          <cell r="E3494" t="str">
            <v>代表取締役</v>
          </cell>
          <cell r="F3494" t="str">
            <v>063-0052</v>
          </cell>
          <cell r="G3494" t="str">
            <v>西区宮の沢２－２－１３－２８</v>
          </cell>
          <cell r="H3494" t="str">
            <v>667-4943</v>
          </cell>
          <cell r="I3494" t="str">
            <v>666-6764</v>
          </cell>
        </row>
        <row r="3495">
          <cell r="A3495" t="str">
            <v>48467T</v>
          </cell>
          <cell r="B3495" t="str">
            <v>ｻﾝﾗｲﾄ</v>
          </cell>
          <cell r="C3495" t="str">
            <v>（株）サンライト</v>
          </cell>
          <cell r="D3495" t="str">
            <v>瀬口 健一</v>
          </cell>
          <cell r="E3495" t="str">
            <v>代表取締役</v>
          </cell>
          <cell r="F3495" t="str">
            <v>003-0804</v>
          </cell>
          <cell r="G3495" t="str">
            <v>白石区菊水４－１－３－１</v>
          </cell>
          <cell r="H3495" t="str">
            <v>812-5711</v>
          </cell>
          <cell r="I3495" t="str">
            <v>812-5722</v>
          </cell>
        </row>
        <row r="3496">
          <cell r="A3496" t="str">
            <v>48474N</v>
          </cell>
          <cell r="B3496" t="str">
            <v>ｻｯﾎﾟﾛﾄﾞｳﾛｴﾝｼﾞﾆｱ</v>
          </cell>
          <cell r="C3496" t="str">
            <v>札幌道路エンジニア（株）</v>
          </cell>
          <cell r="D3496" t="str">
            <v>小山田 博</v>
          </cell>
          <cell r="E3496" t="str">
            <v>代表取締役</v>
          </cell>
          <cell r="F3496" t="str">
            <v>003-0005</v>
          </cell>
          <cell r="G3496" t="str">
            <v>白石区東札幌５－４－３－２０</v>
          </cell>
          <cell r="H3496" t="str">
            <v>842-3200</v>
          </cell>
          <cell r="I3496" t="str">
            <v>842-3270</v>
          </cell>
        </row>
        <row r="3497">
          <cell r="A3497" t="str">
            <v>48494Y</v>
          </cell>
          <cell r="B3497" t="str">
            <v>ｻｲｾｲｹﾝｾﾂ</v>
          </cell>
          <cell r="C3497" t="str">
            <v>（有）西成建設</v>
          </cell>
          <cell r="D3497" t="str">
            <v>西本 孝太郎</v>
          </cell>
          <cell r="E3497" t="str">
            <v>代表取締役</v>
          </cell>
          <cell r="F3497" t="str">
            <v>062-0041</v>
          </cell>
          <cell r="G3497" t="str">
            <v>豊平区福住１－７－５－１２</v>
          </cell>
          <cell r="H3497" t="str">
            <v>853-3960</v>
          </cell>
          <cell r="I3497" t="str">
            <v>859-2250</v>
          </cell>
        </row>
        <row r="3498">
          <cell r="A3498" t="str">
            <v>48496S</v>
          </cell>
          <cell r="B3498" t="str">
            <v>ｻｯﾎﾟﾛｷﾀｺﾞｳｼﾞｭｳｾﾂ</v>
          </cell>
          <cell r="C3498" t="str">
            <v>（有）札幌北郷住設</v>
          </cell>
          <cell r="D3498" t="str">
            <v>川田 泰正</v>
          </cell>
          <cell r="E3498" t="str">
            <v>代表取締役</v>
          </cell>
          <cell r="F3498" t="str">
            <v>003-0835</v>
          </cell>
          <cell r="G3498" t="str">
            <v>白石区北郷５－８－２－６</v>
          </cell>
          <cell r="H3498" t="str">
            <v>874-5765</v>
          </cell>
          <cell r="I3498" t="str">
            <v>874-5768</v>
          </cell>
        </row>
        <row r="3499">
          <cell r="A3499" t="str">
            <v>48499X</v>
          </cell>
          <cell r="B3499" t="str">
            <v>ｻｯﾎﾟﾛｼｶﾝｺｳｼﾞｷﾞｮｳ</v>
          </cell>
          <cell r="C3499" t="str">
            <v>札幌市管工事業（協）</v>
          </cell>
          <cell r="D3499" t="str">
            <v>村上 稔</v>
          </cell>
          <cell r="E3499" t="str">
            <v>理事長</v>
          </cell>
          <cell r="F3499" t="str">
            <v>060-0032</v>
          </cell>
          <cell r="G3499" t="str">
            <v>中央区北２東８－８６－１０</v>
          </cell>
          <cell r="H3499" t="str">
            <v>222-1811</v>
          </cell>
          <cell r="I3499" t="str">
            <v>222-3021</v>
          </cell>
        </row>
        <row r="3500">
          <cell r="A3500" t="str">
            <v>48510P</v>
          </cell>
          <cell r="B3500" t="str">
            <v>ｻﾝｲｸｻﾝﾀﾞｲﾔ</v>
          </cell>
          <cell r="C3500" t="str">
            <v>三郁サンダイヤ（株）</v>
          </cell>
          <cell r="D3500" t="str">
            <v>田中 紀夫</v>
          </cell>
          <cell r="E3500" t="str">
            <v>代表取締役</v>
          </cell>
          <cell r="F3500" t="str">
            <v>063-0062</v>
          </cell>
          <cell r="G3500" t="str">
            <v>西区西町南１３－２－１</v>
          </cell>
          <cell r="H3500" t="str">
            <v>663-2111</v>
          </cell>
          <cell r="I3500" t="str">
            <v>665-6612</v>
          </cell>
        </row>
        <row r="3501">
          <cell r="A3501" t="str">
            <v>48809X</v>
          </cell>
          <cell r="B3501" t="str">
            <v>ｻﾝｺｰｺﾝｻﾙﾀﾝﾄ</v>
          </cell>
          <cell r="C3501" t="str">
            <v>サンコーコンサルタント（株）札幌支店</v>
          </cell>
          <cell r="D3501" t="str">
            <v>池野 紀男</v>
          </cell>
          <cell r="E3501" t="str">
            <v>支店長</v>
          </cell>
          <cell r="F3501" t="str">
            <v>003-0803</v>
          </cell>
          <cell r="G3501" t="str">
            <v>白石区菊水３－２－４－１</v>
          </cell>
          <cell r="H3501" t="str">
            <v>837-5580</v>
          </cell>
          <cell r="I3501" t="str">
            <v>837-5582</v>
          </cell>
        </row>
        <row r="3502">
          <cell r="A3502" t="str">
            <v>48810V</v>
          </cell>
          <cell r="B3502" t="str">
            <v>ｻﾝﾜｺｳｿｸ</v>
          </cell>
          <cell r="C3502" t="str">
            <v>三和航測（株）北海道支社</v>
          </cell>
          <cell r="D3502" t="str">
            <v>湯沢 英二</v>
          </cell>
          <cell r="E3502" t="str">
            <v>支社長</v>
          </cell>
          <cell r="F3502" t="str">
            <v>064-0820</v>
          </cell>
          <cell r="G3502" t="str">
            <v>中央区大通西２０－２－２０</v>
          </cell>
          <cell r="H3502" t="str">
            <v>644-3655</v>
          </cell>
          <cell r="I3502" t="str">
            <v>644-2823</v>
          </cell>
        </row>
        <row r="3503">
          <cell r="A3503" t="str">
            <v>48835R</v>
          </cell>
          <cell r="B3503" t="str">
            <v>ｻｯﾎﾟﾛｺｳｻﾝ</v>
          </cell>
          <cell r="C3503" t="str">
            <v>札幌興産（株）</v>
          </cell>
          <cell r="D3503" t="str">
            <v>大関 武夫</v>
          </cell>
          <cell r="E3503" t="str">
            <v>代表取締役</v>
          </cell>
          <cell r="F3503" t="str">
            <v>007-0869</v>
          </cell>
          <cell r="G3503" t="str">
            <v>東区伏古９－１－５－２６</v>
          </cell>
          <cell r="H3503" t="str">
            <v>783-9162</v>
          </cell>
          <cell r="I3503" t="str">
            <v>784-4221</v>
          </cell>
        </row>
        <row r="3504">
          <cell r="A3504" t="str">
            <v>48836N</v>
          </cell>
          <cell r="B3504" t="str">
            <v>ｻｯﾎﾟﾛﾘｭｳﾂｳｾﾝﾀｰｳﾝｿｳｼﾞｷﾞｮｳ</v>
          </cell>
          <cell r="C3504" t="str">
            <v>札幌流通センター運送事業（協）</v>
          </cell>
          <cell r="D3504" t="str">
            <v>山本 武彦</v>
          </cell>
          <cell r="E3504" t="str">
            <v>理事長</v>
          </cell>
          <cell r="F3504" t="str">
            <v>003-0030</v>
          </cell>
          <cell r="G3504" t="str">
            <v>白石区流通センター５－３－３０</v>
          </cell>
          <cell r="H3504" t="str">
            <v>864-6171</v>
          </cell>
          <cell r="I3504" t="str">
            <v>864-6173</v>
          </cell>
        </row>
        <row r="3505">
          <cell r="A3505" t="str">
            <v>48837Y</v>
          </cell>
          <cell r="B3505" t="str">
            <v>ｻﾝｵｳｺｳｷﾞｮｳ</v>
          </cell>
          <cell r="C3505" t="str">
            <v>三央工業（株）</v>
          </cell>
          <cell r="D3505" t="str">
            <v>高田 透</v>
          </cell>
          <cell r="E3505" t="str">
            <v>代表取締役</v>
          </cell>
          <cell r="F3505" t="str">
            <v>003-0838</v>
          </cell>
          <cell r="G3505" t="str">
            <v>白石区北郷８－８－２－８</v>
          </cell>
          <cell r="H3505" t="str">
            <v>875-9170</v>
          </cell>
          <cell r="I3505" t="str">
            <v>875-9172</v>
          </cell>
        </row>
        <row r="3506">
          <cell r="A3506" t="str">
            <v>48839T</v>
          </cell>
          <cell r="B3506" t="str">
            <v>ｻﾝｼﾝｳﾝﾕｷｺｳ</v>
          </cell>
          <cell r="C3506" t="str">
            <v>三真運輸機工（株）</v>
          </cell>
          <cell r="D3506" t="str">
            <v>田中 勝也</v>
          </cell>
          <cell r="E3506" t="str">
            <v>代表取締役</v>
          </cell>
          <cell r="F3506" t="str">
            <v>005-0823</v>
          </cell>
          <cell r="G3506" t="str">
            <v>南区南沢３－２－１６－５</v>
          </cell>
          <cell r="H3506" t="str">
            <v>661-3400</v>
          </cell>
          <cell r="I3506" t="str">
            <v>661-3650</v>
          </cell>
        </row>
        <row r="3507">
          <cell r="A3507" t="str">
            <v>48840R</v>
          </cell>
          <cell r="B3507" t="str">
            <v>ｻﾝｾｲｳﾝﾕ</v>
          </cell>
          <cell r="C3507" t="str">
            <v>三星運輸（株）</v>
          </cell>
          <cell r="D3507" t="str">
            <v>中川 庄一</v>
          </cell>
          <cell r="E3507" t="str">
            <v>代表取締役</v>
          </cell>
          <cell r="F3507" t="str">
            <v>092-0052</v>
          </cell>
          <cell r="G3507" t="str">
            <v>網走郡美幌町字東２北１－１２</v>
          </cell>
          <cell r="H3507" t="str">
            <v>01527-3-3141</v>
          </cell>
          <cell r="I3507" t="str">
            <v>01527-2-4569</v>
          </cell>
        </row>
        <row r="3508">
          <cell r="A3508" t="str">
            <v>48841N</v>
          </cell>
          <cell r="B3508" t="str">
            <v>ｻﾜﾀﾞｳﾝﾕ</v>
          </cell>
          <cell r="C3508" t="str">
            <v>（有）沢田運輸</v>
          </cell>
          <cell r="D3508" t="str">
            <v>澤田 美人</v>
          </cell>
          <cell r="E3508" t="str">
            <v>代表取締役</v>
          </cell>
          <cell r="F3508" t="str">
            <v>061-2302</v>
          </cell>
          <cell r="G3508" t="str">
            <v>南区定山渓温泉東４－３０６</v>
          </cell>
          <cell r="H3508" t="str">
            <v>584-8240</v>
          </cell>
          <cell r="I3508" t="str">
            <v>584-5636</v>
          </cell>
        </row>
        <row r="3509">
          <cell r="A3509" t="str">
            <v>48847X</v>
          </cell>
          <cell r="B3509" t="str">
            <v>ｻﾝｷﾞｹﾝ</v>
          </cell>
          <cell r="C3509" t="str">
            <v>サン技研（株）</v>
          </cell>
          <cell r="D3509" t="str">
            <v>阿部 元一</v>
          </cell>
          <cell r="E3509" t="str">
            <v>代表取締役</v>
          </cell>
          <cell r="F3509" t="str">
            <v>007-0861</v>
          </cell>
          <cell r="G3509" t="str">
            <v>東区伏古１－３－４－１７</v>
          </cell>
          <cell r="H3509" t="str">
            <v>781-6000</v>
          </cell>
          <cell r="I3509" t="str">
            <v>781-6013</v>
          </cell>
        </row>
        <row r="3510">
          <cell r="A3510" t="str">
            <v>48854S</v>
          </cell>
          <cell r="B3510" t="str">
            <v>ｻｯﾎﾟﾛｺｳｿｸｳﾝﾕ</v>
          </cell>
          <cell r="C3510" t="str">
            <v>札幌高速運輸（株）</v>
          </cell>
          <cell r="D3510" t="str">
            <v>井上 勉</v>
          </cell>
          <cell r="E3510" t="str">
            <v>代表取締役</v>
          </cell>
          <cell r="F3510" t="str">
            <v>003-0029</v>
          </cell>
          <cell r="G3510" t="str">
            <v>白石区平和通り１３北３</v>
          </cell>
          <cell r="H3510" t="str">
            <v>862-8601</v>
          </cell>
          <cell r="I3510" t="str">
            <v>862-8642</v>
          </cell>
        </row>
        <row r="3511">
          <cell r="A3511" t="str">
            <v>49002Y</v>
          </cell>
          <cell r="B3511" t="str">
            <v>ｼﾏﾀﾞｸﾞﾐｺｳｴｲ</v>
          </cell>
          <cell r="C3511" t="str">
            <v>（株）島田組工営</v>
          </cell>
          <cell r="D3511" t="str">
            <v>矢野 浅夫</v>
          </cell>
          <cell r="E3511" t="str">
            <v>代表取締役</v>
          </cell>
          <cell r="F3511" t="str">
            <v>003-0804</v>
          </cell>
          <cell r="G3511" t="str">
            <v>白石区菊水４－２－５－１２</v>
          </cell>
          <cell r="H3511" t="str">
            <v>811-7101</v>
          </cell>
          <cell r="I3511" t="str">
            <v>811-7103</v>
          </cell>
        </row>
        <row r="3512">
          <cell r="A3512" t="str">
            <v>49004T</v>
          </cell>
          <cell r="B3512" t="str">
            <v>ｼﾝﾆﾁｹﾝｾﾂ</v>
          </cell>
          <cell r="C3512" t="str">
            <v>新日建設（株）</v>
          </cell>
          <cell r="D3512" t="str">
            <v>小林 正典</v>
          </cell>
          <cell r="E3512" t="str">
            <v>代表取締役</v>
          </cell>
          <cell r="F3512" t="str">
            <v>063-0835</v>
          </cell>
          <cell r="G3512" t="str">
            <v>西区発寒１５－１－１－１６</v>
          </cell>
          <cell r="H3512" t="str">
            <v>661-6730</v>
          </cell>
          <cell r="I3512" t="str">
            <v>661-6899</v>
          </cell>
        </row>
        <row r="3513">
          <cell r="A3513" t="str">
            <v>49007X</v>
          </cell>
          <cell r="B3513" t="str">
            <v>ｼｮｳｹﾝｺｳｷﾞｮｳ</v>
          </cell>
          <cell r="C3513" t="str">
            <v>昭建工業（株）</v>
          </cell>
          <cell r="D3513" t="str">
            <v>上田 勝實</v>
          </cell>
          <cell r="E3513" t="str">
            <v>代表取締役社長</v>
          </cell>
          <cell r="F3513" t="str">
            <v>060-0061</v>
          </cell>
          <cell r="G3513" t="str">
            <v>中央区南１西１９－２９１</v>
          </cell>
          <cell r="H3513" t="str">
            <v>623-2211</v>
          </cell>
          <cell r="I3513" t="str">
            <v>623-2918</v>
          </cell>
        </row>
        <row r="3514">
          <cell r="A3514" t="str">
            <v>49012X</v>
          </cell>
          <cell r="B3514" t="str">
            <v>ｼﾝﾄﾞｳﾛｶｲﾊﾂ</v>
          </cell>
          <cell r="C3514" t="str">
            <v>新道路開発（株）</v>
          </cell>
          <cell r="D3514" t="str">
            <v>坪井 哲雄</v>
          </cell>
          <cell r="E3514" t="str">
            <v>代表取締役</v>
          </cell>
          <cell r="F3514" t="str">
            <v>003-0030</v>
          </cell>
          <cell r="G3514" t="str">
            <v>白石区流通センター５－６－４３</v>
          </cell>
          <cell r="H3514" t="str">
            <v>863-0083</v>
          </cell>
          <cell r="I3514" t="str">
            <v>863-0202</v>
          </cell>
        </row>
        <row r="3515">
          <cell r="A3515" t="str">
            <v>49013V</v>
          </cell>
          <cell r="B3515" t="str">
            <v>ｼﾝｺｰｹﾝｾﾂｺｳｷﾞｮｳ</v>
          </cell>
          <cell r="C3515" t="str">
            <v>シンコー建設工業（株）</v>
          </cell>
          <cell r="D3515" t="str">
            <v>三浦 義久</v>
          </cell>
          <cell r="E3515" t="str">
            <v>代表取締役</v>
          </cell>
          <cell r="F3515" t="str">
            <v>001-0025</v>
          </cell>
          <cell r="G3515" t="str">
            <v>北区北２５西１４－３－２７</v>
          </cell>
          <cell r="H3515" t="str">
            <v>716-1277</v>
          </cell>
          <cell r="I3515" t="str">
            <v>716-1361</v>
          </cell>
        </row>
        <row r="3516">
          <cell r="A3516" t="str">
            <v>49016Y</v>
          </cell>
          <cell r="B3516" t="str">
            <v>ｼﾝｴｲｿﾞｳｴﾝ</v>
          </cell>
          <cell r="C3516" t="str">
            <v>（株）真栄造園</v>
          </cell>
          <cell r="D3516" t="str">
            <v>池田 智仁</v>
          </cell>
          <cell r="E3516" t="str">
            <v>代表取締役</v>
          </cell>
          <cell r="F3516" t="str">
            <v>004-0839</v>
          </cell>
          <cell r="G3516" t="str">
            <v>清田区真栄４８７</v>
          </cell>
          <cell r="H3516" t="str">
            <v>881-3475</v>
          </cell>
          <cell r="I3516" t="str">
            <v>881-3561</v>
          </cell>
        </row>
        <row r="3517">
          <cell r="A3517" t="str">
            <v>49025Z</v>
          </cell>
          <cell r="B3517" t="str">
            <v>ｼﾏﾂﾞﾃﾞﾝｾﾂ</v>
          </cell>
          <cell r="C3517" t="str">
            <v>島津電設（株）</v>
          </cell>
          <cell r="D3517" t="str">
            <v>嶋津 博</v>
          </cell>
          <cell r="E3517" t="str">
            <v>代表取締役</v>
          </cell>
          <cell r="F3517" t="str">
            <v>064-0809</v>
          </cell>
          <cell r="G3517" t="str">
            <v>中央区南９西１２－２－３１</v>
          </cell>
          <cell r="H3517" t="str">
            <v>563-1241</v>
          </cell>
          <cell r="I3517" t="str">
            <v>563-1244</v>
          </cell>
        </row>
        <row r="3518">
          <cell r="A3518" t="str">
            <v>49029P</v>
          </cell>
          <cell r="B3518" t="str">
            <v>ｼｮｳﾃﾞﾝｼｬ</v>
          </cell>
          <cell r="C3518" t="str">
            <v>（株）昭電舎</v>
          </cell>
          <cell r="D3518" t="str">
            <v>細矢 昭</v>
          </cell>
          <cell r="E3518" t="str">
            <v>代表取締役</v>
          </cell>
          <cell r="F3518" t="str">
            <v>060-0004</v>
          </cell>
          <cell r="G3518" t="str">
            <v>中央区北４西１２－１</v>
          </cell>
          <cell r="H3518" t="str">
            <v>221-7378</v>
          </cell>
          <cell r="I3518" t="str">
            <v>221-7387</v>
          </cell>
        </row>
        <row r="3519">
          <cell r="A3519" t="str">
            <v>49031X</v>
          </cell>
          <cell r="B3519" t="str">
            <v>ｼﾝｺｳﾂｳｼﾝ</v>
          </cell>
          <cell r="C3519" t="str">
            <v>伸弘通信（株）</v>
          </cell>
          <cell r="D3519" t="str">
            <v>掘籠 義一</v>
          </cell>
          <cell r="E3519" t="str">
            <v>代表取締役</v>
          </cell>
          <cell r="F3519" t="str">
            <v>003-0831</v>
          </cell>
          <cell r="G3519" t="str">
            <v>白石区北郷１－９－８－１７</v>
          </cell>
          <cell r="H3519" t="str">
            <v>874-0130</v>
          </cell>
          <cell r="I3519" t="str">
            <v>874-1143</v>
          </cell>
        </row>
        <row r="3520">
          <cell r="A3520" t="str">
            <v>49036W</v>
          </cell>
          <cell r="B3520" t="str">
            <v>ｼｵﾝ</v>
          </cell>
          <cell r="C3520" t="str">
            <v>（株）シオン</v>
          </cell>
          <cell r="D3520" t="str">
            <v>関口 ひろみ</v>
          </cell>
          <cell r="E3520" t="str">
            <v>代表取締役</v>
          </cell>
          <cell r="F3520" t="str">
            <v>003-0821</v>
          </cell>
          <cell r="G3520" t="str">
            <v>白石区菊水元町１－１－４－３４</v>
          </cell>
          <cell r="H3520" t="str">
            <v>873-4151</v>
          </cell>
          <cell r="I3520" t="str">
            <v>873-4155</v>
          </cell>
        </row>
        <row r="3521">
          <cell r="A3521" t="str">
            <v>49044N</v>
          </cell>
          <cell r="B3521" t="str">
            <v>ｼﾝｺｳｶｲﾊﾂｺｳｷﾞｮｳ</v>
          </cell>
          <cell r="C3521" t="str">
            <v>（株）伸興開発工業</v>
          </cell>
          <cell r="D3521" t="str">
            <v>沼崎 朝裕</v>
          </cell>
          <cell r="E3521" t="str">
            <v>代表取締役</v>
          </cell>
          <cell r="F3521" t="str">
            <v>001-0910</v>
          </cell>
          <cell r="G3521" t="str">
            <v>北区新琴似１０－１２－４－１８</v>
          </cell>
          <cell r="H3521" t="str">
            <v>761-9279</v>
          </cell>
          <cell r="I3521" t="str">
            <v>761-9250</v>
          </cell>
        </row>
        <row r="3522">
          <cell r="A3522" t="str">
            <v>49059Y</v>
          </cell>
          <cell r="B3522" t="str">
            <v>ｼﾝﾃﾞﾝｴﾝｼﾞﾆｱﾘﾝｸﾞ</v>
          </cell>
          <cell r="C3522" t="str">
            <v>神電エンジニアリング（株）札幌営業所</v>
          </cell>
          <cell r="D3522" t="str">
            <v>山田 裕克</v>
          </cell>
          <cell r="E3522" t="str">
            <v>所長</v>
          </cell>
          <cell r="F3522" t="str">
            <v>060-0003</v>
          </cell>
          <cell r="G3522" t="str">
            <v>中央区北３西４－１ 第一生命ビル</v>
          </cell>
          <cell r="H3522" t="str">
            <v>231-0921</v>
          </cell>
          <cell r="I3522" t="str">
            <v>231-2792</v>
          </cell>
        </row>
        <row r="3523">
          <cell r="A3523" t="str">
            <v>49060W</v>
          </cell>
          <cell r="B3523" t="str">
            <v>ｼﾝｺｳｶﾝｷｮｳｿﾘｭｰｼｮﾝ</v>
          </cell>
          <cell r="C3523" t="str">
            <v>（株）神鋼環境ソリューション北海道支店</v>
          </cell>
          <cell r="D3523" t="str">
            <v>前田 和義</v>
          </cell>
          <cell r="E3523" t="str">
            <v>支店長</v>
          </cell>
          <cell r="F3523" t="str">
            <v>060-0003</v>
          </cell>
          <cell r="G3523" t="str">
            <v>中央区北３西４－１－１ 日本生命札幌ビル</v>
          </cell>
          <cell r="H3523" t="str">
            <v>241-4647</v>
          </cell>
          <cell r="I3523" t="str">
            <v>241-5759</v>
          </cell>
        </row>
        <row r="3524">
          <cell r="A3524" t="str">
            <v>49063N</v>
          </cell>
          <cell r="B3524" t="str">
            <v>ｼﾝﾘｮｳﾃｲｴﾝｷｶｸ</v>
          </cell>
          <cell r="C3524" t="str">
            <v>新菱庭園企画（株）</v>
          </cell>
          <cell r="D3524" t="str">
            <v>市村 澄夫</v>
          </cell>
          <cell r="E3524" t="str">
            <v>代表取締役</v>
          </cell>
          <cell r="F3524" t="str">
            <v>004-0812</v>
          </cell>
          <cell r="G3524" t="str">
            <v>清田区美しが丘２－４－１７－５</v>
          </cell>
          <cell r="H3524" t="str">
            <v>882-3160</v>
          </cell>
          <cell r="I3524" t="str">
            <v>882-4962</v>
          </cell>
        </row>
        <row r="3525">
          <cell r="A3525" t="str">
            <v>49064Y</v>
          </cell>
          <cell r="B3525" t="str">
            <v>ｼﾝｺｳｻﾝｷﾞｮｳ</v>
          </cell>
          <cell r="C3525" t="str">
            <v>真幸産業（株）</v>
          </cell>
          <cell r="D3525" t="str">
            <v>倉 孝幸</v>
          </cell>
          <cell r="E3525" t="str">
            <v>代表取締役</v>
          </cell>
          <cell r="F3525" t="str">
            <v>061-3202</v>
          </cell>
          <cell r="G3525" t="str">
            <v>石狩市花川南２－１－３１－１</v>
          </cell>
          <cell r="H3525" t="str">
            <v>0133-73-4966</v>
          </cell>
          <cell r="I3525" t="str">
            <v>0133-73-7355</v>
          </cell>
        </row>
        <row r="3526">
          <cell r="A3526" t="str">
            <v>49081R</v>
          </cell>
          <cell r="B3526" t="str">
            <v>ﾐﾂﾋﾞｼｼﾞｭｳｺｳｶﾝｷｮｳｴﾝｼﾞﾆｱﾘﾝｸﾞ</v>
          </cell>
          <cell r="C3526" t="str">
            <v>三菱重工環境エンジニアリング（株）北海道支店</v>
          </cell>
          <cell r="D3526" t="str">
            <v>千葉 顕</v>
          </cell>
          <cell r="E3526" t="str">
            <v>支店長</v>
          </cell>
          <cell r="F3526" t="str">
            <v>060-0002</v>
          </cell>
          <cell r="G3526" t="str">
            <v>中央区北２西３－１ 敷島ビル</v>
          </cell>
          <cell r="H3526" t="str">
            <v>222-2501</v>
          </cell>
          <cell r="I3526" t="str">
            <v>222-0379</v>
          </cell>
        </row>
        <row r="3527">
          <cell r="A3527" t="str">
            <v>49094V</v>
          </cell>
          <cell r="B3527" t="str">
            <v>ｼﾝﾎｸｼﾞｳﾝﾕ</v>
          </cell>
          <cell r="C3527" t="str">
            <v>新北自運輸（株）</v>
          </cell>
          <cell r="D3527" t="str">
            <v>宮越 昭之</v>
          </cell>
          <cell r="E3527" t="str">
            <v>代表取締役</v>
          </cell>
          <cell r="F3527" t="str">
            <v>065-0043</v>
          </cell>
          <cell r="G3527" t="str">
            <v>東区苗穂町１２－１－２０</v>
          </cell>
          <cell r="H3527" t="str">
            <v>711-5681</v>
          </cell>
          <cell r="I3527" t="str">
            <v>742-5782</v>
          </cell>
        </row>
        <row r="3528">
          <cell r="A3528" t="str">
            <v>49097Y</v>
          </cell>
          <cell r="B3528" t="str">
            <v>ｼｮｳﾜｾｷｻﾞｲｺｳｷﾞｮｳ</v>
          </cell>
          <cell r="C3528" t="str">
            <v>昭和石材工業（株）</v>
          </cell>
          <cell r="D3528" t="str">
            <v>菅尾 尚志</v>
          </cell>
          <cell r="E3528" t="str">
            <v>代表取締役</v>
          </cell>
          <cell r="F3528" t="str">
            <v>003-0828</v>
          </cell>
          <cell r="G3528" t="str">
            <v>白石区菊水元町８－３－４－１５</v>
          </cell>
          <cell r="H3528" t="str">
            <v>872-3371</v>
          </cell>
          <cell r="I3528" t="str">
            <v>874-6831</v>
          </cell>
        </row>
        <row r="3529">
          <cell r="A3529" t="str">
            <v>49099T</v>
          </cell>
          <cell r="B3529" t="str">
            <v>ｼﾝﾜﾃﾞﾝｷｺｳｷﾞｮｳ</v>
          </cell>
          <cell r="C3529" t="str">
            <v>新和電機工業（株）</v>
          </cell>
          <cell r="D3529" t="str">
            <v>田原 ひさ江</v>
          </cell>
          <cell r="E3529" t="str">
            <v>代表取締役</v>
          </cell>
          <cell r="F3529" t="str">
            <v>065-0017</v>
          </cell>
          <cell r="G3529" t="str">
            <v>東区北１７東１７－２－１１</v>
          </cell>
          <cell r="H3529" t="str">
            <v>786-3355</v>
          </cell>
          <cell r="I3529" t="str">
            <v>786-3377</v>
          </cell>
        </row>
        <row r="3530">
          <cell r="A3530" t="str">
            <v>49102W</v>
          </cell>
          <cell r="B3530" t="str">
            <v>ｼﾝｾｲｿｳｷﾞｮｳ</v>
          </cell>
          <cell r="C3530" t="str">
            <v>（有）新生総業</v>
          </cell>
          <cell r="D3530" t="str">
            <v>岩田 正徳</v>
          </cell>
          <cell r="E3530" t="str">
            <v>代表取締役</v>
          </cell>
          <cell r="F3530" t="str">
            <v>001-0903</v>
          </cell>
          <cell r="G3530" t="str">
            <v>北区新琴似３－２－４－１３</v>
          </cell>
          <cell r="H3530" t="str">
            <v>762-2054</v>
          </cell>
          <cell r="I3530" t="str">
            <v>762-5163</v>
          </cell>
        </row>
        <row r="3531">
          <cell r="A3531" t="str">
            <v>49103T</v>
          </cell>
          <cell r="B3531" t="str">
            <v>ｼﾝﾄｳ</v>
          </cell>
          <cell r="C3531" t="str">
            <v>（株）シントウ</v>
          </cell>
          <cell r="D3531" t="str">
            <v>松島 隆史</v>
          </cell>
          <cell r="E3531" t="str">
            <v>代表取締役</v>
          </cell>
          <cell r="F3531" t="str">
            <v>062-0004</v>
          </cell>
          <cell r="G3531" t="str">
            <v>豊平区美園４－２－１－５</v>
          </cell>
          <cell r="H3531" t="str">
            <v>816-2258</v>
          </cell>
          <cell r="I3531" t="str">
            <v>841-2258</v>
          </cell>
        </row>
        <row r="3532">
          <cell r="A3532" t="str">
            <v>49116W</v>
          </cell>
          <cell r="B3532" t="str">
            <v>ｼｮｳｺｳ</v>
          </cell>
          <cell r="C3532" t="str">
            <v>（株）昭晃</v>
          </cell>
          <cell r="D3532" t="str">
            <v>東 一男</v>
          </cell>
          <cell r="E3532" t="str">
            <v>代表取締役</v>
          </cell>
          <cell r="F3532" t="str">
            <v>064-0808</v>
          </cell>
          <cell r="G3532" t="str">
            <v>中央区南８西７－１０３６ ﾀﾞｲｱﾊﾟﾚｽ中島公園１F</v>
          </cell>
          <cell r="H3532" t="str">
            <v>511-1120</v>
          </cell>
          <cell r="I3532" t="str">
            <v>511-8854</v>
          </cell>
        </row>
        <row r="3533">
          <cell r="A3533" t="str">
            <v>49124N</v>
          </cell>
          <cell r="B3533" t="str">
            <v>ｼﾞｰｴﾙｼﾞﾂｷﾞｮｳ</v>
          </cell>
          <cell r="C3533" t="str">
            <v>（株）ジーエル実業</v>
          </cell>
          <cell r="D3533" t="str">
            <v>花松 繁</v>
          </cell>
          <cell r="E3533" t="str">
            <v>代表取締役</v>
          </cell>
          <cell r="F3533" t="str">
            <v>004-0873</v>
          </cell>
          <cell r="G3533" t="str">
            <v>清田区平岡３－６－２８０－２９</v>
          </cell>
          <cell r="H3533" t="str">
            <v>883-7555</v>
          </cell>
          <cell r="I3533" t="str">
            <v>881-7736</v>
          </cell>
        </row>
        <row r="3534">
          <cell r="A3534" t="str">
            <v>49127S</v>
          </cell>
          <cell r="B3534" t="str">
            <v>ｼｵﾀﾞｺｳｷﾞｮｳ</v>
          </cell>
          <cell r="C3534" t="str">
            <v>（株）塩田工業</v>
          </cell>
          <cell r="D3534" t="str">
            <v>塩田 浚市</v>
          </cell>
          <cell r="E3534" t="str">
            <v>代表取締役</v>
          </cell>
          <cell r="F3534" t="str">
            <v>005-0804</v>
          </cell>
          <cell r="G3534" t="str">
            <v>南区川沿４－３－４－５</v>
          </cell>
          <cell r="H3534" t="str">
            <v>571-8573</v>
          </cell>
          <cell r="I3534" t="str">
            <v>572-0175</v>
          </cell>
        </row>
        <row r="3535">
          <cell r="A3535" t="str">
            <v>49135W</v>
          </cell>
          <cell r="B3535" t="str">
            <v>ｼﾝｾｲｺｽﾓ</v>
          </cell>
          <cell r="C3535" t="str">
            <v>（株）親星コスモ</v>
          </cell>
          <cell r="D3535" t="str">
            <v>根木 守</v>
          </cell>
          <cell r="E3535" t="str">
            <v>代表取締役</v>
          </cell>
          <cell r="F3535" t="str">
            <v>004-0063</v>
          </cell>
          <cell r="G3535" t="str">
            <v>厚別区厚別西３－１－１－１６</v>
          </cell>
          <cell r="H3535" t="str">
            <v>892-2136</v>
          </cell>
          <cell r="I3535" t="str">
            <v>892-2199</v>
          </cell>
        </row>
        <row r="3536">
          <cell r="A3536" t="str">
            <v>49172Z</v>
          </cell>
          <cell r="B3536" t="str">
            <v>ｼﾊﾞﾑﾗｶﾞﾗｽﾃﾝ</v>
          </cell>
          <cell r="C3536" t="str">
            <v>柴村硝子店</v>
          </cell>
          <cell r="D3536" t="str">
            <v>柴村 克己</v>
          </cell>
          <cell r="E3536" t="str">
            <v>代表</v>
          </cell>
          <cell r="F3536" t="str">
            <v>062-0039</v>
          </cell>
          <cell r="G3536" t="str">
            <v>豊平区西岡３－１０－３－２</v>
          </cell>
          <cell r="H3536" t="str">
            <v>852-0716</v>
          </cell>
          <cell r="I3536" t="str">
            <v>853-4594</v>
          </cell>
        </row>
        <row r="3537">
          <cell r="A3537" t="str">
            <v>49186Z</v>
          </cell>
          <cell r="B3537" t="str">
            <v>ｼﾝｺｳｾﾂﾋﾞｺｳｷﾞｮｳ</v>
          </cell>
          <cell r="C3537" t="str">
            <v>新弘設備工業（株）</v>
          </cell>
          <cell r="D3537" t="str">
            <v>野村 凱男</v>
          </cell>
          <cell r="E3537" t="str">
            <v>代表取締役</v>
          </cell>
          <cell r="F3537" t="str">
            <v>007-0837</v>
          </cell>
          <cell r="G3537" t="str">
            <v>東区北３７東７－８００</v>
          </cell>
          <cell r="H3537" t="str">
            <v>711-8228</v>
          </cell>
          <cell r="I3537" t="str">
            <v>741-7719</v>
          </cell>
        </row>
        <row r="3538">
          <cell r="A3538" t="str">
            <v>49216T</v>
          </cell>
          <cell r="B3538" t="str">
            <v>ｼｷｼﾏｷｷ</v>
          </cell>
          <cell r="C3538" t="str">
            <v>敷島機器（株）</v>
          </cell>
          <cell r="D3538" t="str">
            <v>立石 公太郎</v>
          </cell>
          <cell r="E3538" t="str">
            <v>代表取締役</v>
          </cell>
          <cell r="F3538" t="str">
            <v>060-0002</v>
          </cell>
          <cell r="G3538" t="str">
            <v>中央区北２西３－１</v>
          </cell>
          <cell r="H3538" t="str">
            <v>711-9121</v>
          </cell>
          <cell r="I3538" t="str">
            <v>711-9123</v>
          </cell>
        </row>
        <row r="3539">
          <cell r="A3539" t="str">
            <v>49224Y</v>
          </cell>
          <cell r="B3539" t="str">
            <v>ｼﾞｬｺﾑ</v>
          </cell>
          <cell r="C3539" t="str">
            <v>（株）ジャコム</v>
          </cell>
          <cell r="D3539" t="str">
            <v>濱口 義明</v>
          </cell>
          <cell r="E3539" t="str">
            <v>代表取締役</v>
          </cell>
          <cell r="F3539" t="str">
            <v>060-0041</v>
          </cell>
          <cell r="G3539" t="str">
            <v>中央区大通東８－１</v>
          </cell>
          <cell r="H3539" t="str">
            <v>241-7656</v>
          </cell>
          <cell r="I3539" t="str">
            <v>241-7689</v>
          </cell>
        </row>
        <row r="3540">
          <cell r="A3540" t="str">
            <v>49225V</v>
          </cell>
          <cell r="B3540" t="str">
            <v>ｼﾊﾞﾀｺｳｻﾝ</v>
          </cell>
          <cell r="C3540" t="str">
            <v>柴田興産（株）</v>
          </cell>
          <cell r="D3540" t="str">
            <v>柴田 昌幸</v>
          </cell>
          <cell r="E3540" t="str">
            <v>代表取締役</v>
          </cell>
          <cell r="F3540" t="str">
            <v>004-0003</v>
          </cell>
          <cell r="G3540" t="str">
            <v>厚別区厚別東３－２－１－４０</v>
          </cell>
          <cell r="H3540" t="str">
            <v>809-2688</v>
          </cell>
          <cell r="I3540" t="str">
            <v>809-2677</v>
          </cell>
        </row>
        <row r="3541">
          <cell r="A3541" t="str">
            <v>49238V</v>
          </cell>
          <cell r="B3541" t="str">
            <v>ｼﾞｭｳｹﾝｾﾂﾋﾞ</v>
          </cell>
          <cell r="C3541" t="str">
            <v>（有）住健設備</v>
          </cell>
          <cell r="D3541" t="str">
            <v>岡本 健三</v>
          </cell>
          <cell r="E3541" t="str">
            <v>代表取締役</v>
          </cell>
          <cell r="F3541" t="str">
            <v>001-0902</v>
          </cell>
          <cell r="G3541" t="str">
            <v>北区新琴似２－１２－１６－１</v>
          </cell>
          <cell r="H3541" t="str">
            <v>762-6528</v>
          </cell>
          <cell r="I3541" t="str">
            <v>762-6720</v>
          </cell>
        </row>
        <row r="3542">
          <cell r="A3542" t="str">
            <v>49253X</v>
          </cell>
          <cell r="B3542" t="str">
            <v>ｼｰｱｲｴｽｹｲｶｸｹﾝｷｭｳｼﾞｮ</v>
          </cell>
          <cell r="C3542" t="str">
            <v>（株）シー・アイ・エス計画研究所</v>
          </cell>
          <cell r="D3542" t="str">
            <v>服部 倫史</v>
          </cell>
          <cell r="E3542" t="str">
            <v>代表取締役</v>
          </cell>
          <cell r="F3542" t="str">
            <v>060-0034</v>
          </cell>
          <cell r="G3542" t="str">
            <v>中央区北４東２－８－２</v>
          </cell>
          <cell r="H3542" t="str">
            <v>272-2227</v>
          </cell>
          <cell r="I3542" t="str">
            <v>272-2241</v>
          </cell>
        </row>
        <row r="3543">
          <cell r="A3543" t="str">
            <v>49264T</v>
          </cell>
          <cell r="B3543" t="str">
            <v>ｼｮｳﾜｷﾞｹﾝｺｳｷﾞｮｳ</v>
          </cell>
          <cell r="C3543" t="str">
            <v>勝和技建工業（株）</v>
          </cell>
          <cell r="D3543" t="str">
            <v>鈴木 勝</v>
          </cell>
          <cell r="E3543" t="str">
            <v>代表取締役</v>
          </cell>
          <cell r="F3543" t="str">
            <v>001-0911</v>
          </cell>
          <cell r="G3543" t="str">
            <v>北区新琴似１１－１５－１１３５－７１</v>
          </cell>
          <cell r="H3543" t="str">
            <v>762-0630</v>
          </cell>
          <cell r="I3543" t="str">
            <v>764-2380</v>
          </cell>
        </row>
        <row r="3544">
          <cell r="A3544" t="str">
            <v>49311S</v>
          </cell>
          <cell r="B3544" t="str">
            <v>ｼｰ･ｴｽ･ﾋﾟｰ･ﾃｨﾁｲｷｹｲｶｸｷｺｳ</v>
          </cell>
          <cell r="C3544" t="str">
            <v>（株）シー・エス・ピー・ティ地域計画機構</v>
          </cell>
          <cell r="D3544" t="str">
            <v>東村 有三</v>
          </cell>
          <cell r="E3544" t="str">
            <v>代表取締役</v>
          </cell>
          <cell r="F3544" t="str">
            <v>001-0013</v>
          </cell>
          <cell r="G3544" t="str">
            <v>北区北１３西３－１３ １３条ビル</v>
          </cell>
          <cell r="H3544" t="str">
            <v>700-1655</v>
          </cell>
          <cell r="I3544" t="str">
            <v>700-1658</v>
          </cell>
        </row>
        <row r="3545">
          <cell r="A3545" t="str">
            <v>49324W</v>
          </cell>
          <cell r="B3545" t="str">
            <v>ｼﾝﾆﾎﾝｶｲﾊﾂｺｳｷﾞｮｳ</v>
          </cell>
          <cell r="C3545" t="str">
            <v>新日本開発工業（株）</v>
          </cell>
          <cell r="D3545" t="str">
            <v>前田 慶之助</v>
          </cell>
          <cell r="E3545" t="str">
            <v>代表取締役社長</v>
          </cell>
          <cell r="F3545" t="str">
            <v>141-0031</v>
          </cell>
          <cell r="G3545" t="str">
            <v>東京都品川区西五反田２－２８－５</v>
          </cell>
          <cell r="H3545" t="str">
            <v>03-3492-7741</v>
          </cell>
          <cell r="I3545" t="str">
            <v>03-3492-7761</v>
          </cell>
        </row>
        <row r="3546">
          <cell r="A3546" t="str">
            <v>49327Y</v>
          </cell>
          <cell r="B3546" t="str">
            <v>ｼｸﾞﾏﾄｼｺﾝｻﾙﾀﾝﾄ</v>
          </cell>
          <cell r="C3546" t="str">
            <v>（株）シグマ都市コンサルタント</v>
          </cell>
          <cell r="D3546" t="str">
            <v>高須 喜久男</v>
          </cell>
          <cell r="E3546" t="str">
            <v>代表取締役</v>
          </cell>
          <cell r="F3546" t="str">
            <v>060-0061</v>
          </cell>
          <cell r="G3546" t="str">
            <v>中央区南１西１１－３２７－４ 王子不動産札幌ビ</v>
          </cell>
          <cell r="H3546" t="str">
            <v>221-0905</v>
          </cell>
          <cell r="I3546" t="str">
            <v>272-8848</v>
          </cell>
        </row>
        <row r="3547">
          <cell r="A3547" t="str">
            <v>49807N</v>
          </cell>
          <cell r="B3547" t="str">
            <v>ｼﾏｿﾞｳｴﾝﾄﾞﾎﾞｸｾｯｹｲ</v>
          </cell>
          <cell r="C3547" t="str">
            <v>シマ造園土木設計（株）</v>
          </cell>
          <cell r="D3547" t="str">
            <v>島 利夫</v>
          </cell>
          <cell r="E3547" t="str">
            <v>代表取締役</v>
          </cell>
          <cell r="F3547" t="str">
            <v>003-0027</v>
          </cell>
          <cell r="G3547" t="str">
            <v>白石区本通１５－北２</v>
          </cell>
          <cell r="H3547" t="str">
            <v>868-6671</v>
          </cell>
          <cell r="I3547" t="str">
            <v>868-6681</v>
          </cell>
        </row>
        <row r="3548">
          <cell r="A3548" t="str">
            <v>49810T</v>
          </cell>
          <cell r="B3548" t="str">
            <v>ｼﾏﾀﾞｻﾝｷﾞｮｳ</v>
          </cell>
          <cell r="C3548" t="str">
            <v>（株）島田産業</v>
          </cell>
          <cell r="D3548" t="str">
            <v>島田 昌克</v>
          </cell>
          <cell r="E3548" t="str">
            <v>代表取締役</v>
          </cell>
          <cell r="F3548" t="str">
            <v>003-0852</v>
          </cell>
          <cell r="G3548" t="str">
            <v>白石区川北２－３－５－１１</v>
          </cell>
          <cell r="H3548" t="str">
            <v>871-4910</v>
          </cell>
          <cell r="I3548" t="str">
            <v>871-4936</v>
          </cell>
        </row>
        <row r="3549">
          <cell r="A3549" t="str">
            <v>49811R</v>
          </cell>
          <cell r="B3549" t="str">
            <v>ｼﾝｾｲｳﾝﾕ</v>
          </cell>
          <cell r="C3549" t="str">
            <v>新成運輸（株）</v>
          </cell>
          <cell r="D3549" t="str">
            <v>坪田 久</v>
          </cell>
          <cell r="E3549" t="str">
            <v>代表取締役</v>
          </cell>
          <cell r="F3549" t="str">
            <v>003-0021</v>
          </cell>
          <cell r="G3549" t="str">
            <v>白石区栄通３－２－２２</v>
          </cell>
          <cell r="H3549" t="str">
            <v>851-6755</v>
          </cell>
          <cell r="I3549" t="str">
            <v>851-6788</v>
          </cell>
        </row>
        <row r="3550">
          <cell r="A3550" t="str">
            <v>49812N</v>
          </cell>
          <cell r="B3550" t="str">
            <v>ｼﾝﾜﾌﾞﾂﾘｭｳｼｽﾃﾑ</v>
          </cell>
          <cell r="C3550" t="str">
            <v>（株）伸和物流システム</v>
          </cell>
          <cell r="D3550" t="str">
            <v>久保 和征</v>
          </cell>
          <cell r="E3550" t="str">
            <v>代表取締役</v>
          </cell>
          <cell r="F3550" t="str">
            <v>002-8042</v>
          </cell>
          <cell r="G3550" t="str">
            <v>北区東茨戸２－１－６９－１</v>
          </cell>
          <cell r="H3550" t="str">
            <v>771-2254</v>
          </cell>
          <cell r="I3550" t="str">
            <v>771-2261</v>
          </cell>
        </row>
        <row r="3551">
          <cell r="A3551" t="str">
            <v>49813Y</v>
          </cell>
          <cell r="B3551" t="str">
            <v>ｼｰ･ｲｰ･ｻｰﾋﾞｽ</v>
          </cell>
          <cell r="C3551" t="str">
            <v>（株）シー・イー・サービス</v>
          </cell>
          <cell r="D3551" t="str">
            <v>宿南 滋</v>
          </cell>
          <cell r="E3551" t="str">
            <v>代表取締役社長</v>
          </cell>
          <cell r="F3551" t="str">
            <v>062-0032</v>
          </cell>
          <cell r="G3551" t="str">
            <v>豊平区西岡２－８－５－２７</v>
          </cell>
          <cell r="H3551" t="str">
            <v>855-4440</v>
          </cell>
          <cell r="I3551" t="str">
            <v>854-3231</v>
          </cell>
        </row>
        <row r="3552">
          <cell r="A3552" t="str">
            <v>49819V</v>
          </cell>
          <cell r="B3552" t="str">
            <v>ｺｸﾄﾞｶﾝｷｮｳ</v>
          </cell>
          <cell r="C3552" t="str">
            <v>国土環境（株）</v>
          </cell>
          <cell r="D3552" t="str">
            <v>下野 雅之</v>
          </cell>
          <cell r="E3552" t="str">
            <v>取締役社長</v>
          </cell>
          <cell r="F3552" t="str">
            <v>154-8585</v>
          </cell>
          <cell r="G3552" t="str">
            <v>東京都世田谷区駒沢３－１５－１</v>
          </cell>
          <cell r="H3552" t="str">
            <v>03-4544-7606</v>
          </cell>
          <cell r="I3552" t="str">
            <v>03-4544-7706</v>
          </cell>
        </row>
        <row r="3553">
          <cell r="A3553" t="str">
            <v>50004N</v>
          </cell>
          <cell r="B3553" t="str">
            <v>ｽﾅﾊﾗｾﾂﾋﾞｺｳｷﾞｮｳ</v>
          </cell>
          <cell r="C3553" t="str">
            <v>砂原設備工業（株）</v>
          </cell>
          <cell r="D3553" t="str">
            <v>砂原 雅治</v>
          </cell>
          <cell r="E3553" t="str">
            <v>代表取締役</v>
          </cell>
          <cell r="F3553" t="str">
            <v>063-0052</v>
          </cell>
          <cell r="G3553" t="str">
            <v>西区宮の沢２－３－１０－２</v>
          </cell>
          <cell r="H3553" t="str">
            <v>661-1941</v>
          </cell>
          <cell r="I3553" t="str">
            <v>665-5247</v>
          </cell>
        </row>
        <row r="3554">
          <cell r="A3554" t="str">
            <v>50009Z</v>
          </cell>
          <cell r="B3554" t="str">
            <v>ｽﾐｼﾞｭｳｶﾝｷｮｳｴﾝｼﾞﾆｱﾘﾝｸﾞ</v>
          </cell>
          <cell r="C3554" t="str">
            <v>住重環境エンジニアリング（株）</v>
          </cell>
          <cell r="D3554" t="str">
            <v>加固 康二</v>
          </cell>
          <cell r="E3554" t="str">
            <v>代表取締役</v>
          </cell>
          <cell r="F3554" t="str">
            <v>141-8686</v>
          </cell>
          <cell r="G3554" t="str">
            <v>東京都品川区北品川５－９－１１</v>
          </cell>
          <cell r="H3554" t="str">
            <v>03-5421-8489</v>
          </cell>
          <cell r="I3554" t="str">
            <v>03-5421-8491</v>
          </cell>
        </row>
        <row r="3555">
          <cell r="A3555" t="str">
            <v>50022R</v>
          </cell>
          <cell r="B3555" t="str">
            <v>ｽｽﾞｷｹﾝｾﾂ</v>
          </cell>
          <cell r="C3555" t="str">
            <v>スズキ建設（株）</v>
          </cell>
          <cell r="D3555" t="str">
            <v>鈴木 進</v>
          </cell>
          <cell r="E3555" t="str">
            <v>代表取締役</v>
          </cell>
          <cell r="F3555" t="str">
            <v>062-0035</v>
          </cell>
          <cell r="G3555" t="str">
            <v>豊平区西岡５－３－１３－１</v>
          </cell>
          <cell r="H3555" t="str">
            <v>852-0377</v>
          </cell>
          <cell r="I3555" t="str">
            <v>854-5270</v>
          </cell>
        </row>
        <row r="3556">
          <cell r="A3556" t="str">
            <v>50023N</v>
          </cell>
          <cell r="B3556" t="str">
            <v>ｽｽﾞﾗﾝｶﾞﾚｰｼﾞ</v>
          </cell>
          <cell r="C3556" t="str">
            <v>鈴蘭ガレージ（株）</v>
          </cell>
          <cell r="D3556" t="str">
            <v>浅川 通夫</v>
          </cell>
          <cell r="E3556" t="str">
            <v>代表取締役</v>
          </cell>
          <cell r="F3556" t="str">
            <v>063-0029</v>
          </cell>
          <cell r="G3556" t="str">
            <v>西区平和３３５</v>
          </cell>
          <cell r="H3556" t="str">
            <v>661-3410</v>
          </cell>
          <cell r="I3556" t="str">
            <v>661-3482</v>
          </cell>
        </row>
        <row r="3557">
          <cell r="A3557" t="str">
            <v>50027P</v>
          </cell>
          <cell r="B3557" t="str">
            <v>ﾏﾙｹｲｵｶﾓﾄｾﾂﾋﾞｺｳｷﾞｮｳ</v>
          </cell>
          <cell r="C3557" t="str">
            <v>（株）丸恵岡本設備工業</v>
          </cell>
          <cell r="D3557" t="str">
            <v>岡本 一男</v>
          </cell>
          <cell r="E3557" t="str">
            <v>代表取締役</v>
          </cell>
          <cell r="F3557" t="str">
            <v>004-0865</v>
          </cell>
          <cell r="G3557" t="str">
            <v>清田区北野５－２－６－２５</v>
          </cell>
          <cell r="H3557" t="str">
            <v>882-6731</v>
          </cell>
          <cell r="I3557" t="str">
            <v>882-6732</v>
          </cell>
        </row>
        <row r="3558">
          <cell r="A3558" t="str">
            <v>50049V</v>
          </cell>
          <cell r="B3558" t="str">
            <v>ｽｽﾞｷｺｳｷﾞｮｳ</v>
          </cell>
          <cell r="C3558" t="str">
            <v>（株）鈴木工業</v>
          </cell>
          <cell r="D3558" t="str">
            <v>鈴木 光男</v>
          </cell>
          <cell r="E3558" t="str">
            <v>代表取締役</v>
          </cell>
          <cell r="F3558" t="str">
            <v>006-0032</v>
          </cell>
          <cell r="G3558" t="str">
            <v>手稲区稲穂２－５－５－２０</v>
          </cell>
          <cell r="H3558" t="str">
            <v>684-0121</v>
          </cell>
          <cell r="I3558" t="str">
            <v>685-9344</v>
          </cell>
        </row>
        <row r="3559">
          <cell r="A3559" t="str">
            <v>50050S</v>
          </cell>
          <cell r="B3559" t="str">
            <v>ｽｽﾞｷｼｮｳﾃﾝ</v>
          </cell>
          <cell r="C3559" t="str">
            <v>（株）鈴木商店</v>
          </cell>
          <cell r="D3559" t="str">
            <v>木下 晋司</v>
          </cell>
          <cell r="E3559" t="str">
            <v>代表取締役</v>
          </cell>
          <cell r="F3559" t="str">
            <v>004-0862</v>
          </cell>
          <cell r="G3559" t="str">
            <v>清田区北野２－２－２４－５</v>
          </cell>
          <cell r="H3559" t="str">
            <v>881-2429</v>
          </cell>
          <cell r="I3559" t="str">
            <v>881-2567</v>
          </cell>
        </row>
        <row r="3560">
          <cell r="A3560" t="str">
            <v>50078T</v>
          </cell>
          <cell r="B3560" t="str">
            <v>ｽﾀﾞﾃﾞﾝｷｺｳｼﾞ</v>
          </cell>
          <cell r="C3560" t="str">
            <v>（株）須田電気工事</v>
          </cell>
          <cell r="D3560" t="str">
            <v>須田 則夫</v>
          </cell>
          <cell r="E3560" t="str">
            <v>代表取締役</v>
          </cell>
          <cell r="F3560" t="str">
            <v>004-0803</v>
          </cell>
          <cell r="G3560" t="str">
            <v>清田区里塚３－１－６－２２</v>
          </cell>
          <cell r="H3560" t="str">
            <v>881-9765</v>
          </cell>
          <cell r="I3560" t="str">
            <v>882-7977</v>
          </cell>
        </row>
        <row r="3561">
          <cell r="A3561" t="str">
            <v>50081Y</v>
          </cell>
          <cell r="B3561" t="str">
            <v>ｽｷﾞｻﾜﾃﾞﾝｾﾂ</v>
          </cell>
          <cell r="C3561" t="str">
            <v>（有）杉澤電設</v>
          </cell>
          <cell r="D3561" t="str">
            <v>杉澤 均</v>
          </cell>
          <cell r="E3561" t="str">
            <v>代表取締役</v>
          </cell>
          <cell r="F3561" t="str">
            <v>004-0802</v>
          </cell>
          <cell r="G3561" t="str">
            <v>清田区里塚２－５－１３－２０</v>
          </cell>
          <cell r="H3561" t="str">
            <v>885-4791</v>
          </cell>
          <cell r="I3561" t="str">
            <v>885-4877</v>
          </cell>
        </row>
        <row r="3562">
          <cell r="A3562" t="str">
            <v>50803V</v>
          </cell>
          <cell r="B3562" t="str">
            <v>ｽﾐｺｳｺﾝｻﾙﾀﾝﾄ</v>
          </cell>
          <cell r="C3562" t="str">
            <v>住鉱コンサルタント（株）札幌支店</v>
          </cell>
          <cell r="D3562" t="str">
            <v>長谷川 晴民</v>
          </cell>
          <cell r="E3562" t="str">
            <v>支店長</v>
          </cell>
          <cell r="F3562" t="str">
            <v>060-0006</v>
          </cell>
          <cell r="G3562" t="str">
            <v>中央区北６西２２－２－３</v>
          </cell>
          <cell r="H3562" t="str">
            <v>615-1520</v>
          </cell>
          <cell r="I3562" t="str">
            <v>615-1527</v>
          </cell>
        </row>
        <row r="3563">
          <cell r="A3563" t="str">
            <v>50807W</v>
          </cell>
          <cell r="B3563" t="str">
            <v>ｽｳﾘｹｲｶｸ</v>
          </cell>
          <cell r="C3563" t="str">
            <v>（株）数理計画</v>
          </cell>
          <cell r="D3563" t="str">
            <v>村岡 正康</v>
          </cell>
          <cell r="E3563" t="str">
            <v>代表取締役</v>
          </cell>
          <cell r="F3563" t="str">
            <v>101-0064</v>
          </cell>
          <cell r="G3563" t="str">
            <v>東京都千代田区猿楽町２－５－４</v>
          </cell>
          <cell r="H3563" t="str">
            <v>03-3259-6262</v>
          </cell>
          <cell r="I3563" t="str">
            <v>03-3259-6272</v>
          </cell>
        </row>
        <row r="3564">
          <cell r="A3564" t="str">
            <v>51004Z</v>
          </cell>
          <cell r="B3564" t="str">
            <v>ｾｷﾊｸﾎｯｶｲﾂｳｼﾝ</v>
          </cell>
          <cell r="C3564" t="str">
            <v>セキハク北海通信（株）</v>
          </cell>
          <cell r="D3564" t="str">
            <v>石崎 博</v>
          </cell>
          <cell r="E3564" t="str">
            <v>代表取締役</v>
          </cell>
          <cell r="F3564" t="str">
            <v>001-0903</v>
          </cell>
          <cell r="G3564" t="str">
            <v>北区新琴似３－４</v>
          </cell>
          <cell r="H3564" t="str">
            <v>762-4115</v>
          </cell>
          <cell r="I3564" t="str">
            <v>762-4120</v>
          </cell>
        </row>
        <row r="3565">
          <cell r="A3565" t="str">
            <v>51006T</v>
          </cell>
          <cell r="B3565" t="str">
            <v>ｾﾝｼｮｳｴﾝｼﾞﾆｱﾘﾝｸﾞ</v>
          </cell>
          <cell r="C3565" t="str">
            <v>千翔エンジニアリング（株）</v>
          </cell>
          <cell r="D3565" t="str">
            <v>稲見 孝明</v>
          </cell>
          <cell r="E3565" t="str">
            <v>代表取締役</v>
          </cell>
          <cell r="F3565" t="str">
            <v>065-0023</v>
          </cell>
          <cell r="G3565" t="str">
            <v>東区北２３東１０－１－７</v>
          </cell>
          <cell r="H3565" t="str">
            <v>721-8921</v>
          </cell>
          <cell r="I3565" t="str">
            <v>721-0116</v>
          </cell>
        </row>
        <row r="3566">
          <cell r="A3566" t="str">
            <v>51012R</v>
          </cell>
          <cell r="B3566" t="str">
            <v>ｾﾌﾟﾛ</v>
          </cell>
          <cell r="C3566" t="str">
            <v>（株）セプロ</v>
          </cell>
          <cell r="D3566" t="str">
            <v>阿部 光行</v>
          </cell>
          <cell r="E3566" t="str">
            <v>代表取締役</v>
          </cell>
          <cell r="F3566" t="str">
            <v>063-0038</v>
          </cell>
          <cell r="G3566" t="str">
            <v>西区西野８－２－１１－１６</v>
          </cell>
          <cell r="H3566" t="str">
            <v>666-7631</v>
          </cell>
          <cell r="I3566" t="str">
            <v>666-6331</v>
          </cell>
        </row>
        <row r="3567">
          <cell r="A3567" t="str">
            <v>51014Y</v>
          </cell>
          <cell r="B3567" t="str">
            <v>ﾎｯｶｲﾄﾞｳｴｽ･ﾃｨ･ｴｽ</v>
          </cell>
          <cell r="C3567" t="str">
            <v>北海道エス・ティ・エス（株）</v>
          </cell>
          <cell r="D3567" t="str">
            <v>伊藤 保正</v>
          </cell>
          <cell r="E3567" t="str">
            <v>代表取締役</v>
          </cell>
          <cell r="F3567" t="str">
            <v>060-0001</v>
          </cell>
          <cell r="G3567" t="str">
            <v>中央区北１西９－３</v>
          </cell>
          <cell r="H3567" t="str">
            <v>261-5755</v>
          </cell>
          <cell r="I3567" t="str">
            <v>261-5756</v>
          </cell>
        </row>
        <row r="3568">
          <cell r="A3568" t="str">
            <v>51015V</v>
          </cell>
          <cell r="B3568" t="str">
            <v>ｴﾇｴｲﾁｹｲｱｲﾃｯｸ</v>
          </cell>
          <cell r="C3568" t="str">
            <v>（株）エヌエイチケイアイテック札幌支社</v>
          </cell>
          <cell r="D3568" t="str">
            <v>菊地 豊</v>
          </cell>
          <cell r="E3568" t="str">
            <v>支社長</v>
          </cell>
          <cell r="F3568" t="str">
            <v>062-0931</v>
          </cell>
          <cell r="G3568" t="str">
            <v>豊平区平岸１－２－１０－４</v>
          </cell>
          <cell r="H3568" t="str">
            <v>823-5678</v>
          </cell>
          <cell r="I3568" t="str">
            <v>823-5720</v>
          </cell>
        </row>
        <row r="3569">
          <cell r="A3569" t="str">
            <v>51016S</v>
          </cell>
          <cell r="B3569" t="str">
            <v>ｾﾝﾖｳｺｳｷﾞｮｳ</v>
          </cell>
          <cell r="C3569" t="str">
            <v>泉陽興業（株）</v>
          </cell>
          <cell r="D3569" t="str">
            <v>山田 三郎</v>
          </cell>
          <cell r="E3569" t="str">
            <v>代表取締役</v>
          </cell>
          <cell r="F3569" t="str">
            <v>556-0016</v>
          </cell>
          <cell r="G3569" t="str">
            <v>大阪市浪速区元町１－８－１５</v>
          </cell>
          <cell r="H3569" t="str">
            <v>06-6632-1051</v>
          </cell>
          <cell r="I3569" t="str">
            <v>06-6632-1060</v>
          </cell>
        </row>
        <row r="3570">
          <cell r="A3570" t="str">
            <v>51401X</v>
          </cell>
          <cell r="B3570" t="str">
            <v>ｾｲﾘﾂｳﾝﾕ</v>
          </cell>
          <cell r="C3570" t="str">
            <v>聖立運輸（有）</v>
          </cell>
          <cell r="D3570" t="str">
            <v>浦田 忠一</v>
          </cell>
          <cell r="E3570" t="str">
            <v>代表取締役</v>
          </cell>
          <cell r="F3570" t="str">
            <v>003-0833</v>
          </cell>
          <cell r="G3570" t="str">
            <v>白石区北郷３－２－１－３</v>
          </cell>
          <cell r="H3570" t="str">
            <v>871-0855</v>
          </cell>
          <cell r="I3570" t="str">
            <v>871-0842</v>
          </cell>
        </row>
        <row r="3571">
          <cell r="A3571" t="str">
            <v>51511S</v>
          </cell>
          <cell r="B3571" t="str">
            <v>ｿｳｴｲｾﾂﾋﾞｺｳｷﾞｮｳ</v>
          </cell>
          <cell r="C3571" t="str">
            <v>（株）桑栄設備工業</v>
          </cell>
          <cell r="D3571" t="str">
            <v>志田 孝悦</v>
          </cell>
          <cell r="E3571" t="str">
            <v>代表取締役</v>
          </cell>
          <cell r="F3571" t="str">
            <v>007-0870</v>
          </cell>
          <cell r="G3571" t="str">
            <v>東区伏古１０－１－１１－６</v>
          </cell>
          <cell r="H3571" t="str">
            <v>783-7735</v>
          </cell>
          <cell r="I3571" t="str">
            <v>783-7587</v>
          </cell>
        </row>
        <row r="3572">
          <cell r="A3572" t="str">
            <v>51529V</v>
          </cell>
          <cell r="B3572" t="str">
            <v>ｿｳｴｲｺｳｷﾞｮｳ</v>
          </cell>
          <cell r="C3572" t="str">
            <v>倉英興業（株）</v>
          </cell>
          <cell r="D3572" t="str">
            <v>中野 攻</v>
          </cell>
          <cell r="E3572" t="str">
            <v>取締役社長</v>
          </cell>
          <cell r="F3572" t="str">
            <v>053-0033</v>
          </cell>
          <cell r="G3572" t="str">
            <v>苫小牧市木場町２－９－６</v>
          </cell>
          <cell r="H3572" t="str">
            <v>0144-32-0515</v>
          </cell>
          <cell r="I3572" t="str">
            <v>0144-32-6099</v>
          </cell>
        </row>
        <row r="3573">
          <cell r="A3573" t="str">
            <v>51557W</v>
          </cell>
          <cell r="B3573" t="str">
            <v>ｿｰｹﾝｺﾝｻﾙ</v>
          </cell>
          <cell r="C3573" t="str">
            <v>ソーケンコンサル（株）</v>
          </cell>
          <cell r="D3573" t="str">
            <v>能町 曉彦</v>
          </cell>
          <cell r="E3573" t="str">
            <v>代表取締役</v>
          </cell>
          <cell r="F3573" t="str">
            <v>060-0042</v>
          </cell>
          <cell r="G3573" t="str">
            <v>中央区大通西１３－４－１６１</v>
          </cell>
          <cell r="H3573" t="str">
            <v>272-0633</v>
          </cell>
          <cell r="I3573" t="str">
            <v>272-0635</v>
          </cell>
        </row>
        <row r="3574">
          <cell r="A3574" t="str">
            <v>51566X</v>
          </cell>
          <cell r="B3574" t="str">
            <v>ｿﾗﾁｺｳｻﾝ</v>
          </cell>
          <cell r="C3574" t="str">
            <v>空知興産（株）</v>
          </cell>
          <cell r="D3574" t="str">
            <v>佐藤 和男</v>
          </cell>
          <cell r="E3574" t="str">
            <v>代表取締役社長</v>
          </cell>
          <cell r="F3574" t="str">
            <v>073-0033</v>
          </cell>
          <cell r="G3574" t="str">
            <v>滝川市新町６－３－２０</v>
          </cell>
          <cell r="H3574" t="str">
            <v>0125-23-2861</v>
          </cell>
          <cell r="I3574" t="str">
            <v>0125-23-0906</v>
          </cell>
        </row>
        <row r="3575">
          <cell r="A3575" t="str">
            <v>51901W</v>
          </cell>
          <cell r="B3575" t="str">
            <v>ｴﾙｷﾞｼﾞｭﾂｺﾝｻﾙﾀﾝﾄ</v>
          </cell>
          <cell r="C3575" t="str">
            <v>（株）エル技術コンサルタント</v>
          </cell>
          <cell r="D3575" t="str">
            <v>小林 孝</v>
          </cell>
          <cell r="E3575" t="str">
            <v>代表取締役</v>
          </cell>
          <cell r="F3575" t="str">
            <v>060-0005</v>
          </cell>
          <cell r="G3575" t="str">
            <v>中央区北５西１２－２</v>
          </cell>
          <cell r="H3575" t="str">
            <v>261-0931</v>
          </cell>
          <cell r="I3575" t="str">
            <v>261-0940</v>
          </cell>
        </row>
        <row r="3576">
          <cell r="A3576" t="str">
            <v>52002R</v>
          </cell>
          <cell r="B3576" t="str">
            <v>ﾀｲﾖｳ</v>
          </cell>
          <cell r="C3576" t="str">
            <v>タイヨウ（株）</v>
          </cell>
          <cell r="D3576" t="str">
            <v>桑島 弘平</v>
          </cell>
          <cell r="E3576" t="str">
            <v>代表取締役</v>
          </cell>
          <cell r="F3576" t="str">
            <v>004-0053</v>
          </cell>
          <cell r="G3576" t="str">
            <v>厚別区厚別中央３－２－１－４１</v>
          </cell>
          <cell r="H3576" t="str">
            <v>891-1101</v>
          </cell>
          <cell r="I3576" t="str">
            <v>891-1131</v>
          </cell>
        </row>
        <row r="3577">
          <cell r="A3577" t="str">
            <v>52003N</v>
          </cell>
          <cell r="B3577" t="str">
            <v>ﾀﾞｲﾄﾞｳﾎﾄﾞｳ</v>
          </cell>
          <cell r="C3577" t="str">
            <v>大同舗道（株）</v>
          </cell>
          <cell r="D3577" t="str">
            <v>岩田 基義</v>
          </cell>
          <cell r="E3577" t="str">
            <v>取締役社長</v>
          </cell>
          <cell r="F3577" t="str">
            <v>060-0032</v>
          </cell>
          <cell r="G3577" t="str">
            <v>中央区北２東１７－２</v>
          </cell>
          <cell r="H3577" t="str">
            <v>241-1211</v>
          </cell>
          <cell r="I3577" t="str">
            <v>241-1356</v>
          </cell>
        </row>
        <row r="3578">
          <cell r="A3578" t="str">
            <v>52008Z</v>
          </cell>
          <cell r="B3578" t="str">
            <v>ﾀﾞｲｷｮｳｹﾝｾﾂ</v>
          </cell>
          <cell r="C3578" t="str">
            <v>大協建設（株）</v>
          </cell>
          <cell r="D3578" t="str">
            <v>大高 紘一</v>
          </cell>
          <cell r="E3578" t="str">
            <v>代表取締役</v>
          </cell>
          <cell r="F3578" t="str">
            <v>007-0803</v>
          </cell>
          <cell r="G3578" t="str">
            <v>東区東苗穂３－１－１０－１９</v>
          </cell>
          <cell r="H3578" t="str">
            <v>782-7386</v>
          </cell>
          <cell r="I3578" t="str">
            <v>782-7399</v>
          </cell>
        </row>
        <row r="3579">
          <cell r="A3579" t="str">
            <v>52011S</v>
          </cell>
          <cell r="B3579" t="str">
            <v>ﾀｶｼﾏﾄﾞｹﾝ</v>
          </cell>
          <cell r="C3579" t="str">
            <v>高島土建（株）</v>
          </cell>
          <cell r="D3579" t="str">
            <v>高島 正三</v>
          </cell>
          <cell r="E3579" t="str">
            <v>代表取締役</v>
          </cell>
          <cell r="F3579" t="str">
            <v>061-2261</v>
          </cell>
          <cell r="G3579" t="str">
            <v>南区簾舞１－４－３－１６</v>
          </cell>
          <cell r="H3579" t="str">
            <v>596-2311</v>
          </cell>
          <cell r="I3579" t="str">
            <v>596-3125</v>
          </cell>
        </row>
        <row r="3580">
          <cell r="A3580" t="str">
            <v>52016R</v>
          </cell>
          <cell r="B3580" t="str">
            <v>ﾀｶｼﾞｭｳｿﾞｳｴﾝ</v>
          </cell>
          <cell r="C3580" t="str">
            <v>（株）高重造園</v>
          </cell>
          <cell r="D3580" t="str">
            <v>佐和田 敏雄</v>
          </cell>
          <cell r="E3580" t="str">
            <v>代表取締役</v>
          </cell>
          <cell r="F3580" t="str">
            <v>064-0806</v>
          </cell>
          <cell r="G3580" t="str">
            <v>中央区南６西２６－４－１</v>
          </cell>
          <cell r="H3580" t="str">
            <v>551-1765</v>
          </cell>
          <cell r="I3580" t="str">
            <v>551-1764</v>
          </cell>
        </row>
        <row r="3581">
          <cell r="A3581" t="str">
            <v>52024W</v>
          </cell>
          <cell r="B3581" t="str">
            <v>ﾀｲﾖｳﾃﾞﾝｾﾂ</v>
          </cell>
          <cell r="C3581" t="str">
            <v>太陽電設（株）</v>
          </cell>
          <cell r="D3581" t="str">
            <v>広田 凱則</v>
          </cell>
          <cell r="E3581" t="str">
            <v>代表取締役</v>
          </cell>
          <cell r="F3581" t="str">
            <v>060-0032</v>
          </cell>
          <cell r="G3581" t="str">
            <v>中央区北２東９－９１－１０</v>
          </cell>
          <cell r="H3581" t="str">
            <v>241-1533</v>
          </cell>
          <cell r="I3581" t="str">
            <v>222-7485</v>
          </cell>
        </row>
        <row r="3582">
          <cell r="A3582" t="str">
            <v>52025S</v>
          </cell>
          <cell r="B3582" t="str">
            <v>ﾀｸﾎｸﾃﾞﾝｷﾞｮｳ</v>
          </cell>
          <cell r="C3582" t="str">
            <v>拓北電業（株）</v>
          </cell>
          <cell r="D3582" t="str">
            <v>鈴木 暁彦</v>
          </cell>
          <cell r="E3582" t="str">
            <v>代表取締役社長</v>
          </cell>
          <cell r="F3582" t="str">
            <v>060-0008</v>
          </cell>
          <cell r="G3582" t="str">
            <v>中央区北８西２０－２－１０</v>
          </cell>
          <cell r="H3582" t="str">
            <v>644-4151</v>
          </cell>
          <cell r="I3582" t="str">
            <v>644-4249</v>
          </cell>
        </row>
        <row r="3583">
          <cell r="A3583" t="str">
            <v>52027Z</v>
          </cell>
          <cell r="B3583" t="str">
            <v>ﾀｲｾｲﾃﾞﾝｷ</v>
          </cell>
          <cell r="C3583" t="str">
            <v>大成電気（株）</v>
          </cell>
          <cell r="D3583" t="str">
            <v>小野寺 涼一</v>
          </cell>
          <cell r="E3583" t="str">
            <v>取締役社長</v>
          </cell>
          <cell r="F3583" t="str">
            <v>065-0015</v>
          </cell>
          <cell r="G3583" t="str">
            <v>東区北１５東１２</v>
          </cell>
          <cell r="H3583" t="str">
            <v>721-1501</v>
          </cell>
          <cell r="I3583" t="str">
            <v>741-6579</v>
          </cell>
        </row>
        <row r="3584">
          <cell r="A3584" t="str">
            <v>52038W</v>
          </cell>
          <cell r="B3584" t="str">
            <v>ﾀﾈﾑﾗﾊｲｶﾝｺｳｷﾞｮｳ</v>
          </cell>
          <cell r="C3584" t="str">
            <v>（株）種村配管工業</v>
          </cell>
          <cell r="D3584" t="str">
            <v>種村 英吉</v>
          </cell>
          <cell r="E3584" t="str">
            <v>代表取締役</v>
          </cell>
          <cell r="F3584" t="str">
            <v>851-1379</v>
          </cell>
          <cell r="G3584" t="str">
            <v>豊平区月寒東４－１６－５－１</v>
          </cell>
          <cell r="H3584" t="str">
            <v>851-1379</v>
          </cell>
          <cell r="I3584" t="str">
            <v>851-6228</v>
          </cell>
        </row>
        <row r="3585">
          <cell r="A3585" t="str">
            <v>52042Y</v>
          </cell>
          <cell r="B3585" t="str">
            <v>ﾀﾞｲﾜｷﾞｹﾝ</v>
          </cell>
          <cell r="C3585" t="str">
            <v>大和技建（株）</v>
          </cell>
          <cell r="D3585" t="str">
            <v>黒坂 丈夫</v>
          </cell>
          <cell r="E3585" t="str">
            <v>代表取締役</v>
          </cell>
          <cell r="F3585" t="str">
            <v>003-0026</v>
          </cell>
          <cell r="G3585" t="str">
            <v>白石区本通１南４－１５幸ビル</v>
          </cell>
          <cell r="H3585" t="str">
            <v>865-8201</v>
          </cell>
          <cell r="I3585" t="str">
            <v>865-8796</v>
          </cell>
        </row>
        <row r="3586">
          <cell r="A3586" t="str">
            <v>52047X</v>
          </cell>
          <cell r="B3586" t="str">
            <v>ﾀｲﾍｲｴﾝｼﾞﾆｱﾘﾝｸﾞ</v>
          </cell>
          <cell r="C3586" t="str">
            <v>（株）太平エンジニアリング札幌支店</v>
          </cell>
          <cell r="D3586" t="str">
            <v>宮本 南海</v>
          </cell>
          <cell r="E3586" t="str">
            <v>常務取締役支店長</v>
          </cell>
          <cell r="F3586" t="str">
            <v>060-0907</v>
          </cell>
          <cell r="G3586" t="str">
            <v>東区北７東６－１８－９</v>
          </cell>
          <cell r="H3586" t="str">
            <v>722-1155</v>
          </cell>
          <cell r="I3586" t="str">
            <v>722-1156</v>
          </cell>
        </row>
        <row r="3587">
          <cell r="A3587" t="str">
            <v>52064R</v>
          </cell>
          <cell r="B3587" t="str">
            <v>ﾀｲｾｲｺｳｷ</v>
          </cell>
          <cell r="C3587" t="str">
            <v>大成工機（株）</v>
          </cell>
          <cell r="D3587" t="str">
            <v>森下 雄輔</v>
          </cell>
          <cell r="E3587" t="str">
            <v>代表取締役</v>
          </cell>
          <cell r="F3587" t="str">
            <v>007-0838</v>
          </cell>
          <cell r="G3587" t="str">
            <v>東区北３８東５－１－２</v>
          </cell>
          <cell r="H3587" t="str">
            <v>711-8455</v>
          </cell>
          <cell r="I3587" t="str">
            <v>752-7370</v>
          </cell>
        </row>
        <row r="3588">
          <cell r="A3588" t="str">
            <v>52084N</v>
          </cell>
          <cell r="B3588" t="str">
            <v>ﾀﾞｲﾜｺｳｼｮｳﾘｰｽ</v>
          </cell>
          <cell r="C3588" t="str">
            <v>大和工商リース（株）札幌支店</v>
          </cell>
          <cell r="D3588" t="str">
            <v>高川 政明</v>
          </cell>
          <cell r="E3588" t="str">
            <v>支店長</v>
          </cell>
          <cell r="F3588" t="str">
            <v>065-0031</v>
          </cell>
          <cell r="G3588" t="str">
            <v>東区北３１東１９－１－１２</v>
          </cell>
          <cell r="H3588" t="str">
            <v>786-5141</v>
          </cell>
          <cell r="I3588" t="str">
            <v>786-5179</v>
          </cell>
        </row>
        <row r="3589">
          <cell r="A3589" t="str">
            <v>52086V</v>
          </cell>
          <cell r="B3589" t="str">
            <v>ｵﾑﾛﾝ</v>
          </cell>
          <cell r="C3589" t="str">
            <v>オムロン（株）</v>
          </cell>
          <cell r="D3589" t="str">
            <v>作田 久男</v>
          </cell>
          <cell r="E3589" t="str">
            <v>代表取締役社長</v>
          </cell>
          <cell r="F3589" t="str">
            <v>600-8530</v>
          </cell>
          <cell r="G3589" t="str">
            <v>京都市下京区塩小路通堀川東入南不動堂町８</v>
          </cell>
          <cell r="H3589" t="str">
            <v>075-344-7000</v>
          </cell>
          <cell r="I3589" t="str">
            <v>075-344-7001</v>
          </cell>
        </row>
        <row r="3590">
          <cell r="A3590" t="str">
            <v>52094Z</v>
          </cell>
          <cell r="B3590" t="str">
            <v>ﾀﾊﾗｾｲｻｸｼｮ</v>
          </cell>
          <cell r="C3590" t="str">
            <v>（株）田原製作所札幌営業所</v>
          </cell>
          <cell r="D3590" t="str">
            <v>森 正文</v>
          </cell>
          <cell r="E3590" t="str">
            <v>所長</v>
          </cell>
          <cell r="F3590" t="str">
            <v>060-0002</v>
          </cell>
          <cell r="G3590" t="str">
            <v>中央区北２西３－１ 越山ビル６Ｆ</v>
          </cell>
          <cell r="H3590" t="str">
            <v>222-7626</v>
          </cell>
          <cell r="I3590" t="str">
            <v>222-5545</v>
          </cell>
        </row>
        <row r="3591">
          <cell r="A3591" t="str">
            <v>52096T</v>
          </cell>
          <cell r="B3591" t="str">
            <v>ﾀﾞｲｺｰ</v>
          </cell>
          <cell r="C3591" t="str">
            <v>ダイコー（株）札幌営業所</v>
          </cell>
          <cell r="D3591" t="str">
            <v>佐藤 義則</v>
          </cell>
          <cell r="E3591" t="str">
            <v>所長</v>
          </cell>
          <cell r="F3591" t="str">
            <v>060-0806</v>
          </cell>
          <cell r="G3591" t="str">
            <v>北区北６西６－２－２４ 第２山崎ビル９階</v>
          </cell>
          <cell r="H3591" t="str">
            <v>717-0011</v>
          </cell>
          <cell r="I3591" t="str">
            <v>737-5006</v>
          </cell>
        </row>
        <row r="3592">
          <cell r="A3592" t="str">
            <v>52101R</v>
          </cell>
          <cell r="B3592" t="str">
            <v>ｻｯﾎﾟﾛﾀﾞｲﾄｰﾃｸﾉ</v>
          </cell>
          <cell r="C3592" t="str">
            <v>（株）札幌ダイトーテクノ</v>
          </cell>
          <cell r="D3592" t="str">
            <v>泉波 進一</v>
          </cell>
          <cell r="E3592" t="str">
            <v>代表取締役</v>
          </cell>
          <cell r="F3592" t="str">
            <v>065-0016</v>
          </cell>
          <cell r="G3592" t="str">
            <v>東区北１６東１３－１－７</v>
          </cell>
          <cell r="H3592" t="str">
            <v>741-4811</v>
          </cell>
          <cell r="I3592" t="str">
            <v>741-4812</v>
          </cell>
        </row>
        <row r="3593">
          <cell r="A3593" t="str">
            <v>52107Z</v>
          </cell>
          <cell r="B3593" t="str">
            <v>ﾀｲｾｲｶﾝｹﾝｺｳｷﾞｮｳ</v>
          </cell>
          <cell r="C3593" t="str">
            <v>大聖管建工業（株）</v>
          </cell>
          <cell r="D3593" t="str">
            <v>池野 隆春</v>
          </cell>
          <cell r="E3593" t="str">
            <v>代表取締役</v>
          </cell>
          <cell r="F3593" t="str">
            <v>003-0834</v>
          </cell>
          <cell r="G3593" t="str">
            <v>白石区北郷４－８－５－７</v>
          </cell>
          <cell r="H3593" t="str">
            <v>873-7906</v>
          </cell>
          <cell r="I3593" t="str">
            <v>873-7907</v>
          </cell>
        </row>
        <row r="3594">
          <cell r="A3594" t="str">
            <v>52119T</v>
          </cell>
          <cell r="B3594" t="str">
            <v>ﾀﾅｶｼｮｳｼﾞ</v>
          </cell>
          <cell r="C3594" t="str">
            <v>（株）タナカ商事</v>
          </cell>
          <cell r="D3594" t="str">
            <v>田中 勲</v>
          </cell>
          <cell r="E3594" t="str">
            <v>代表取締役</v>
          </cell>
          <cell r="F3594" t="str">
            <v>003-0811</v>
          </cell>
          <cell r="G3594" t="str">
            <v>白石区菊水上町１－１－３２５－５</v>
          </cell>
          <cell r="H3594" t="str">
            <v>815-3601</v>
          </cell>
          <cell r="I3594" t="str">
            <v>815-3605</v>
          </cell>
        </row>
        <row r="3595">
          <cell r="A3595" t="str">
            <v>52120R</v>
          </cell>
          <cell r="B3595" t="str">
            <v>ﾀｶﾗｷｻﾞｲ</v>
          </cell>
          <cell r="C3595" t="str">
            <v>タカラ機材（株）</v>
          </cell>
          <cell r="D3595" t="str">
            <v>福永 好秀</v>
          </cell>
          <cell r="E3595" t="str">
            <v>代表取締役</v>
          </cell>
          <cell r="F3595" t="str">
            <v>060-0807</v>
          </cell>
          <cell r="G3595" t="str">
            <v>北区北７西４－３</v>
          </cell>
          <cell r="H3595" t="str">
            <v>747-6666</v>
          </cell>
          <cell r="I3595" t="str">
            <v>757-5505</v>
          </cell>
        </row>
        <row r="3596">
          <cell r="A3596" t="str">
            <v>52121N</v>
          </cell>
          <cell r="B3596" t="str">
            <v>ﾀｸﾐﾀﾑﾗ</v>
          </cell>
          <cell r="C3596" t="str">
            <v>（有）拓美タムラ</v>
          </cell>
          <cell r="D3596" t="str">
            <v>田村 美佐子</v>
          </cell>
          <cell r="E3596" t="str">
            <v>代表取締役</v>
          </cell>
          <cell r="F3596" t="str">
            <v>005-0805</v>
          </cell>
          <cell r="G3596" t="str">
            <v>南区川沿５－２－１－２５－２０５</v>
          </cell>
          <cell r="H3596" t="str">
            <v>572-9681</v>
          </cell>
          <cell r="I3596" t="str">
            <v>841-2258</v>
          </cell>
        </row>
        <row r="3597">
          <cell r="A3597" t="str">
            <v>52125P</v>
          </cell>
          <cell r="B3597" t="str">
            <v>ﾀﾞｲｲﾁﾃﾞﾝﾊﾟｺｳｷﾞｮｳ</v>
          </cell>
          <cell r="C3597" t="str">
            <v>第一電波工業（株）</v>
          </cell>
          <cell r="D3597" t="str">
            <v>永山 薫</v>
          </cell>
          <cell r="E3597" t="str">
            <v>代表取締役</v>
          </cell>
          <cell r="F3597" t="str">
            <v>003-0823</v>
          </cell>
          <cell r="G3597" t="str">
            <v>白石区菊水元町３－４－６－３</v>
          </cell>
          <cell r="H3597" t="str">
            <v>873-4651</v>
          </cell>
          <cell r="I3597" t="str">
            <v>875-4380</v>
          </cell>
        </row>
        <row r="3598">
          <cell r="A3598" t="str">
            <v>52131Z</v>
          </cell>
          <cell r="B3598" t="str">
            <v>ﾀﾞｲﾄﾞｳﾌﾟﾗｽﾁｯｸｺｳｷﾞｮｳ</v>
          </cell>
          <cell r="C3598" t="str">
            <v>大道プラスチック工業（株）</v>
          </cell>
          <cell r="D3598" t="str">
            <v>南 安雄</v>
          </cell>
          <cell r="E3598" t="str">
            <v>代表取締役</v>
          </cell>
          <cell r="F3598" t="str">
            <v>007-0880</v>
          </cell>
          <cell r="G3598" t="str">
            <v>東区丘珠町６７３</v>
          </cell>
          <cell r="H3598" t="str">
            <v>781-0001</v>
          </cell>
          <cell r="I3598" t="str">
            <v>782-5335</v>
          </cell>
        </row>
        <row r="3599">
          <cell r="A3599" t="str">
            <v>52144R</v>
          </cell>
          <cell r="B3599" t="str">
            <v>ﾀｹﾀﾞｼﾞｭｳﾀｸｾﾂﾋﾞ</v>
          </cell>
          <cell r="C3599" t="str">
            <v>（有）武田住宅設備</v>
          </cell>
          <cell r="D3599" t="str">
            <v>武田 孝一</v>
          </cell>
          <cell r="E3599" t="str">
            <v>代表取締役</v>
          </cell>
          <cell r="F3599" t="str">
            <v>065-0834</v>
          </cell>
          <cell r="G3599" t="str">
            <v>東区北３４東２－１－８</v>
          </cell>
          <cell r="H3599" t="str">
            <v>741-2294</v>
          </cell>
          <cell r="I3599" t="str">
            <v>741-2469</v>
          </cell>
        </row>
        <row r="3600">
          <cell r="A3600" t="str">
            <v>52145Z</v>
          </cell>
          <cell r="B3600" t="str">
            <v>ﾀﾞｲﾜｶｲﾊﾂｺｳｷﾞｮｳ</v>
          </cell>
          <cell r="C3600" t="str">
            <v>大和開発工業（株）</v>
          </cell>
          <cell r="D3600" t="str">
            <v>早坂 和孝</v>
          </cell>
          <cell r="E3600" t="str">
            <v>代表取締役</v>
          </cell>
          <cell r="F3600" t="str">
            <v>001-0915</v>
          </cell>
          <cell r="G3600" t="str">
            <v>北区新琴似町１００６－４</v>
          </cell>
          <cell r="H3600" t="str">
            <v>765-2588</v>
          </cell>
          <cell r="I3600" t="str">
            <v>765-2388</v>
          </cell>
        </row>
        <row r="3601">
          <cell r="A3601" t="str">
            <v>52157T</v>
          </cell>
          <cell r="B3601" t="str">
            <v>ﾀﾅﾍﾞﾊｲｶﾝｺｳｷﾞｮｳｼｮ</v>
          </cell>
          <cell r="C3601" t="str">
            <v>（株）田辺配管工業所</v>
          </cell>
          <cell r="D3601" t="str">
            <v>田辺 正元</v>
          </cell>
          <cell r="E3601" t="str">
            <v>代表取締役</v>
          </cell>
          <cell r="F3601" t="str">
            <v>007-0806</v>
          </cell>
          <cell r="G3601" t="str">
            <v>東区東苗穂６－１－５９１－１０</v>
          </cell>
          <cell r="H3601" t="str">
            <v>785-6740</v>
          </cell>
          <cell r="I3601" t="str">
            <v>785-6701</v>
          </cell>
        </row>
        <row r="3602">
          <cell r="A3602" t="str">
            <v>52173P</v>
          </cell>
          <cell r="B3602" t="str">
            <v>ﾀﾞｲｲﾁｹﾝｺｳ</v>
          </cell>
          <cell r="C3602" t="str">
            <v>第一建興（株）</v>
          </cell>
          <cell r="D3602" t="str">
            <v>高荷 明</v>
          </cell>
          <cell r="E3602" t="str">
            <v>代表取締役社長</v>
          </cell>
          <cell r="F3602" t="str">
            <v>065-0031</v>
          </cell>
          <cell r="G3602" t="str">
            <v>東区北３１東１－１－１５</v>
          </cell>
          <cell r="H3602" t="str">
            <v>751-0410</v>
          </cell>
          <cell r="I3602" t="str">
            <v>752-6227</v>
          </cell>
        </row>
        <row r="3603">
          <cell r="A3603" t="str">
            <v>52178N</v>
          </cell>
          <cell r="B3603" t="str">
            <v>ﾀｲﾎｸｹﾝｾﾂ</v>
          </cell>
          <cell r="C3603" t="str">
            <v>大北建設（株）</v>
          </cell>
          <cell r="D3603" t="str">
            <v>菅原 裕之</v>
          </cell>
          <cell r="E3603" t="str">
            <v>代表取締役</v>
          </cell>
          <cell r="F3603" t="str">
            <v>007-0834</v>
          </cell>
          <cell r="G3603" t="str">
            <v>東区北３４東８－３－５</v>
          </cell>
          <cell r="H3603" t="str">
            <v>753-2221</v>
          </cell>
          <cell r="I3603" t="str">
            <v>742-7372</v>
          </cell>
        </row>
        <row r="3604">
          <cell r="A3604" t="str">
            <v>52179Y</v>
          </cell>
          <cell r="B3604" t="str">
            <v>ﾀﾅｶｳﾝﾕｹﾝｾﾂ</v>
          </cell>
          <cell r="C3604" t="str">
            <v>田中運輸建設（株）</v>
          </cell>
          <cell r="D3604" t="str">
            <v>田中 幹大</v>
          </cell>
          <cell r="E3604" t="str">
            <v>代表取締役</v>
          </cell>
          <cell r="F3604" t="str">
            <v>003-0021</v>
          </cell>
          <cell r="G3604" t="str">
            <v>白石区栄通２－９－２７</v>
          </cell>
          <cell r="H3604" t="str">
            <v>851-8221</v>
          </cell>
          <cell r="I3604" t="str">
            <v>855-0581</v>
          </cell>
        </row>
        <row r="3605">
          <cell r="A3605" t="str">
            <v>52189X</v>
          </cell>
          <cell r="B3605" t="str">
            <v>ﾀﾓﾘｾﾂﾋﾞｺｳｷﾞｮｳ</v>
          </cell>
          <cell r="C3605" t="str">
            <v>（有）タモリ設備工業</v>
          </cell>
          <cell r="D3605" t="str">
            <v>田森 勝司</v>
          </cell>
          <cell r="E3605" t="str">
            <v>代表取締役</v>
          </cell>
          <cell r="F3605" t="str">
            <v>064-0914</v>
          </cell>
          <cell r="G3605" t="str">
            <v>中央区南１４西６－５－１６－５１１</v>
          </cell>
          <cell r="H3605" t="str">
            <v>511-4196</v>
          </cell>
          <cell r="I3605" t="str">
            <v>511-0741</v>
          </cell>
        </row>
        <row r="3606">
          <cell r="A3606" t="str">
            <v>52193Z</v>
          </cell>
          <cell r="B3606" t="str">
            <v>ﾀﾝｾｲｼｬ</v>
          </cell>
          <cell r="C3606" t="str">
            <v>（株）丹青社</v>
          </cell>
          <cell r="D3606" t="str">
            <v>渡辺 亮</v>
          </cell>
          <cell r="E3606" t="str">
            <v>代表取締役社長</v>
          </cell>
          <cell r="F3606" t="str">
            <v>110-8549</v>
          </cell>
          <cell r="G3606" t="str">
            <v>東京都台東区上野５－２－２</v>
          </cell>
          <cell r="H3606" t="str">
            <v>03-3836-7221</v>
          </cell>
          <cell r="I3606" t="str">
            <v>03-3836-3303</v>
          </cell>
        </row>
        <row r="3607">
          <cell r="A3607" t="str">
            <v>52203W</v>
          </cell>
          <cell r="B3607" t="str">
            <v>ﾀﾞｲｹﾝｷｿｳ</v>
          </cell>
          <cell r="C3607" t="str">
            <v>大研機装（株）</v>
          </cell>
          <cell r="D3607" t="str">
            <v>森谷 稔</v>
          </cell>
          <cell r="E3607" t="str">
            <v>代表取締役</v>
          </cell>
          <cell r="F3607" t="str">
            <v>062-0004</v>
          </cell>
          <cell r="G3607" t="str">
            <v>豊平区美園４－１－４－１７</v>
          </cell>
          <cell r="H3607" t="str">
            <v>812-3951</v>
          </cell>
          <cell r="I3607" t="str">
            <v>811-4232</v>
          </cell>
        </row>
        <row r="3608">
          <cell r="A3608" t="str">
            <v>52236W</v>
          </cell>
          <cell r="B3608" t="str">
            <v>ﾀﾞｲｼﾝ</v>
          </cell>
          <cell r="C3608" t="str">
            <v>（株）大伸</v>
          </cell>
          <cell r="D3608" t="str">
            <v>太田 孝行</v>
          </cell>
          <cell r="E3608" t="str">
            <v>代表取締役</v>
          </cell>
          <cell r="F3608" t="str">
            <v>004-0032</v>
          </cell>
          <cell r="G3608" t="str">
            <v>厚別区上野幌２－３－１－１６</v>
          </cell>
          <cell r="H3608" t="str">
            <v>891-9051</v>
          </cell>
          <cell r="I3608" t="str">
            <v>891-9052</v>
          </cell>
        </row>
        <row r="3609">
          <cell r="A3609" t="str">
            <v>52237T</v>
          </cell>
          <cell r="B3609" t="str">
            <v>ﾀﾞｲﾏﾙｺｳｷﾞｮｳ</v>
          </cell>
          <cell r="C3609" t="str">
            <v>大丸工業（株）</v>
          </cell>
          <cell r="D3609" t="str">
            <v>奥田 進</v>
          </cell>
          <cell r="E3609" t="str">
            <v>代表取締役</v>
          </cell>
          <cell r="F3609" t="str">
            <v>065-0025</v>
          </cell>
          <cell r="G3609" t="str">
            <v>東区北２５東１６－２－１５</v>
          </cell>
          <cell r="H3609" t="str">
            <v>786-6630</v>
          </cell>
          <cell r="I3609" t="str">
            <v>786-6473</v>
          </cell>
        </row>
        <row r="3610">
          <cell r="A3610" t="str">
            <v>52242T</v>
          </cell>
          <cell r="B3610" t="str">
            <v>ﾀｲｼｮｳｷｶｸ</v>
          </cell>
          <cell r="C3610" t="str">
            <v>（有）大商企画</v>
          </cell>
          <cell r="D3610" t="str">
            <v>田中 唯信</v>
          </cell>
          <cell r="E3610" t="str">
            <v>代表取締役</v>
          </cell>
          <cell r="F3610" t="str">
            <v>002-8021</v>
          </cell>
          <cell r="G3610" t="str">
            <v>北区篠路１－１０－８－１１</v>
          </cell>
          <cell r="H3610" t="str">
            <v>776-3822</v>
          </cell>
          <cell r="I3610" t="str">
            <v>776-3823</v>
          </cell>
        </row>
        <row r="3611">
          <cell r="A3611" t="str">
            <v>52257R</v>
          </cell>
          <cell r="B3611" t="str">
            <v>ﾀﾞｲﾎｸｺｳｷﾞｮｳ</v>
          </cell>
          <cell r="C3611" t="str">
            <v>大北工業（有）</v>
          </cell>
          <cell r="D3611" t="str">
            <v>笹 英雄</v>
          </cell>
          <cell r="E3611" t="str">
            <v>代表取締役</v>
          </cell>
          <cell r="F3611" t="str">
            <v>003-0834</v>
          </cell>
          <cell r="G3611" t="str">
            <v>白石区北郷４－８－７－９</v>
          </cell>
          <cell r="H3611" t="str">
            <v>874-4173</v>
          </cell>
          <cell r="I3611" t="str">
            <v>871-7123</v>
          </cell>
        </row>
        <row r="3612">
          <cell r="A3612" t="str">
            <v>52302W</v>
          </cell>
          <cell r="B3612" t="str">
            <v>ﾀｹﾇｷﾊｲｶﾝｺｳｷﾞｮｳｼｮ</v>
          </cell>
          <cell r="C3612" t="str">
            <v>（有）竹貫配管工業所</v>
          </cell>
          <cell r="D3612" t="str">
            <v>竹貫 八朗</v>
          </cell>
          <cell r="E3612" t="str">
            <v>代表取締役</v>
          </cell>
          <cell r="F3612" t="str">
            <v>062-0043</v>
          </cell>
          <cell r="G3612" t="str">
            <v>豊平区福住３－７－１－８</v>
          </cell>
          <cell r="H3612" t="str">
            <v>851-0355</v>
          </cell>
          <cell r="I3612" t="str">
            <v>851-0355</v>
          </cell>
        </row>
        <row r="3613">
          <cell r="A3613" t="str">
            <v>52320Y</v>
          </cell>
          <cell r="B3613" t="str">
            <v>ﾀﾆﾉｾﾂﾋﾞｺｳｷﾞｮｳ</v>
          </cell>
          <cell r="C3613" t="str">
            <v>谷野設備工業（株）</v>
          </cell>
          <cell r="D3613" t="str">
            <v>谷野 昭雄</v>
          </cell>
          <cell r="E3613" t="str">
            <v>代表取締役</v>
          </cell>
          <cell r="F3613" t="str">
            <v>003-0826</v>
          </cell>
          <cell r="G3613" t="str">
            <v>白石区菊水元町６－３－２６</v>
          </cell>
          <cell r="H3613" t="str">
            <v>875-5881</v>
          </cell>
          <cell r="I3613" t="str">
            <v>875-5891</v>
          </cell>
        </row>
        <row r="3614">
          <cell r="A3614" t="str">
            <v>52321W</v>
          </cell>
          <cell r="B3614" t="str">
            <v>ﾀﾝｾｲｹﾝｷﾕｳｼﾖ</v>
          </cell>
          <cell r="C3614" t="str">
            <v>（株）丹青研究所</v>
          </cell>
          <cell r="D3614" t="str">
            <v>澤田 尚幸</v>
          </cell>
          <cell r="E3614" t="str">
            <v>代表取締役</v>
          </cell>
          <cell r="F3614" t="str">
            <v>110-0005</v>
          </cell>
          <cell r="G3614" t="str">
            <v>東京都台東区上野５－３－４</v>
          </cell>
          <cell r="H3614" t="str">
            <v>03-3836-7600</v>
          </cell>
          <cell r="I3614" t="str">
            <v>03-3836-7620</v>
          </cell>
        </row>
        <row r="3615">
          <cell r="A3615" t="str">
            <v>52322T</v>
          </cell>
          <cell r="B3615" t="str">
            <v>ﾀﾞｲｾﾞﾝｲｼﾞｹﾝｾﾂ</v>
          </cell>
          <cell r="C3615" t="str">
            <v>大善維持建設（株）</v>
          </cell>
          <cell r="D3615" t="str">
            <v>櫻田 孝</v>
          </cell>
          <cell r="E3615" t="str">
            <v>代表取締役</v>
          </cell>
          <cell r="F3615" t="str">
            <v>060-0032</v>
          </cell>
          <cell r="G3615" t="str">
            <v>中央区北２東１２－９８－１２ＲＳビル</v>
          </cell>
          <cell r="H3615" t="str">
            <v>209-9339</v>
          </cell>
          <cell r="I3615" t="str">
            <v>209-9340</v>
          </cell>
        </row>
        <row r="3616">
          <cell r="A3616" t="str">
            <v>52328P</v>
          </cell>
          <cell r="B3616" t="str">
            <v>ﾀｹｳﾁｿﾞｳｴﾝ</v>
          </cell>
          <cell r="C3616" t="str">
            <v>（株）竹内造園</v>
          </cell>
          <cell r="D3616" t="str">
            <v>竹内 六男</v>
          </cell>
          <cell r="E3616" t="str">
            <v>代表取締役</v>
          </cell>
          <cell r="F3616" t="str">
            <v>004-0004</v>
          </cell>
          <cell r="G3616" t="str">
            <v>厚別区厚別東４－８－１２－１２</v>
          </cell>
          <cell r="H3616" t="str">
            <v>896-7176</v>
          </cell>
          <cell r="I3616" t="str">
            <v>896-7175</v>
          </cell>
        </row>
        <row r="3617">
          <cell r="A3617" t="str">
            <v>52335W</v>
          </cell>
          <cell r="B3617" t="str">
            <v>ﾀﾏﾈｾﾂﾋﾞ</v>
          </cell>
          <cell r="C3617" t="str">
            <v>（有）玉根設備</v>
          </cell>
          <cell r="D3617" t="str">
            <v>玉根 純一</v>
          </cell>
          <cell r="E3617" t="str">
            <v>代表取締役</v>
          </cell>
          <cell r="F3617" t="str">
            <v>062-0033</v>
          </cell>
          <cell r="G3617" t="str">
            <v>豊平区西岡３－８－３－３５</v>
          </cell>
          <cell r="H3617" t="str">
            <v>854-5137</v>
          </cell>
          <cell r="I3617" t="str">
            <v>855-2777</v>
          </cell>
        </row>
        <row r="3618">
          <cell r="A3618" t="str">
            <v>52343N</v>
          </cell>
          <cell r="B3618" t="str">
            <v>ﾀｶﾔｿﾞｳｴﾝ</v>
          </cell>
          <cell r="C3618" t="str">
            <v>タカヤ造園（株）</v>
          </cell>
          <cell r="D3618" t="str">
            <v>高屋 和夫</v>
          </cell>
          <cell r="E3618" t="str">
            <v>代表取締役</v>
          </cell>
          <cell r="F3618" t="str">
            <v>004-0802</v>
          </cell>
          <cell r="G3618" t="str">
            <v>清田区里塚２－１－２－１</v>
          </cell>
          <cell r="H3618" t="str">
            <v>881-7213</v>
          </cell>
          <cell r="I3618" t="str">
            <v>881-4894</v>
          </cell>
        </row>
        <row r="3619">
          <cell r="A3619" t="str">
            <v>52355T</v>
          </cell>
          <cell r="B3619" t="str">
            <v>ﾀｶﾉﾗﾝﾄﾞｽｹｰﾌﾟﾌﾟﾗﾝﾆﾝｸﾞ</v>
          </cell>
          <cell r="C3619" t="str">
            <v>高野ランドスケーププランニング（株）</v>
          </cell>
          <cell r="D3619" t="str">
            <v>高野 文彰</v>
          </cell>
          <cell r="E3619" t="str">
            <v>代表取締役</v>
          </cell>
          <cell r="F3619" t="str">
            <v>080-0344</v>
          </cell>
          <cell r="G3619" t="str">
            <v>河東郡音更町字万年西１－３７</v>
          </cell>
          <cell r="H3619" t="str">
            <v>0155-42-3181</v>
          </cell>
          <cell r="I3619" t="str">
            <v>0155-42-3863</v>
          </cell>
        </row>
        <row r="3620">
          <cell r="A3620" t="str">
            <v>52365S</v>
          </cell>
          <cell r="B3620" t="str">
            <v>ﾀﾞｲﾜﾌﾟﾗﾝﾄｹﾝｾﾂ</v>
          </cell>
          <cell r="C3620" t="str">
            <v>大和プラント建設（株）</v>
          </cell>
          <cell r="D3620" t="str">
            <v>岡田 昭吉</v>
          </cell>
          <cell r="E3620" t="str">
            <v>代表取締役</v>
          </cell>
          <cell r="F3620" t="str">
            <v>060-0063</v>
          </cell>
          <cell r="G3620" t="str">
            <v>中央区南３西１２－３２５－２</v>
          </cell>
          <cell r="H3620" t="str">
            <v>261-1675</v>
          </cell>
          <cell r="I3620" t="str">
            <v>261-2042</v>
          </cell>
        </row>
        <row r="3621">
          <cell r="A3621" t="str">
            <v>52374V</v>
          </cell>
          <cell r="B3621" t="str">
            <v>ﾏﾙｴｲﾔﾏﾄ</v>
          </cell>
          <cell r="C3621" t="str">
            <v>（株）丸英大和</v>
          </cell>
          <cell r="D3621" t="str">
            <v>大和 英夫</v>
          </cell>
          <cell r="E3621" t="str">
            <v>代表取締役</v>
          </cell>
          <cell r="F3621" t="str">
            <v>062-0034</v>
          </cell>
          <cell r="G3621" t="str">
            <v>豊平区西岡４－１０－１５－１</v>
          </cell>
          <cell r="H3621" t="str">
            <v>852-4553</v>
          </cell>
          <cell r="I3621" t="str">
            <v>856-2970</v>
          </cell>
        </row>
        <row r="3622">
          <cell r="A3622" t="str">
            <v>52394S</v>
          </cell>
          <cell r="B3622" t="str">
            <v>ﾀﾞｲｲﾁｺｳｷﾞｮｳ</v>
          </cell>
          <cell r="C3622" t="str">
            <v>第一興業（株）</v>
          </cell>
          <cell r="D3622" t="str">
            <v>谷内 吉雄</v>
          </cell>
          <cell r="E3622" t="str">
            <v>代表取締役</v>
          </cell>
          <cell r="F3622" t="str">
            <v>063-0061</v>
          </cell>
          <cell r="G3622" t="str">
            <v>西区西町北１２－８－２２</v>
          </cell>
          <cell r="H3622" t="str">
            <v>664-8878</v>
          </cell>
          <cell r="I3622" t="str">
            <v>664-8288</v>
          </cell>
        </row>
        <row r="3623">
          <cell r="A3623" t="str">
            <v>52430V</v>
          </cell>
          <cell r="B3623" t="str">
            <v>ﾀｲｾｲｾﾂﾋﾞ</v>
          </cell>
          <cell r="C3623" t="str">
            <v>（株）大成設備</v>
          </cell>
          <cell r="D3623" t="str">
            <v>高橋 彰</v>
          </cell>
          <cell r="E3623" t="str">
            <v>代表取締役</v>
          </cell>
          <cell r="F3623" t="str">
            <v>004-0842</v>
          </cell>
          <cell r="G3623" t="str">
            <v>清田区清田２－１－７－１８</v>
          </cell>
          <cell r="H3623" t="str">
            <v>886-0778</v>
          </cell>
          <cell r="I3623" t="str">
            <v>886-0785</v>
          </cell>
        </row>
        <row r="3624">
          <cell r="A3624" t="str">
            <v>52440T</v>
          </cell>
          <cell r="B3624" t="str">
            <v>ﾀｹﾋﾛﾄﾞﾎﾞｸ</v>
          </cell>
          <cell r="C3624" t="str">
            <v>武洋土木（有）</v>
          </cell>
          <cell r="D3624" t="str">
            <v>齊藤 洋志</v>
          </cell>
          <cell r="E3624" t="str">
            <v>代表取締役</v>
          </cell>
          <cell r="F3624" t="str">
            <v>007-0820</v>
          </cell>
          <cell r="G3624" t="str">
            <v>東区東雁来町３５８－２８</v>
          </cell>
          <cell r="H3624" t="str">
            <v>790-2144</v>
          </cell>
          <cell r="I3624" t="str">
            <v>790-2147</v>
          </cell>
        </row>
        <row r="3625">
          <cell r="A3625" t="str">
            <v>52801X</v>
          </cell>
          <cell r="B3625" t="str">
            <v>ﾀｹｶﾜｿｳｺﾞｳｺﾝｻﾙﾀﾝﾄ</v>
          </cell>
          <cell r="C3625" t="str">
            <v>（株）タケカワ総合コンサルタント</v>
          </cell>
          <cell r="D3625" t="str">
            <v>粟飯原 征一</v>
          </cell>
          <cell r="E3625" t="str">
            <v>代表取締役</v>
          </cell>
          <cell r="F3625" t="str">
            <v>003-0027</v>
          </cell>
          <cell r="G3625" t="str">
            <v>白石区本通６北１－２３</v>
          </cell>
          <cell r="H3625" t="str">
            <v>864-6266</v>
          </cell>
          <cell r="I3625" t="str">
            <v>864-6677</v>
          </cell>
        </row>
        <row r="3626">
          <cell r="A3626" t="str">
            <v>52816V</v>
          </cell>
          <cell r="B3626" t="str">
            <v>ﾀｹﾀﾞｹﾝｾﾂｳﾝﾕ</v>
          </cell>
          <cell r="C3626" t="str">
            <v>（有）武田建設運輸</v>
          </cell>
          <cell r="D3626" t="str">
            <v>武田 竹由</v>
          </cell>
          <cell r="E3626" t="str">
            <v>代表取締役</v>
          </cell>
          <cell r="F3626" t="str">
            <v>006-0032</v>
          </cell>
          <cell r="G3626" t="str">
            <v>手稲区稲穂２－７－５－１０</v>
          </cell>
          <cell r="H3626" t="str">
            <v>682-2673</v>
          </cell>
          <cell r="I3626" t="str">
            <v>682-2680</v>
          </cell>
        </row>
        <row r="3627">
          <cell r="A3627" t="str">
            <v>52818P</v>
          </cell>
          <cell r="B3627" t="str">
            <v>ﾀｲﾖｳｳﾝﾕ</v>
          </cell>
          <cell r="C3627" t="str">
            <v>太陽運輸（株）</v>
          </cell>
          <cell r="D3627" t="str">
            <v>太田 實</v>
          </cell>
          <cell r="E3627" t="str">
            <v>代表取締役</v>
          </cell>
          <cell r="F3627" t="str">
            <v>003-0835</v>
          </cell>
          <cell r="G3627" t="str">
            <v>白石区北郷５－９－８－１８</v>
          </cell>
          <cell r="H3627" t="str">
            <v>874-1730</v>
          </cell>
          <cell r="I3627" t="str">
            <v>377-5608</v>
          </cell>
        </row>
        <row r="3628">
          <cell r="A3628" t="str">
            <v>53002P</v>
          </cell>
          <cell r="B3628" t="str">
            <v>ﾁｭｳﾀﾞｲｼﾞﾂｷﾞｮｳ</v>
          </cell>
          <cell r="C3628" t="str">
            <v>中大実業（株）</v>
          </cell>
          <cell r="D3628" t="str">
            <v>中島 昌八</v>
          </cell>
          <cell r="E3628" t="str">
            <v>代表取締役</v>
          </cell>
          <cell r="F3628" t="str">
            <v>060-0009</v>
          </cell>
          <cell r="G3628" t="str">
            <v>中央区北９西２４－３－１２</v>
          </cell>
          <cell r="H3628" t="str">
            <v>641-8201</v>
          </cell>
          <cell r="I3628" t="str">
            <v>611-8478</v>
          </cell>
        </row>
        <row r="3629">
          <cell r="A3629" t="str">
            <v>53003Z</v>
          </cell>
          <cell r="B3629" t="str">
            <v>ﾁｭｳｵｳｹﾝｾﾂｺｳｷﾞｮｳ</v>
          </cell>
          <cell r="C3629" t="str">
            <v>中央建設工業（株）</v>
          </cell>
          <cell r="D3629" t="str">
            <v>小林 正典</v>
          </cell>
          <cell r="E3629" t="str">
            <v>代表取締役</v>
          </cell>
          <cell r="F3629" t="str">
            <v>007-0834</v>
          </cell>
          <cell r="G3629" t="str">
            <v>東区北３４東１４－２－１－３０５</v>
          </cell>
          <cell r="H3629" t="str">
            <v>753-2352</v>
          </cell>
          <cell r="I3629" t="str">
            <v>753-0983</v>
          </cell>
        </row>
        <row r="3630">
          <cell r="A3630" t="str">
            <v>53048T</v>
          </cell>
          <cell r="B3630" t="str">
            <v>ﾁｭｳﾘﾂｺｳｷﾞｮｳ</v>
          </cell>
          <cell r="C3630" t="str">
            <v>中立工業（株）</v>
          </cell>
          <cell r="D3630" t="str">
            <v>北森 正明</v>
          </cell>
          <cell r="E3630" t="str">
            <v>代表取締役</v>
          </cell>
          <cell r="F3630" t="str">
            <v>063-0062</v>
          </cell>
          <cell r="G3630" t="str">
            <v>西区西町南１２－５－１３</v>
          </cell>
          <cell r="H3630" t="str">
            <v>661-5666</v>
          </cell>
          <cell r="I3630" t="str">
            <v>664-7666</v>
          </cell>
        </row>
        <row r="3631">
          <cell r="A3631" t="str">
            <v>53069N</v>
          </cell>
          <cell r="B3631" t="str">
            <v>ﾁｷｭｳｶｶﾞｸｿｳｺﾞｳｹﾝｷｭｳｼｮ</v>
          </cell>
          <cell r="C3631" t="str">
            <v>（株）地球科学総合研究所</v>
          </cell>
          <cell r="D3631" t="str">
            <v>青木 豊</v>
          </cell>
          <cell r="E3631" t="str">
            <v>代表取締役</v>
          </cell>
          <cell r="F3631" t="str">
            <v>112-0012</v>
          </cell>
          <cell r="G3631" t="str">
            <v>東京都文京区大塚１－５－２１</v>
          </cell>
          <cell r="H3631" t="str">
            <v>03-5978-8021</v>
          </cell>
          <cell r="I3631" t="str">
            <v>03-5978-8060</v>
          </cell>
        </row>
        <row r="3632">
          <cell r="A3632" t="str">
            <v>53071W</v>
          </cell>
          <cell r="B3632" t="str">
            <v>ﾁｲｷｹｲｶｸﾚﾝｺﾞｳ</v>
          </cell>
          <cell r="C3632" t="str">
            <v>（株）地域計画連合</v>
          </cell>
          <cell r="D3632" t="str">
            <v>江田 隆三</v>
          </cell>
          <cell r="E3632" t="str">
            <v>代表取締役</v>
          </cell>
          <cell r="F3632" t="str">
            <v>170-0004</v>
          </cell>
          <cell r="G3632" t="str">
            <v>東京都豊島区北大塚１－１９－１２</v>
          </cell>
          <cell r="H3632" t="str">
            <v>03-5974-2021</v>
          </cell>
          <cell r="I3632" t="str">
            <v>03-5974-5770</v>
          </cell>
        </row>
        <row r="3633">
          <cell r="A3633" t="str">
            <v>53801W</v>
          </cell>
          <cell r="B3633" t="str">
            <v>ﾁﾋﾛｿｸﾘｮｳ</v>
          </cell>
          <cell r="C3633" t="str">
            <v>千廣測量（株）</v>
          </cell>
          <cell r="D3633" t="str">
            <v>千廣 一治</v>
          </cell>
          <cell r="E3633" t="str">
            <v>代表取締役</v>
          </cell>
          <cell r="F3633" t="str">
            <v>064-0810</v>
          </cell>
          <cell r="G3633" t="str">
            <v>中央区南１０西１３－１－３２</v>
          </cell>
          <cell r="H3633" t="str">
            <v>561-9303</v>
          </cell>
          <cell r="I3633" t="str">
            <v>561-9304</v>
          </cell>
        </row>
        <row r="3634">
          <cell r="A3634" t="str">
            <v>53804N</v>
          </cell>
          <cell r="B3634" t="str">
            <v>ﾁｭｳｵｳｶｲﾊﾂ</v>
          </cell>
          <cell r="C3634" t="str">
            <v>中央開発（株）札幌支店</v>
          </cell>
          <cell r="D3634" t="str">
            <v>大熊 勉</v>
          </cell>
          <cell r="E3634" t="str">
            <v>支店長</v>
          </cell>
          <cell r="F3634" t="str">
            <v>003-0002</v>
          </cell>
          <cell r="G3634" t="str">
            <v>白石区東札幌２－５－７６－３</v>
          </cell>
          <cell r="H3634" t="str">
            <v>842-4155</v>
          </cell>
          <cell r="I3634" t="str">
            <v>842-4170</v>
          </cell>
        </row>
        <row r="3635">
          <cell r="A3635" t="str">
            <v>54003Y</v>
          </cell>
          <cell r="B3635" t="str">
            <v>ﾂﾂﾐﾄﾞｹﾝ</v>
          </cell>
          <cell r="C3635" t="str">
            <v>堤土建（株）</v>
          </cell>
          <cell r="D3635" t="str">
            <v>堤 敬喜</v>
          </cell>
          <cell r="E3635" t="str">
            <v>代表取締役</v>
          </cell>
          <cell r="F3635" t="str">
            <v>064-0916</v>
          </cell>
          <cell r="G3635" t="str">
            <v>中央区南１６西１６－２－１７</v>
          </cell>
          <cell r="H3635" t="str">
            <v>563-4121</v>
          </cell>
          <cell r="I3635" t="str">
            <v>561-1008</v>
          </cell>
        </row>
        <row r="3636">
          <cell r="A3636" t="str">
            <v>54004W</v>
          </cell>
          <cell r="B3636" t="str">
            <v>ｿﾘﾄﾝ･ｺﾑ</v>
          </cell>
          <cell r="C3636" t="str">
            <v>ソリトン・コム（株）</v>
          </cell>
          <cell r="D3636" t="str">
            <v>野田 武</v>
          </cell>
          <cell r="E3636" t="str">
            <v>代表取締役</v>
          </cell>
          <cell r="F3636" t="str">
            <v>064-0945</v>
          </cell>
          <cell r="G3636" t="str">
            <v>中央区盤渓３６５</v>
          </cell>
          <cell r="H3636" t="str">
            <v>621-1020</v>
          </cell>
          <cell r="I3636" t="str">
            <v>621-1196</v>
          </cell>
        </row>
        <row r="3637">
          <cell r="A3637" t="str">
            <v>54012Z</v>
          </cell>
          <cell r="B3637" t="str">
            <v>ﾂｷｼﾏｷｶｲ</v>
          </cell>
          <cell r="C3637" t="str">
            <v>月島機械（株）札幌支店</v>
          </cell>
          <cell r="D3637" t="str">
            <v>渡辺 彰彦</v>
          </cell>
          <cell r="E3637" t="str">
            <v>支店長</v>
          </cell>
          <cell r="F3637" t="str">
            <v>060-0807</v>
          </cell>
          <cell r="G3637" t="str">
            <v>北区北７西１－１－２ ＳＥ山京ビル８Ｆ</v>
          </cell>
          <cell r="H3637" t="str">
            <v>726-0510</v>
          </cell>
          <cell r="I3637" t="str">
            <v>726-0520</v>
          </cell>
        </row>
        <row r="3638">
          <cell r="A3638" t="str">
            <v>54017Y</v>
          </cell>
          <cell r="B3638" t="str">
            <v>ﾂﾄﾑｹﾝｾﾂ</v>
          </cell>
          <cell r="C3638" t="str">
            <v>（株）勉建設</v>
          </cell>
          <cell r="D3638" t="str">
            <v>佐々木 勉</v>
          </cell>
          <cell r="E3638" t="str">
            <v>代表取締役</v>
          </cell>
          <cell r="F3638" t="str">
            <v>002-0856</v>
          </cell>
          <cell r="G3638" t="str">
            <v>北区屯田６－１０－７－３０</v>
          </cell>
          <cell r="H3638" t="str">
            <v>774-0450</v>
          </cell>
          <cell r="I3638" t="str">
            <v>774-1640</v>
          </cell>
        </row>
        <row r="3639">
          <cell r="A3639" t="str">
            <v>54038T</v>
          </cell>
          <cell r="B3639" t="str">
            <v>ﾂﾎﾞｺｳｷﾞｮｳ</v>
          </cell>
          <cell r="C3639" t="str">
            <v>（株）坪工業</v>
          </cell>
          <cell r="D3639" t="str">
            <v>坪 正彦</v>
          </cell>
          <cell r="E3639" t="str">
            <v>代表取締役</v>
          </cell>
          <cell r="F3639" t="str">
            <v>001-0907</v>
          </cell>
          <cell r="G3639" t="str">
            <v>北区新琴似７－９－３－１３</v>
          </cell>
          <cell r="H3639" t="str">
            <v>763-0022</v>
          </cell>
          <cell r="I3639" t="str">
            <v>763-0024</v>
          </cell>
        </row>
        <row r="3640">
          <cell r="A3640" t="str">
            <v>54801V</v>
          </cell>
          <cell r="B3640" t="str">
            <v>ﾂｷｻﾑｳﾝﾕ</v>
          </cell>
          <cell r="C3640" t="str">
            <v>月寒運輸（株）</v>
          </cell>
          <cell r="D3640" t="str">
            <v>奈良 幹男</v>
          </cell>
          <cell r="E3640" t="str">
            <v>代表取締役</v>
          </cell>
          <cell r="F3640" t="str">
            <v>003-0030</v>
          </cell>
          <cell r="G3640" t="str">
            <v>白石区流通センター５－３－４５</v>
          </cell>
          <cell r="H3640" t="str">
            <v>863-2277</v>
          </cell>
          <cell r="I3640" t="str">
            <v>862-3457</v>
          </cell>
        </row>
        <row r="3641">
          <cell r="A3641" t="str">
            <v>54804Z</v>
          </cell>
          <cell r="B3641" t="str">
            <v>ﾂｳｼﾝﾄﾞﾎﾞｸｾｯｹｲ</v>
          </cell>
          <cell r="C3641" t="str">
            <v>通信土木設計（株）</v>
          </cell>
          <cell r="D3641" t="str">
            <v>小林 昭久</v>
          </cell>
          <cell r="E3641" t="str">
            <v>代表取締役</v>
          </cell>
          <cell r="F3641" t="str">
            <v>060-0807</v>
          </cell>
          <cell r="G3641" t="str">
            <v>北区北７西４－１－１ 東カンビル６１１</v>
          </cell>
          <cell r="H3641" t="str">
            <v>727-3425</v>
          </cell>
          <cell r="I3641" t="str">
            <v>727-3436</v>
          </cell>
        </row>
        <row r="3642">
          <cell r="A3642" t="str">
            <v>55005R</v>
          </cell>
          <cell r="B3642" t="str">
            <v>ﾃｨｰｴｽﾋﾟｰﾀｲﾖｳ</v>
          </cell>
          <cell r="C3642" t="str">
            <v>ＴＳＰ太陽（株）</v>
          </cell>
          <cell r="D3642" t="str">
            <v>久米 安雄</v>
          </cell>
          <cell r="E3642" t="str">
            <v>代表取締役社長</v>
          </cell>
          <cell r="F3642" t="str">
            <v>153-0043</v>
          </cell>
          <cell r="G3642" t="str">
            <v>東京都目黒区東山１－１７－１６</v>
          </cell>
          <cell r="H3642" t="str">
            <v>03-3719-3721</v>
          </cell>
          <cell r="I3642" t="str">
            <v>03-3791-0953</v>
          </cell>
        </row>
        <row r="3643">
          <cell r="A3643" t="str">
            <v>55015P</v>
          </cell>
          <cell r="B3643" t="str">
            <v>ﾃﾞﾝｷﾞｮｳｼｬｷｶｲｾｲｻｸｼｮ</v>
          </cell>
          <cell r="C3643" t="str">
            <v>（株）電業社機械製作所北海道支店</v>
          </cell>
          <cell r="D3643" t="str">
            <v>村田 修治</v>
          </cell>
          <cell r="E3643" t="str">
            <v>支店長</v>
          </cell>
          <cell r="F3643" t="str">
            <v>060-0003</v>
          </cell>
          <cell r="G3643" t="str">
            <v>中央区北３西３－１ 大同生命ビル９</v>
          </cell>
          <cell r="H3643" t="str">
            <v>271-5144</v>
          </cell>
          <cell r="I3643" t="str">
            <v>221-5530</v>
          </cell>
        </row>
        <row r="3644">
          <cell r="A3644" t="str">
            <v>55017X</v>
          </cell>
          <cell r="B3644" t="str">
            <v>ﾃﾗﾀﾞ</v>
          </cell>
          <cell r="C3644" t="str">
            <v>（株）テラダ</v>
          </cell>
          <cell r="D3644" t="str">
            <v>寺田 武雄</v>
          </cell>
          <cell r="E3644" t="str">
            <v>代表取締役</v>
          </cell>
          <cell r="F3644" t="str">
            <v>007-0828</v>
          </cell>
          <cell r="G3644" t="str">
            <v>東区東雁来８－２－１－８</v>
          </cell>
          <cell r="H3644" t="str">
            <v>790-2128</v>
          </cell>
          <cell r="I3644" t="str">
            <v>790-2124</v>
          </cell>
        </row>
        <row r="3645">
          <cell r="A3645" t="str">
            <v>55028T</v>
          </cell>
          <cell r="B3645" t="str">
            <v>ﾃﾞﾝｷｺｳｼﾞﾆｼｶﾜｸﾞﾐ</v>
          </cell>
          <cell r="C3645" t="str">
            <v>（株）電気工事西川組</v>
          </cell>
          <cell r="D3645" t="str">
            <v>西川 辰美</v>
          </cell>
          <cell r="E3645" t="str">
            <v>代表取締役</v>
          </cell>
          <cell r="F3645" t="str">
            <v>053-0803</v>
          </cell>
          <cell r="G3645" t="str">
            <v>苫小牧市矢代町２－１０－１３</v>
          </cell>
          <cell r="H3645" t="str">
            <v>0144-72-7917</v>
          </cell>
          <cell r="I3645" t="str">
            <v>0144-72-7934</v>
          </cell>
        </row>
        <row r="3646">
          <cell r="A3646" t="str">
            <v>55803N</v>
          </cell>
          <cell r="B3646" t="str">
            <v>ﾃｲｺｸｾｯｹｲｼﾞﾑｼｮ</v>
          </cell>
          <cell r="C3646" t="str">
            <v>（株）帝国設計事務所</v>
          </cell>
          <cell r="D3646" t="str">
            <v>菅原 義昭</v>
          </cell>
          <cell r="E3646" t="str">
            <v>代表取締役</v>
          </cell>
          <cell r="F3646" t="str">
            <v>065-0025</v>
          </cell>
          <cell r="G3646" t="str">
            <v>東区北２５東１２－１－１２</v>
          </cell>
          <cell r="H3646" t="str">
            <v>753-4768</v>
          </cell>
          <cell r="I3646" t="str">
            <v>753-0488</v>
          </cell>
        </row>
        <row r="3647">
          <cell r="A3647" t="str">
            <v>56001N</v>
          </cell>
          <cell r="B3647" t="str">
            <v>ﾄﾞｳｺｳｶﾓ</v>
          </cell>
          <cell r="C3647" t="str">
            <v>道興加茂（株）</v>
          </cell>
          <cell r="D3647" t="str">
            <v>中田 利幸</v>
          </cell>
          <cell r="E3647" t="str">
            <v>代表取締役</v>
          </cell>
          <cell r="F3647" t="str">
            <v>005-0817</v>
          </cell>
          <cell r="G3647" t="str">
            <v>南区川沿１７－２－４－１</v>
          </cell>
          <cell r="H3647" t="str">
            <v>573-2322</v>
          </cell>
          <cell r="I3647" t="str">
            <v>573-2331</v>
          </cell>
        </row>
        <row r="3648">
          <cell r="A3648" t="str">
            <v>56003W</v>
          </cell>
          <cell r="B3648" t="str">
            <v>ﾄｳﾖｳﾄｸｼｭﾄﾞﾎﾞｸ</v>
          </cell>
          <cell r="C3648" t="str">
            <v>（株）東洋特殊土木</v>
          </cell>
          <cell r="D3648" t="str">
            <v>藤井 裕</v>
          </cell>
          <cell r="E3648" t="str">
            <v>代表取締役</v>
          </cell>
          <cell r="F3648" t="str">
            <v>007-0834</v>
          </cell>
          <cell r="G3648" t="str">
            <v>東区北３４東１３－２－１５</v>
          </cell>
          <cell r="H3648" t="str">
            <v>721-4111</v>
          </cell>
          <cell r="I3648" t="str">
            <v>721-4176</v>
          </cell>
        </row>
        <row r="3649">
          <cell r="A3649" t="str">
            <v>56004T</v>
          </cell>
          <cell r="B3649" t="str">
            <v>ﾄﾞｳｹﾝｺｳｼﾞ</v>
          </cell>
          <cell r="C3649" t="str">
            <v>道建工事（株）</v>
          </cell>
          <cell r="D3649" t="str">
            <v>長江 一司</v>
          </cell>
          <cell r="E3649" t="str">
            <v>代表取締役</v>
          </cell>
          <cell r="F3649" t="str">
            <v>065-0013</v>
          </cell>
          <cell r="G3649" t="str">
            <v>東区北１３東５－９５</v>
          </cell>
          <cell r="H3649" t="str">
            <v>711-4106</v>
          </cell>
          <cell r="I3649" t="str">
            <v>712-1170</v>
          </cell>
        </row>
        <row r="3650">
          <cell r="A3650" t="str">
            <v>56008V</v>
          </cell>
          <cell r="B3650" t="str">
            <v>ﾄｳｱｺｳｷﾞｮｳ</v>
          </cell>
          <cell r="C3650" t="str">
            <v>東亜工業（株）</v>
          </cell>
          <cell r="D3650" t="str">
            <v>伊東 知徳</v>
          </cell>
          <cell r="E3650" t="str">
            <v>代表取締役</v>
          </cell>
          <cell r="F3650" t="str">
            <v>064-0953</v>
          </cell>
          <cell r="G3650" t="str">
            <v>中央区宮の森３－１３－５－２４</v>
          </cell>
          <cell r="H3650" t="str">
            <v>621-4325</v>
          </cell>
          <cell r="I3650" t="str">
            <v>621-4359</v>
          </cell>
        </row>
        <row r="3651">
          <cell r="A3651" t="str">
            <v>56012X</v>
          </cell>
          <cell r="B3651" t="str">
            <v>ﾄｳﾖｳﾛｰﾄﾞﾒﾝﾃﾅﾝｽ</v>
          </cell>
          <cell r="C3651" t="str">
            <v>東洋ロードメンテナンス（株）</v>
          </cell>
          <cell r="D3651" t="str">
            <v>渡辺 新治</v>
          </cell>
          <cell r="E3651" t="str">
            <v>代表取締役</v>
          </cell>
          <cell r="F3651" t="str">
            <v>060-0006</v>
          </cell>
          <cell r="G3651" t="str">
            <v>中央区北６西２２－２－７</v>
          </cell>
          <cell r="H3651" t="str">
            <v>642-8211</v>
          </cell>
          <cell r="I3651" t="str">
            <v>644-6827</v>
          </cell>
        </row>
        <row r="3652">
          <cell r="A3652" t="str">
            <v>56013V</v>
          </cell>
          <cell r="B3652" t="str">
            <v>ﾄｷﾜｺｳｷﾞｮｳ</v>
          </cell>
          <cell r="C3652" t="str">
            <v>常盤工業（株）</v>
          </cell>
          <cell r="D3652" t="str">
            <v>安島 慎一</v>
          </cell>
          <cell r="E3652" t="str">
            <v>代表取締役</v>
          </cell>
          <cell r="F3652" t="str">
            <v>064-0805</v>
          </cell>
          <cell r="G3652" t="str">
            <v>中央区南５西２４－１－５</v>
          </cell>
          <cell r="H3652" t="str">
            <v>561-3046</v>
          </cell>
          <cell r="I3652" t="str">
            <v>513-2090</v>
          </cell>
        </row>
        <row r="3653">
          <cell r="A3653" t="str">
            <v>56018T</v>
          </cell>
          <cell r="B3653" t="str">
            <v>ﾄｳｷｮｳﾎﾞｳｻｲｾﾂﾋﾞ</v>
          </cell>
          <cell r="C3653" t="str">
            <v>東京防災設備（株）</v>
          </cell>
          <cell r="D3653" t="str">
            <v>鈴木 康夫</v>
          </cell>
          <cell r="E3653" t="str">
            <v>代表取締役</v>
          </cell>
          <cell r="F3653" t="str">
            <v>060-0061</v>
          </cell>
          <cell r="G3653" t="str">
            <v>中央区南１西７－１１</v>
          </cell>
          <cell r="H3653" t="str">
            <v>231-0470</v>
          </cell>
          <cell r="I3653" t="str">
            <v>231-3517</v>
          </cell>
        </row>
        <row r="3654">
          <cell r="A3654" t="str">
            <v>56020N</v>
          </cell>
          <cell r="B3654" t="str">
            <v>ﾄｼｴｲｾｲｾﾂﾋﾞｺｳｷﾞｮｳ</v>
          </cell>
          <cell r="C3654" t="str">
            <v>都市衛生設備興業（株）</v>
          </cell>
          <cell r="D3654" t="str">
            <v>村上 稔</v>
          </cell>
          <cell r="E3654" t="str">
            <v>代表取締役</v>
          </cell>
          <cell r="F3654" t="str">
            <v>007-0836</v>
          </cell>
          <cell r="G3654" t="str">
            <v>東区北３６東２３－５－１２</v>
          </cell>
          <cell r="H3654" t="str">
            <v>783-6121</v>
          </cell>
          <cell r="I3654" t="str">
            <v>783-5711</v>
          </cell>
        </row>
        <row r="3655">
          <cell r="A3655" t="str">
            <v>56029P</v>
          </cell>
          <cell r="B3655" t="str">
            <v>ﾄｳｴｲﾎﾄﾞｳｹﾝｾﾂ</v>
          </cell>
          <cell r="C3655" t="str">
            <v>東栄舗道建設（株）</v>
          </cell>
          <cell r="D3655" t="str">
            <v>中川 有男</v>
          </cell>
          <cell r="E3655" t="str">
            <v>代表取締役</v>
          </cell>
          <cell r="F3655" t="str">
            <v>007-0890</v>
          </cell>
          <cell r="G3655" t="str">
            <v>東区中沼町１１３－２３</v>
          </cell>
          <cell r="H3655" t="str">
            <v>791-4741</v>
          </cell>
          <cell r="I3655" t="str">
            <v>791-2841</v>
          </cell>
        </row>
        <row r="3656">
          <cell r="A3656" t="str">
            <v>56032V</v>
          </cell>
          <cell r="B3656" t="str">
            <v>ﾄﾞｳｵｳｶﾝｷｮｳ</v>
          </cell>
          <cell r="C3656" t="str">
            <v>道央環境（株）</v>
          </cell>
          <cell r="D3656" t="str">
            <v>柳澤 智志</v>
          </cell>
          <cell r="E3656" t="str">
            <v>代表取締役</v>
          </cell>
          <cell r="F3656" t="str">
            <v>004-0878</v>
          </cell>
          <cell r="G3656" t="str">
            <v>清田区平岡８－３－９－１０</v>
          </cell>
          <cell r="H3656" t="str">
            <v>884-6999</v>
          </cell>
          <cell r="I3656" t="str">
            <v>885-6370</v>
          </cell>
        </row>
        <row r="3657">
          <cell r="A3657" t="str">
            <v>56034P</v>
          </cell>
          <cell r="B3657" t="str">
            <v>ｻﾝﾜﾃﾞﾝﾀﾞﾝ</v>
          </cell>
          <cell r="C3657" t="str">
            <v>（株）三和電暖</v>
          </cell>
          <cell r="D3657" t="str">
            <v>佐藤 友昭</v>
          </cell>
          <cell r="E3657" t="str">
            <v>代表取締役</v>
          </cell>
          <cell r="F3657" t="str">
            <v>064-0805</v>
          </cell>
          <cell r="G3657" t="str">
            <v>中央区南５西１－１－２３北一ビル３階</v>
          </cell>
          <cell r="H3657" t="str">
            <v>512-0181</v>
          </cell>
          <cell r="I3657" t="str">
            <v>512-0196</v>
          </cell>
        </row>
        <row r="3658">
          <cell r="A3658" t="str">
            <v>56053P</v>
          </cell>
          <cell r="B3658" t="str">
            <v>ﾄｳﾖｳﾃﾞﾝｷｾｲｿﾞｳ</v>
          </cell>
          <cell r="C3658" t="str">
            <v>東洋電機製造（株）北海道支店</v>
          </cell>
          <cell r="D3658" t="str">
            <v>大矢 隆己</v>
          </cell>
          <cell r="E3658" t="str">
            <v>支店長</v>
          </cell>
          <cell r="F3658" t="str">
            <v>060-0042</v>
          </cell>
          <cell r="G3658" t="str">
            <v>中央区大通西５－８</v>
          </cell>
          <cell r="H3658" t="str">
            <v>271-1771</v>
          </cell>
          <cell r="I3658" t="str">
            <v>271-2197</v>
          </cell>
        </row>
        <row r="3659">
          <cell r="A3659" t="str">
            <v>56054Z</v>
          </cell>
          <cell r="B3659" t="str">
            <v>ﾄｳｺｳﾃﾞﾝｷｺｳｼﾞ</v>
          </cell>
          <cell r="C3659" t="str">
            <v>東光電気工事（株）北海道支社</v>
          </cell>
          <cell r="D3659" t="str">
            <v>野尻 武彦</v>
          </cell>
          <cell r="E3659" t="str">
            <v>執行役員支社長</v>
          </cell>
          <cell r="F3659" t="str">
            <v>064-0807</v>
          </cell>
          <cell r="G3659" t="str">
            <v>中央区南７西６－４２３</v>
          </cell>
          <cell r="H3659" t="str">
            <v>511-9246</v>
          </cell>
          <cell r="I3659" t="str">
            <v>531-8544</v>
          </cell>
        </row>
        <row r="3660">
          <cell r="A3660" t="str">
            <v>56068Z</v>
          </cell>
          <cell r="B3660" t="str">
            <v>ﾄｳｶｲｹﾝｾﾂｺｳｷﾞｮｳ</v>
          </cell>
          <cell r="C3660" t="str">
            <v>東海建設工業（株）</v>
          </cell>
          <cell r="D3660" t="str">
            <v>佐藤 百合男</v>
          </cell>
          <cell r="E3660" t="str">
            <v>代表取締役</v>
          </cell>
          <cell r="F3660" t="str">
            <v>006-0005</v>
          </cell>
          <cell r="G3660" t="str">
            <v>手稲区西宮の沢５－１－３４３－８</v>
          </cell>
          <cell r="H3660" t="str">
            <v>662-1276</v>
          </cell>
          <cell r="I3660" t="str">
            <v>662-1399</v>
          </cell>
        </row>
        <row r="3661">
          <cell r="A3661" t="str">
            <v>56073Z</v>
          </cell>
          <cell r="B3661" t="str">
            <v>ﾄｳｷｮｳｾｯｹｲｼﾞﾑｼｮ</v>
          </cell>
          <cell r="C3661" t="str">
            <v>（株）東京設計事務所</v>
          </cell>
          <cell r="D3661" t="str">
            <v>亀田 宏</v>
          </cell>
          <cell r="E3661" t="str">
            <v>代表取締役社長</v>
          </cell>
          <cell r="F3661" t="str">
            <v>100-0013</v>
          </cell>
          <cell r="G3661" t="str">
            <v>東京都千代田区霞が関３－７－４富士ビル</v>
          </cell>
          <cell r="H3661" t="str">
            <v>03-3580-2364</v>
          </cell>
          <cell r="I3661" t="str">
            <v>03-3580-2710</v>
          </cell>
        </row>
        <row r="3662">
          <cell r="A3662" t="str">
            <v>56076R</v>
          </cell>
          <cell r="B3662" t="str">
            <v>ﾄｳﾃﾞﾝｺｳｷﾞｮｳ</v>
          </cell>
          <cell r="C3662" t="str">
            <v>東電工業（株）</v>
          </cell>
          <cell r="D3662" t="str">
            <v>金﨑 寛冶</v>
          </cell>
          <cell r="E3662" t="str">
            <v>代表取締役</v>
          </cell>
          <cell r="F3662" t="str">
            <v>001-0915</v>
          </cell>
          <cell r="G3662" t="str">
            <v>北区新琴似町１００１</v>
          </cell>
          <cell r="H3662" t="str">
            <v>762-6211</v>
          </cell>
          <cell r="I3662" t="str">
            <v>762-6242</v>
          </cell>
        </row>
        <row r="3663">
          <cell r="A3663" t="str">
            <v>56079W</v>
          </cell>
          <cell r="B3663" t="str">
            <v>ﾄﾞｳﾕｳｺｳｷﾞｮｳ</v>
          </cell>
          <cell r="C3663" t="str">
            <v>道有興業（株）</v>
          </cell>
          <cell r="D3663" t="str">
            <v>有坂 一雄</v>
          </cell>
          <cell r="E3663" t="str">
            <v>代表取締役</v>
          </cell>
          <cell r="F3663" t="str">
            <v>063-0834</v>
          </cell>
          <cell r="G3663" t="str">
            <v>西区発寒１４－２－９－９</v>
          </cell>
          <cell r="H3663" t="str">
            <v>664-5611</v>
          </cell>
          <cell r="I3663" t="str">
            <v>661-8866</v>
          </cell>
        </row>
        <row r="3664">
          <cell r="A3664" t="str">
            <v>56086P</v>
          </cell>
          <cell r="B3664" t="str">
            <v>ｵｰｸｾﾂﾋﾞｺｳｷﾞｮｳ</v>
          </cell>
          <cell r="C3664" t="str">
            <v>オーク設備工業（株）北海道営業所</v>
          </cell>
          <cell r="D3664" t="str">
            <v>石田 雅則</v>
          </cell>
          <cell r="E3664" t="str">
            <v>所長</v>
          </cell>
          <cell r="F3664" t="str">
            <v>003-0023</v>
          </cell>
          <cell r="G3664" t="str">
            <v>白石区南郷通２０北３－２８</v>
          </cell>
          <cell r="H3664" t="str">
            <v>860-6221</v>
          </cell>
          <cell r="I3664" t="str">
            <v>860-6222</v>
          </cell>
        </row>
        <row r="3665">
          <cell r="A3665" t="str">
            <v>56090S</v>
          </cell>
          <cell r="B3665" t="str">
            <v>ﾄﾞｳｷｮｳｹﾝｾﾂ</v>
          </cell>
          <cell r="C3665" t="str">
            <v>道協建設（株）</v>
          </cell>
          <cell r="D3665" t="str">
            <v>美馬 久之</v>
          </cell>
          <cell r="E3665" t="str">
            <v>代表取締役</v>
          </cell>
          <cell r="F3665" t="str">
            <v>060-0016</v>
          </cell>
          <cell r="G3665" t="str">
            <v>中央区北１６西１６－１－２</v>
          </cell>
          <cell r="H3665" t="str">
            <v>716-6455</v>
          </cell>
          <cell r="I3665" t="str">
            <v>726-6756</v>
          </cell>
        </row>
        <row r="3666">
          <cell r="A3666" t="str">
            <v>56097Y</v>
          </cell>
          <cell r="B3666" t="str">
            <v>ﾄｳｼﾝﾂｳｺｳ</v>
          </cell>
          <cell r="C3666" t="str">
            <v>（株）東伸通工</v>
          </cell>
          <cell r="D3666" t="str">
            <v>田村 義雄</v>
          </cell>
          <cell r="E3666" t="str">
            <v>代表取締役</v>
          </cell>
          <cell r="F3666" t="str">
            <v>065-0016</v>
          </cell>
          <cell r="G3666" t="str">
            <v>東区北１６東１８－１－６</v>
          </cell>
          <cell r="H3666" t="str">
            <v>783-6223</v>
          </cell>
          <cell r="I3666" t="str">
            <v>783-6202</v>
          </cell>
        </row>
        <row r="3667">
          <cell r="A3667" t="str">
            <v>56105Z</v>
          </cell>
          <cell r="B3667" t="str">
            <v>ﾄﾞｳｵｳﾄｼｶｲﾊﾂ</v>
          </cell>
          <cell r="C3667" t="str">
            <v>道央都市開発（株）</v>
          </cell>
          <cell r="D3667" t="str">
            <v>森田 義男</v>
          </cell>
          <cell r="E3667" t="str">
            <v>代表取締役</v>
          </cell>
          <cell r="F3667" t="str">
            <v>062-0911</v>
          </cell>
          <cell r="G3667" t="str">
            <v>豊平区旭町２－１－１－２０１</v>
          </cell>
          <cell r="H3667" t="str">
            <v>821-1203</v>
          </cell>
          <cell r="I3667" t="str">
            <v>831-1935</v>
          </cell>
        </row>
        <row r="3668">
          <cell r="A3668" t="str">
            <v>56114P</v>
          </cell>
          <cell r="B3668" t="str">
            <v>ﾄﾓﾀﾞｺｳｷﾞｮｳ</v>
          </cell>
          <cell r="C3668" t="str">
            <v>（株）友田工業</v>
          </cell>
          <cell r="D3668" t="str">
            <v>髙橋 暢彦</v>
          </cell>
          <cell r="E3668" t="str">
            <v>代表取締役</v>
          </cell>
          <cell r="F3668" t="str">
            <v>003-0029</v>
          </cell>
          <cell r="G3668" t="str">
            <v>白石区平和通９北１４－３</v>
          </cell>
          <cell r="H3668" t="str">
            <v>861-1839</v>
          </cell>
          <cell r="I3668" t="str">
            <v>861-1827</v>
          </cell>
        </row>
        <row r="3669">
          <cell r="A3669" t="str">
            <v>56129Z</v>
          </cell>
          <cell r="B3669" t="str">
            <v>ﾄｳｼﾝｹﾝｾﾂｺｳｷﾞｮｳ</v>
          </cell>
          <cell r="C3669" t="str">
            <v>東進建設工業（株）</v>
          </cell>
          <cell r="D3669" t="str">
            <v>中林 政雄</v>
          </cell>
          <cell r="E3669" t="str">
            <v>代表取締役</v>
          </cell>
          <cell r="F3669" t="str">
            <v>007-0827</v>
          </cell>
          <cell r="G3669" t="str">
            <v>東区東雁来７－１－１－８</v>
          </cell>
          <cell r="H3669" t="str">
            <v>783-2170</v>
          </cell>
          <cell r="I3669" t="str">
            <v>783-2303</v>
          </cell>
        </row>
        <row r="3670">
          <cell r="A3670" t="str">
            <v>56145V</v>
          </cell>
          <cell r="B3670" t="str">
            <v>ﾄﾞｳｵｳﾘｮｯｶ</v>
          </cell>
          <cell r="C3670" t="str">
            <v>道央緑化（株）</v>
          </cell>
          <cell r="D3670" t="str">
            <v>星野 富士男</v>
          </cell>
          <cell r="E3670" t="str">
            <v>代表取締役</v>
          </cell>
          <cell r="F3670" t="str">
            <v>002-0854</v>
          </cell>
          <cell r="G3670" t="str">
            <v>北区屯田４－８－６－３４</v>
          </cell>
          <cell r="H3670" t="str">
            <v>773-0686</v>
          </cell>
          <cell r="I3670" t="str">
            <v>773-7511</v>
          </cell>
        </row>
        <row r="3671">
          <cell r="A3671" t="str">
            <v>56161R</v>
          </cell>
          <cell r="B3671" t="str">
            <v>ﾄﾞｳﾕｳｹﾝｾﾂ</v>
          </cell>
          <cell r="C3671" t="str">
            <v>道雄建設（株）</v>
          </cell>
          <cell r="D3671" t="str">
            <v>小岩 隆雄</v>
          </cell>
          <cell r="E3671" t="str">
            <v>代表取締役</v>
          </cell>
          <cell r="F3671" t="str">
            <v>005-0812</v>
          </cell>
          <cell r="G3671" t="str">
            <v>南区川沿１２－３－６－５</v>
          </cell>
          <cell r="H3671" t="str">
            <v>571-2077</v>
          </cell>
          <cell r="I3671" t="str">
            <v>571-2160</v>
          </cell>
        </row>
        <row r="3672">
          <cell r="A3672" t="str">
            <v>56174V</v>
          </cell>
          <cell r="B3672" t="str">
            <v>ﾔﾝﾏｰﾊｸﾖｳｼｽﾃﾑ</v>
          </cell>
          <cell r="C3672" t="str">
            <v>ヤンマー舶用システム（株）北海道営業部</v>
          </cell>
          <cell r="D3672" t="str">
            <v>藤貫 春巳</v>
          </cell>
          <cell r="E3672" t="str">
            <v>営業部長</v>
          </cell>
          <cell r="F3672" t="str">
            <v>004-0004</v>
          </cell>
          <cell r="G3672" t="str">
            <v>厚別区厚別東４－４－８－１</v>
          </cell>
          <cell r="H3672" t="str">
            <v>898-8001</v>
          </cell>
          <cell r="I3672" t="str">
            <v>898-8088</v>
          </cell>
        </row>
        <row r="3673">
          <cell r="A3673" t="str">
            <v>56185P</v>
          </cell>
          <cell r="B3673" t="str">
            <v>ﾄｷﾜｴﾝ</v>
          </cell>
          <cell r="C3673" t="str">
            <v>（株）常盤園</v>
          </cell>
          <cell r="D3673" t="str">
            <v>小寺 福二</v>
          </cell>
          <cell r="E3673" t="str">
            <v>代表取締役</v>
          </cell>
          <cell r="F3673" t="str">
            <v>005-0850</v>
          </cell>
          <cell r="G3673" t="str">
            <v>南区石山東７－６１－４１</v>
          </cell>
          <cell r="H3673" t="str">
            <v>592-1128</v>
          </cell>
          <cell r="I3673" t="str">
            <v>592-5960</v>
          </cell>
        </row>
        <row r="3674">
          <cell r="A3674" t="str">
            <v>56193V</v>
          </cell>
          <cell r="B3674" t="str">
            <v>ﾄﾞﾓﾝｸﾞﾘｰﾝｻｰﾋﾞｽ</v>
          </cell>
          <cell r="C3674" t="str">
            <v>（株）ドモングリーンサービス</v>
          </cell>
          <cell r="D3674" t="str">
            <v>土門 誠</v>
          </cell>
          <cell r="E3674" t="str">
            <v>代表取締役</v>
          </cell>
          <cell r="F3674" t="str">
            <v>002-8052</v>
          </cell>
          <cell r="G3674" t="str">
            <v>北区篠路町上篠路６－１３３</v>
          </cell>
          <cell r="H3674" t="str">
            <v>773-3377</v>
          </cell>
          <cell r="I3674" t="str">
            <v>773-3388</v>
          </cell>
        </row>
        <row r="3675">
          <cell r="A3675" t="str">
            <v>56206V</v>
          </cell>
          <cell r="B3675" t="str">
            <v>ﾄﾖﾋﾗｿﾞｳｴﾝﾄﾞﾎﾞｸ</v>
          </cell>
          <cell r="C3675" t="str">
            <v>（有）豊平造園土木</v>
          </cell>
          <cell r="D3675" t="str">
            <v>伊藤 辰彦</v>
          </cell>
          <cell r="E3675" t="str">
            <v>代表取締役</v>
          </cell>
          <cell r="F3675" t="str">
            <v>004-0873</v>
          </cell>
          <cell r="G3675" t="str">
            <v>清田区平岡３－１－１８－１７</v>
          </cell>
          <cell r="H3675" t="str">
            <v>881-8201</v>
          </cell>
          <cell r="I3675" t="str">
            <v>881-8231</v>
          </cell>
        </row>
        <row r="3676">
          <cell r="A3676" t="str">
            <v>56211V</v>
          </cell>
          <cell r="B3676" t="str">
            <v>ﾄﾖｼﾏｿﾞｳｴﾝ</v>
          </cell>
          <cell r="C3676" t="str">
            <v>（有）豊島造園</v>
          </cell>
          <cell r="D3676" t="str">
            <v>豊島 雅史</v>
          </cell>
          <cell r="E3676" t="str">
            <v>代表取締役</v>
          </cell>
          <cell r="F3676" t="str">
            <v>001-0915</v>
          </cell>
          <cell r="G3676" t="str">
            <v>北区新琴似町１００６－７４</v>
          </cell>
          <cell r="H3676" t="str">
            <v>762-4543</v>
          </cell>
          <cell r="I3676" t="str">
            <v>763-9222</v>
          </cell>
        </row>
        <row r="3677">
          <cell r="A3677" t="str">
            <v>56214Z</v>
          </cell>
          <cell r="B3677" t="str">
            <v>ﾄｳﾎｳﾄﾞｳﾛ</v>
          </cell>
          <cell r="C3677" t="str">
            <v>東豊道路（株）</v>
          </cell>
          <cell r="D3677" t="str">
            <v>佐々木 克明</v>
          </cell>
          <cell r="E3677" t="str">
            <v>代表取締役</v>
          </cell>
          <cell r="F3677" t="str">
            <v>003-0876</v>
          </cell>
          <cell r="G3677" t="str">
            <v>白石区東米里２１４９－１０４</v>
          </cell>
          <cell r="H3677" t="str">
            <v>871-2220</v>
          </cell>
          <cell r="I3677" t="str">
            <v>871-2219</v>
          </cell>
        </row>
        <row r="3678">
          <cell r="A3678" t="str">
            <v>56233Z</v>
          </cell>
          <cell r="B3678" t="str">
            <v>ﾄﾞｰﾄ</v>
          </cell>
          <cell r="C3678" t="str">
            <v>（株）ドート</v>
          </cell>
          <cell r="D3678" t="str">
            <v>蔵田 薫</v>
          </cell>
          <cell r="E3678" t="str">
            <v>代表取締役</v>
          </cell>
          <cell r="F3678" t="str">
            <v>065-0013</v>
          </cell>
          <cell r="G3678" t="str">
            <v>東区北１３東７－９５－６２</v>
          </cell>
          <cell r="H3678" t="str">
            <v>723-4224</v>
          </cell>
          <cell r="I3678" t="str">
            <v>723-4225</v>
          </cell>
        </row>
        <row r="3679">
          <cell r="A3679" t="str">
            <v>56239W</v>
          </cell>
          <cell r="B3679" t="str">
            <v>ﾘ･ﾌｨｰﾙﾄﾞ</v>
          </cell>
          <cell r="C3679" t="str">
            <v>（株）リ・フィールド</v>
          </cell>
          <cell r="D3679" t="str">
            <v>松苗 富夫</v>
          </cell>
          <cell r="E3679" t="str">
            <v>代表取締役</v>
          </cell>
          <cell r="F3679" t="str">
            <v>006-0805</v>
          </cell>
          <cell r="G3679" t="str">
            <v>手稲区新発寒５－８－１－６</v>
          </cell>
          <cell r="H3679" t="str">
            <v>681-2500</v>
          </cell>
          <cell r="I3679" t="str">
            <v>681-5226</v>
          </cell>
        </row>
        <row r="3680">
          <cell r="A3680" t="str">
            <v>56253X</v>
          </cell>
          <cell r="B3680" t="str">
            <v>ﾄﾞｳｹﾝﾘｮｸｶｺｳｷﾞｮｳ</v>
          </cell>
          <cell r="C3680" t="str">
            <v>（株）道建緑化工業</v>
          </cell>
          <cell r="D3680" t="str">
            <v>角田 隆</v>
          </cell>
          <cell r="E3680" t="str">
            <v>代表取締役</v>
          </cell>
          <cell r="F3680" t="str">
            <v>064-0925</v>
          </cell>
          <cell r="G3680" t="str">
            <v>中央区南２５西１１－１－１２</v>
          </cell>
          <cell r="H3680" t="str">
            <v>531-0166</v>
          </cell>
          <cell r="I3680" t="str">
            <v>531-0167</v>
          </cell>
        </row>
        <row r="3681">
          <cell r="A3681" t="str">
            <v>56266Z</v>
          </cell>
          <cell r="B3681" t="str">
            <v>ﾄｳﾖｳｺｳｷﾞｮｳｼｮ</v>
          </cell>
          <cell r="C3681" t="str">
            <v>（株）東洋工業所</v>
          </cell>
          <cell r="D3681" t="str">
            <v>上村 正一</v>
          </cell>
          <cell r="E3681" t="str">
            <v>代表取締役</v>
          </cell>
          <cell r="F3681" t="str">
            <v>666-3701</v>
          </cell>
          <cell r="G3681" t="str">
            <v>西区発寒１３－１２－４－５５</v>
          </cell>
          <cell r="H3681" t="str">
            <v>666-3701</v>
          </cell>
          <cell r="I3681" t="str">
            <v>666-3704</v>
          </cell>
        </row>
        <row r="3682">
          <cell r="A3682" t="str">
            <v>56271Z</v>
          </cell>
          <cell r="B3682" t="str">
            <v>ﾄｳｼﾊﾞﾗｲﾃｯｸ</v>
          </cell>
          <cell r="C3682" t="str">
            <v>東芝ライテック（株）北海道営業所</v>
          </cell>
          <cell r="D3682" t="str">
            <v>斉藤 大之</v>
          </cell>
          <cell r="E3682" t="str">
            <v>所長</v>
          </cell>
          <cell r="F3682" t="str">
            <v>003-0023</v>
          </cell>
          <cell r="G3682" t="str">
            <v>白石区南郷通２０北３－２８</v>
          </cell>
          <cell r="H3682" t="str">
            <v>868-2300</v>
          </cell>
          <cell r="I3682" t="str">
            <v>868-2701</v>
          </cell>
        </row>
        <row r="3683">
          <cell r="A3683" t="str">
            <v>56276Y</v>
          </cell>
          <cell r="B3683" t="str">
            <v>ﾄｳﾘﾂｴﾝｼﾞﾆｱﾘﾝｸﾞ</v>
          </cell>
          <cell r="C3683" t="str">
            <v>東立エンジニアリング（株）</v>
          </cell>
          <cell r="D3683" t="str">
            <v>市東 弘</v>
          </cell>
          <cell r="E3683" t="str">
            <v>代表取締役</v>
          </cell>
          <cell r="F3683" t="str">
            <v>064-0914</v>
          </cell>
          <cell r="G3683" t="str">
            <v>中央区南１４西１３－３－５</v>
          </cell>
          <cell r="H3683" t="str">
            <v>563-5935</v>
          </cell>
          <cell r="I3683" t="str">
            <v>563-8577</v>
          </cell>
        </row>
        <row r="3684">
          <cell r="A3684" t="str">
            <v>56282W</v>
          </cell>
          <cell r="B3684" t="str">
            <v>ﾄｰﾎｰｹﾝｷ</v>
          </cell>
          <cell r="C3684" t="str">
            <v>（有）トーホー建機</v>
          </cell>
          <cell r="D3684" t="str">
            <v>佐々木 克明</v>
          </cell>
          <cell r="E3684" t="str">
            <v>代表取締役</v>
          </cell>
          <cell r="F3684" t="str">
            <v>003-0876</v>
          </cell>
          <cell r="G3684" t="str">
            <v>白石区東米里２１４９－１０４</v>
          </cell>
          <cell r="H3684" t="str">
            <v>871-2082</v>
          </cell>
          <cell r="I3684" t="str">
            <v>871-2219</v>
          </cell>
        </row>
        <row r="3685">
          <cell r="A3685" t="str">
            <v>56303N</v>
          </cell>
          <cell r="B3685" t="str">
            <v>ﾄｳﾖｳｺｳｷﾞｮｳ</v>
          </cell>
          <cell r="C3685" t="str">
            <v>（株）東洋工業</v>
          </cell>
          <cell r="D3685" t="str">
            <v>須藤 孝幸</v>
          </cell>
          <cell r="E3685" t="str">
            <v>代表取締役</v>
          </cell>
          <cell r="F3685" t="str">
            <v>001-0923</v>
          </cell>
          <cell r="G3685" t="str">
            <v>北区新川３－４－５－１０</v>
          </cell>
          <cell r="H3685" t="str">
            <v>761-2460</v>
          </cell>
          <cell r="I3685" t="str">
            <v>761-1653</v>
          </cell>
        </row>
        <row r="3686">
          <cell r="A3686" t="str">
            <v>56315T</v>
          </cell>
          <cell r="B3686" t="str">
            <v>ﾄｳｷｮｳｻｸﾄﾞｳ</v>
          </cell>
          <cell r="C3686" t="str">
            <v>東京索道（株）</v>
          </cell>
          <cell r="D3686" t="str">
            <v>片平 幹夫</v>
          </cell>
          <cell r="E3686" t="str">
            <v>代表取締役</v>
          </cell>
          <cell r="F3686" t="str">
            <v>101-0047</v>
          </cell>
          <cell r="G3686" t="str">
            <v>東京都千代田区内神田１－１４－４</v>
          </cell>
          <cell r="H3686" t="str">
            <v>03-3296-1039</v>
          </cell>
          <cell r="I3686" t="str">
            <v>03-3296-7877</v>
          </cell>
        </row>
        <row r="3687">
          <cell r="A3687" t="str">
            <v>56802P</v>
          </cell>
          <cell r="B3687" t="str">
            <v>ﾄﾞｳｿｸﾃｸﾆｽ</v>
          </cell>
          <cell r="C3687" t="str">
            <v>（株）道測テクニス</v>
          </cell>
          <cell r="D3687" t="str">
            <v>樋口 皓一</v>
          </cell>
          <cell r="E3687" t="str">
            <v>代表取締役</v>
          </cell>
          <cell r="F3687" t="str">
            <v>007-0835</v>
          </cell>
          <cell r="G3687" t="str">
            <v>東区北３５東５－１－１２</v>
          </cell>
          <cell r="H3687" t="str">
            <v>751-5172</v>
          </cell>
          <cell r="I3687" t="str">
            <v>741-6507</v>
          </cell>
        </row>
        <row r="3688">
          <cell r="A3688" t="str">
            <v>56805T</v>
          </cell>
          <cell r="B3688" t="str">
            <v>ﾄｰﾆﾁｺﾝｻﾙﾀﾝﾄ</v>
          </cell>
          <cell r="C3688" t="str">
            <v>（株）トーニチコンサルタント札幌事務所</v>
          </cell>
          <cell r="D3688" t="str">
            <v>綿谷 裕美</v>
          </cell>
          <cell r="E3688" t="str">
            <v>札幌事務所長</v>
          </cell>
          <cell r="F3688" t="str">
            <v>060-0807</v>
          </cell>
          <cell r="G3688" t="str">
            <v>北区北７西２－６ ３７山京ビル５Ｆ</v>
          </cell>
          <cell r="H3688" t="str">
            <v>717-9181</v>
          </cell>
          <cell r="I3688" t="str">
            <v>717-0449</v>
          </cell>
        </row>
        <row r="3689">
          <cell r="A3689" t="str">
            <v>56807N</v>
          </cell>
          <cell r="B3689" t="str">
            <v>ﾄﾗﾉﾓﾝｺﾝｻﾙﾀﾝﾂ</v>
          </cell>
          <cell r="C3689" t="str">
            <v>（株）虎ノ門コンサルタンツ札幌支店</v>
          </cell>
          <cell r="D3689" t="str">
            <v>赤岩 右三</v>
          </cell>
          <cell r="E3689" t="str">
            <v>支店長</v>
          </cell>
          <cell r="F3689" t="str">
            <v>060-0052</v>
          </cell>
          <cell r="G3689" t="str">
            <v>中央区南２東１－１－１４ 住友生命札幌中央ビル</v>
          </cell>
          <cell r="H3689" t="str">
            <v>221-5361</v>
          </cell>
          <cell r="I3689" t="str">
            <v>241-1915</v>
          </cell>
        </row>
        <row r="3690">
          <cell r="A3690" t="str">
            <v>56811R</v>
          </cell>
          <cell r="B3690" t="str">
            <v>ﾄｳｱｳﾝﾕ</v>
          </cell>
          <cell r="C3690" t="str">
            <v>東亜運輸（有）</v>
          </cell>
          <cell r="D3690" t="str">
            <v>坂根 祐悦</v>
          </cell>
          <cell r="E3690" t="str">
            <v>代表取締役</v>
          </cell>
          <cell r="F3690" t="str">
            <v>061-3241</v>
          </cell>
          <cell r="G3690" t="str">
            <v>石狩市新港西１－７０２－７</v>
          </cell>
          <cell r="H3690" t="str">
            <v>0133-73-1611</v>
          </cell>
          <cell r="I3690" t="str">
            <v>761-8860</v>
          </cell>
        </row>
        <row r="3691">
          <cell r="A3691" t="str">
            <v>56812N</v>
          </cell>
          <cell r="B3691" t="str">
            <v>ﾄﾖﾋﾗｳﾝﾕ</v>
          </cell>
          <cell r="C3691" t="str">
            <v>豊平運輸（株）</v>
          </cell>
          <cell r="D3691" t="str">
            <v>佐藤 昭治</v>
          </cell>
          <cell r="E3691" t="str">
            <v>代表取締役</v>
          </cell>
          <cell r="F3691" t="str">
            <v>063-0062</v>
          </cell>
          <cell r="G3691" t="str">
            <v>西区西町南７－８－１</v>
          </cell>
          <cell r="H3691" t="str">
            <v>663-5217</v>
          </cell>
          <cell r="I3691" t="str">
            <v>663-9754</v>
          </cell>
        </row>
        <row r="3692">
          <cell r="A3692" t="str">
            <v>56813Y</v>
          </cell>
          <cell r="B3692" t="str">
            <v>ﾄﾞｰﾄｼｻﾞｲ</v>
          </cell>
          <cell r="C3692" t="str">
            <v>（株）ドート資材</v>
          </cell>
          <cell r="D3692" t="str">
            <v>角谷 国男</v>
          </cell>
          <cell r="E3692" t="str">
            <v>代表取締役</v>
          </cell>
          <cell r="F3692" t="str">
            <v>003-0027</v>
          </cell>
          <cell r="G3692" t="str">
            <v>白石区本通１４－北１－３７</v>
          </cell>
          <cell r="H3692" t="str">
            <v>866-7212</v>
          </cell>
          <cell r="I3692" t="str">
            <v>861-4343</v>
          </cell>
        </row>
        <row r="3693">
          <cell r="A3693" t="str">
            <v>56814W</v>
          </cell>
          <cell r="B3693" t="str">
            <v>ﾄﾞｳﾄｳﾝﾕ</v>
          </cell>
          <cell r="C3693" t="str">
            <v>道都運輸（株）</v>
          </cell>
          <cell r="D3693" t="str">
            <v>武田 豊司</v>
          </cell>
          <cell r="E3693" t="str">
            <v>代表取締役</v>
          </cell>
          <cell r="F3693" t="str">
            <v>003-0027</v>
          </cell>
          <cell r="G3693" t="str">
            <v>白石区本通１４ー北１－３７</v>
          </cell>
          <cell r="H3693" t="str">
            <v>865-4921</v>
          </cell>
          <cell r="I3693" t="str">
            <v>861-4343</v>
          </cell>
        </row>
        <row r="3694">
          <cell r="A3694" t="str">
            <v>56818X</v>
          </cell>
          <cell r="B3694" t="str">
            <v>ﾄｳｱｴﾝｼﾞﾆｱﾘﾝｸﾞ</v>
          </cell>
          <cell r="C3694" t="str">
            <v>（株）東亜エンジニアリング</v>
          </cell>
          <cell r="D3694" t="str">
            <v>山川 昇</v>
          </cell>
          <cell r="E3694" t="str">
            <v>代表取締役</v>
          </cell>
          <cell r="F3694" t="str">
            <v>003-0022</v>
          </cell>
          <cell r="G3694" t="str">
            <v>白石区南郷通７－４－１</v>
          </cell>
          <cell r="H3694" t="str">
            <v>862-6082</v>
          </cell>
          <cell r="I3694" t="str">
            <v>862-6037</v>
          </cell>
        </row>
        <row r="3695">
          <cell r="A3695" t="str">
            <v>56820S</v>
          </cell>
          <cell r="B3695" t="str">
            <v>ﾄｳﾖｳｺﾝｻﾙﾀﾝﾄ</v>
          </cell>
          <cell r="C3695" t="str">
            <v>（株）東洋コンサルタント北海道支社</v>
          </cell>
          <cell r="D3695" t="str">
            <v>角田 孝</v>
          </cell>
          <cell r="E3695" t="str">
            <v>取締役支社長</v>
          </cell>
          <cell r="F3695" t="str">
            <v>064-0952</v>
          </cell>
          <cell r="G3695" t="str">
            <v>中央区宮の森２－１－１－１８</v>
          </cell>
          <cell r="H3695" t="str">
            <v>640-5811</v>
          </cell>
          <cell r="I3695" t="str">
            <v>622-3355</v>
          </cell>
        </row>
        <row r="3696">
          <cell r="A3696" t="str">
            <v>56827Y</v>
          </cell>
          <cell r="B3696" t="str">
            <v>ﾄﾞｳﾄｿｸｹﾝ</v>
          </cell>
          <cell r="C3696" t="str">
            <v>道都測研（株）</v>
          </cell>
          <cell r="D3696" t="str">
            <v>石黒 勝利</v>
          </cell>
          <cell r="E3696" t="str">
            <v>代表取締役</v>
          </cell>
          <cell r="F3696" t="str">
            <v>004-0845</v>
          </cell>
          <cell r="G3696" t="str">
            <v>清田区清田５－３－９－３</v>
          </cell>
          <cell r="H3696" t="str">
            <v>883-3620</v>
          </cell>
          <cell r="I3696" t="str">
            <v>883-3621</v>
          </cell>
        </row>
        <row r="3697">
          <cell r="A3697" t="str">
            <v>57003V</v>
          </cell>
          <cell r="B3697" t="str">
            <v>ﾅｶﾞｵｶｺｳｷﾞｮｳ</v>
          </cell>
          <cell r="C3697" t="str">
            <v>（株）長岡工業</v>
          </cell>
          <cell r="D3697" t="str">
            <v>長岡 忠正</v>
          </cell>
          <cell r="E3697" t="str">
            <v>代表取締役</v>
          </cell>
          <cell r="F3697" t="str">
            <v>065-0025</v>
          </cell>
          <cell r="G3697" t="str">
            <v>東区北２５東９－２－６</v>
          </cell>
          <cell r="H3697" t="str">
            <v>721-8336</v>
          </cell>
          <cell r="I3697" t="str">
            <v>723-6504</v>
          </cell>
        </row>
        <row r="3698">
          <cell r="A3698" t="str">
            <v>57012W</v>
          </cell>
          <cell r="B3698" t="str">
            <v>ﾅﾝｷｹﾝｾﾂ</v>
          </cell>
          <cell r="C3698" t="str">
            <v>南輝建設（株）</v>
          </cell>
          <cell r="D3698" t="str">
            <v>佐藤 善美</v>
          </cell>
          <cell r="E3698" t="str">
            <v>代表取締役</v>
          </cell>
          <cell r="F3698" t="str">
            <v>005-0841</v>
          </cell>
          <cell r="G3698" t="str">
            <v>南区石山１－２－１－１０</v>
          </cell>
          <cell r="H3698" t="str">
            <v>591-1232</v>
          </cell>
          <cell r="I3698" t="str">
            <v>591-0765</v>
          </cell>
        </row>
        <row r="3699">
          <cell r="A3699" t="str">
            <v>57014R</v>
          </cell>
          <cell r="B3699" t="str">
            <v>ﾅｶﾑﾗﾎﾟﾝﾌﾟｺｳｷﾞｮｳｼｮ</v>
          </cell>
          <cell r="C3699" t="str">
            <v>（株）中村ポンプ工業所</v>
          </cell>
          <cell r="D3699" t="str">
            <v>中村 雅保</v>
          </cell>
          <cell r="E3699" t="str">
            <v>代表取締役</v>
          </cell>
          <cell r="F3699" t="str">
            <v>063-0804</v>
          </cell>
          <cell r="G3699" t="str">
            <v>西区二十四軒４－６－５－１９</v>
          </cell>
          <cell r="H3699" t="str">
            <v>644-1751</v>
          </cell>
          <cell r="I3699" t="str">
            <v>644-1752</v>
          </cell>
        </row>
        <row r="3700">
          <cell r="A3700" t="str">
            <v>57016X</v>
          </cell>
          <cell r="B3700" t="str">
            <v>ﾅｶｺｳｷﾞｮｳ</v>
          </cell>
          <cell r="C3700" t="str">
            <v>ナカ工業（株）札幌支店</v>
          </cell>
          <cell r="D3700" t="str">
            <v>為田 建治</v>
          </cell>
          <cell r="E3700" t="str">
            <v>支店長</v>
          </cell>
          <cell r="F3700" t="str">
            <v>063-0836</v>
          </cell>
          <cell r="G3700" t="str">
            <v>西区発寒１６－１３－２－５０</v>
          </cell>
          <cell r="H3700" t="str">
            <v>662-7611</v>
          </cell>
          <cell r="I3700" t="str">
            <v>666-1350</v>
          </cell>
        </row>
        <row r="3701">
          <cell r="A3701" t="str">
            <v>57022V</v>
          </cell>
          <cell r="B3701" t="str">
            <v>ﾅﾗｻｷｾｲｻｸｼｮ</v>
          </cell>
          <cell r="C3701" t="str">
            <v>（株）楢崎製作所札幌支店</v>
          </cell>
          <cell r="D3701" t="str">
            <v>三浦 俊樹</v>
          </cell>
          <cell r="E3701" t="str">
            <v>取締役支店長</v>
          </cell>
          <cell r="F3701" t="str">
            <v>060-0001</v>
          </cell>
          <cell r="G3701" t="str">
            <v>中央区北１西４－２－２ 札幌ﾉｰｽﾌﾟﾗｻﾞﾋﾞﾙ１１</v>
          </cell>
          <cell r="H3701" t="str">
            <v>241-0338</v>
          </cell>
          <cell r="I3701" t="str">
            <v>251-7852</v>
          </cell>
        </row>
        <row r="3702">
          <cell r="A3702" t="str">
            <v>57025Y</v>
          </cell>
          <cell r="B3702" t="str">
            <v>ﾅｺﾞﾔﾃﾞﾝｷｺｳｷﾞｮｳ</v>
          </cell>
          <cell r="C3702" t="str">
            <v>名古屋電機工業（株）札幌営業所</v>
          </cell>
          <cell r="D3702" t="str">
            <v>山路 明信</v>
          </cell>
          <cell r="E3702" t="str">
            <v>所長</v>
          </cell>
          <cell r="F3702" t="str">
            <v>001-0021</v>
          </cell>
          <cell r="G3702" t="str">
            <v>北区北２１西５－２－１２</v>
          </cell>
          <cell r="H3702" t="str">
            <v>726-0585</v>
          </cell>
          <cell r="I3702" t="str">
            <v>726-0586</v>
          </cell>
        </row>
        <row r="3703">
          <cell r="A3703" t="str">
            <v>57038P</v>
          </cell>
          <cell r="B3703" t="str">
            <v>ﾅｶｻﾞﾜﾃﾞﾝｷｼｮｳｶｲ</v>
          </cell>
          <cell r="C3703" t="str">
            <v>（有）中澤電気商会</v>
          </cell>
          <cell r="D3703" t="str">
            <v>中澤 喜三</v>
          </cell>
          <cell r="E3703" t="str">
            <v>代表取締役</v>
          </cell>
          <cell r="F3703" t="str">
            <v>003-0025</v>
          </cell>
          <cell r="G3703" t="str">
            <v>白石区本郷通４北１－３０</v>
          </cell>
          <cell r="H3703" t="str">
            <v>864-0959</v>
          </cell>
          <cell r="I3703" t="str">
            <v>864-3259</v>
          </cell>
        </row>
        <row r="3704">
          <cell r="A3704" t="str">
            <v>57117S</v>
          </cell>
          <cell r="B3704" t="str">
            <v>ﾅｶｼﾞﾏｿｸﾘｮｳｾｯｹｲ</v>
          </cell>
          <cell r="C3704" t="str">
            <v>（株）中島測量設計</v>
          </cell>
          <cell r="D3704" t="str">
            <v>中島 節子</v>
          </cell>
          <cell r="E3704" t="str">
            <v>代表取締役</v>
          </cell>
          <cell r="F3704" t="str">
            <v>061-3217</v>
          </cell>
          <cell r="G3704" t="str">
            <v>石狩市花川北７－３－４９－１</v>
          </cell>
          <cell r="H3704" t="str">
            <v>0133-74-2567</v>
          </cell>
          <cell r="I3704" t="str">
            <v>0133-74-2568</v>
          </cell>
        </row>
        <row r="3705">
          <cell r="A3705" t="str">
            <v>57801R</v>
          </cell>
          <cell r="B3705" t="str">
            <v>ﾅｶﾀｿｸﾘｮｳ</v>
          </cell>
          <cell r="C3705" t="str">
            <v>（株）中田測量</v>
          </cell>
          <cell r="D3705" t="str">
            <v>中田 賢</v>
          </cell>
          <cell r="E3705" t="str">
            <v>代表取締役</v>
          </cell>
          <cell r="F3705" t="str">
            <v>062-0001</v>
          </cell>
          <cell r="G3705" t="str">
            <v>豊平区美園１－１－１－２０</v>
          </cell>
          <cell r="H3705" t="str">
            <v>822-1361</v>
          </cell>
          <cell r="I3705" t="str">
            <v>841-9263</v>
          </cell>
        </row>
        <row r="3706">
          <cell r="A3706" t="str">
            <v>57804W</v>
          </cell>
          <cell r="B3706" t="str">
            <v>ﾅｶﾑﾗｳﾝｿｳ</v>
          </cell>
          <cell r="C3706" t="str">
            <v>中村運送（株）</v>
          </cell>
          <cell r="D3706" t="str">
            <v>中村 宏充</v>
          </cell>
          <cell r="E3706" t="str">
            <v>代表取締役</v>
          </cell>
          <cell r="F3706" t="str">
            <v>003-0871</v>
          </cell>
          <cell r="G3706" t="str">
            <v>白石区米里１－４－３－４５</v>
          </cell>
          <cell r="H3706" t="str">
            <v>874-1311</v>
          </cell>
          <cell r="I3706" t="str">
            <v>874-7301</v>
          </cell>
        </row>
        <row r="3707">
          <cell r="A3707" t="str">
            <v>57810S</v>
          </cell>
          <cell r="B3707" t="str">
            <v>ﾅﾝｴｲｹﾝｾﾂｳﾝﾕ</v>
          </cell>
          <cell r="C3707" t="str">
            <v>（株）南栄建設運輸</v>
          </cell>
          <cell r="D3707" t="str">
            <v>吉田 孝夫</v>
          </cell>
          <cell r="E3707" t="str">
            <v>代表取締役</v>
          </cell>
          <cell r="F3707" t="str">
            <v>005-0801</v>
          </cell>
          <cell r="G3707" t="str">
            <v>南区川沿１－３－１－１</v>
          </cell>
          <cell r="H3707" t="str">
            <v>571-7806</v>
          </cell>
          <cell r="I3707" t="str">
            <v>571-5473</v>
          </cell>
        </row>
        <row r="3708">
          <cell r="A3708" t="str">
            <v>58002W</v>
          </cell>
          <cell r="B3708" t="str">
            <v>ﾆｯｾｲﾃﾞﾝｷ</v>
          </cell>
          <cell r="C3708" t="str">
            <v>（株）日星電機</v>
          </cell>
          <cell r="D3708" t="str">
            <v>西條 秀夫</v>
          </cell>
          <cell r="E3708" t="str">
            <v>代表取締役</v>
          </cell>
          <cell r="F3708" t="str">
            <v>060-0906</v>
          </cell>
          <cell r="G3708" t="str">
            <v>東区北６東４－８－１６</v>
          </cell>
          <cell r="H3708" t="str">
            <v>731-7231</v>
          </cell>
          <cell r="I3708" t="str">
            <v>712-0042</v>
          </cell>
        </row>
        <row r="3709">
          <cell r="A3709" t="str">
            <v>58003T</v>
          </cell>
          <cell r="B3709" t="str">
            <v>ﾆﾎﾝﾘｮｯｶｺｳ</v>
          </cell>
          <cell r="C3709" t="str">
            <v>日本緑化工（株）</v>
          </cell>
          <cell r="D3709" t="str">
            <v>畑山 貞夫</v>
          </cell>
          <cell r="E3709" t="str">
            <v>代表取締役</v>
          </cell>
          <cell r="F3709" t="str">
            <v>002-8028</v>
          </cell>
          <cell r="G3709" t="str">
            <v>北区篠路８－５－２－１</v>
          </cell>
          <cell r="H3709" t="str">
            <v>775-3200</v>
          </cell>
          <cell r="I3709" t="str">
            <v>775-4100</v>
          </cell>
        </row>
        <row r="3710">
          <cell r="A3710" t="str">
            <v>58005Z</v>
          </cell>
          <cell r="B3710" t="str">
            <v>ﾆｯｺｳｾﾂﾋﾞｺｳｷﾞｮｳ</v>
          </cell>
          <cell r="C3710" t="str">
            <v>日興設備工業（株）</v>
          </cell>
          <cell r="D3710" t="str">
            <v>坂井 雄治</v>
          </cell>
          <cell r="E3710" t="str">
            <v>代表取締役</v>
          </cell>
          <cell r="F3710" t="str">
            <v>065-0022</v>
          </cell>
          <cell r="G3710" t="str">
            <v>東区北２２東５－２－１１</v>
          </cell>
          <cell r="H3710" t="str">
            <v>742-7318</v>
          </cell>
          <cell r="I3710" t="str">
            <v>752-5210</v>
          </cell>
        </row>
        <row r="3711">
          <cell r="A3711" t="str">
            <v>58007V</v>
          </cell>
          <cell r="B3711" t="str">
            <v>ﾆﾎﾝﾃｲｴﾝ</v>
          </cell>
          <cell r="C3711" t="str">
            <v>（株）日本庭園</v>
          </cell>
          <cell r="D3711" t="str">
            <v>伊藤 哲弥</v>
          </cell>
          <cell r="E3711" t="str">
            <v>代表取締役</v>
          </cell>
          <cell r="F3711" t="str">
            <v>006-0819</v>
          </cell>
          <cell r="G3711" t="str">
            <v>手稲区前田９－１１－５－３０</v>
          </cell>
          <cell r="H3711" t="str">
            <v>684-2458</v>
          </cell>
          <cell r="I3711" t="str">
            <v>684-5428</v>
          </cell>
        </row>
        <row r="3712">
          <cell r="A3712" t="str">
            <v>58024N</v>
          </cell>
          <cell r="B3712" t="str">
            <v>ﾆｼｵｶｿｳｷﾞｮｳ</v>
          </cell>
          <cell r="C3712" t="str">
            <v>西岡総業（株）</v>
          </cell>
          <cell r="D3712" t="str">
            <v>佐々木 信也</v>
          </cell>
          <cell r="E3712" t="str">
            <v>代表取締役</v>
          </cell>
          <cell r="F3712" t="str">
            <v>062-0032</v>
          </cell>
          <cell r="G3712" t="str">
            <v>豊平区西岡２－１１－２５－１８</v>
          </cell>
          <cell r="H3712" t="str">
            <v>581-5851</v>
          </cell>
          <cell r="I3712" t="str">
            <v>582-5522</v>
          </cell>
        </row>
        <row r="3713">
          <cell r="A3713" t="str">
            <v>58026V</v>
          </cell>
          <cell r="B3713" t="str">
            <v>ﾆﾎﾝｶﾝｷｮｳｷﾞｹﾝ</v>
          </cell>
          <cell r="C3713" t="str">
            <v>日本環境技研（株）</v>
          </cell>
          <cell r="D3713" t="str">
            <v>根津 浩一郎</v>
          </cell>
          <cell r="E3713" t="str">
            <v>代表取締役社長</v>
          </cell>
          <cell r="F3713" t="str">
            <v>169-0051</v>
          </cell>
          <cell r="G3713" t="str">
            <v>東京都新宿区西早稲田２－２１－１６</v>
          </cell>
          <cell r="H3713" t="str">
            <v>03-5272-9401</v>
          </cell>
          <cell r="I3713" t="str">
            <v>03-5272-9409</v>
          </cell>
        </row>
        <row r="3714">
          <cell r="A3714" t="str">
            <v>58032S</v>
          </cell>
          <cell r="B3714" t="str">
            <v>ｼﾞｪｲｴﾌｲｰｴﾝｼﾞﾆｱﾘﾝｸﾞ</v>
          </cell>
          <cell r="C3714" t="str">
            <v>ＪＦＥエンジニアリング（株）北海道支社</v>
          </cell>
          <cell r="D3714" t="str">
            <v>林 有三</v>
          </cell>
          <cell r="E3714" t="str">
            <v>支社長</v>
          </cell>
          <cell r="F3714" t="str">
            <v>060-0005</v>
          </cell>
          <cell r="G3714" t="str">
            <v>中央区北５西２－５ ＪＲタワー１７</v>
          </cell>
          <cell r="H3714" t="str">
            <v>271-2211</v>
          </cell>
          <cell r="I3714" t="str">
            <v>271-2218</v>
          </cell>
        </row>
        <row r="3715">
          <cell r="A3715" t="str">
            <v>58035W</v>
          </cell>
          <cell r="B3715" t="str">
            <v>ﾆﾎﾝｺｳｴｲ</v>
          </cell>
          <cell r="C3715" t="str">
            <v>日本工営（株）札幌支店</v>
          </cell>
          <cell r="D3715" t="str">
            <v>爲光 美樹</v>
          </cell>
          <cell r="E3715" t="str">
            <v>支店長</v>
          </cell>
          <cell r="F3715" t="str">
            <v>060-0005</v>
          </cell>
          <cell r="G3715" t="str">
            <v>中央区北５西６－２ 札幌センタービル</v>
          </cell>
          <cell r="H3715" t="str">
            <v>205-5531</v>
          </cell>
          <cell r="I3715" t="str">
            <v>252-0345</v>
          </cell>
        </row>
        <row r="3716">
          <cell r="A3716" t="str">
            <v>58039Y</v>
          </cell>
          <cell r="B3716" t="str">
            <v>ﾆﾎﾝｷﾄﾞｳｺｳｷﾞｮｳ</v>
          </cell>
          <cell r="C3716" t="str">
            <v>日本軌道工業（株）札幌営業所</v>
          </cell>
          <cell r="D3716" t="str">
            <v>一戸 政孝</v>
          </cell>
          <cell r="E3716" t="str">
            <v>所長</v>
          </cell>
          <cell r="F3716" t="str">
            <v>006-0002</v>
          </cell>
          <cell r="G3716" t="str">
            <v>手稲区西宮の沢２－２－２１２－２</v>
          </cell>
          <cell r="H3716" t="str">
            <v>671-1113</v>
          </cell>
          <cell r="I3716" t="str">
            <v>671-1117</v>
          </cell>
        </row>
        <row r="3717">
          <cell r="A3717" t="str">
            <v>58041T</v>
          </cell>
          <cell r="B3717" t="str">
            <v>ﾆｯﾎﾟﾝﾗｲﾅｰ</v>
          </cell>
          <cell r="C3717" t="str">
            <v>日本ライナー（株）北海道支店</v>
          </cell>
          <cell r="D3717" t="str">
            <v>新沼 文朗</v>
          </cell>
          <cell r="E3717" t="str">
            <v>支店長</v>
          </cell>
          <cell r="F3717" t="str">
            <v>063-0836</v>
          </cell>
          <cell r="G3717" t="str">
            <v>西区発寒１６－３－１－１９</v>
          </cell>
          <cell r="H3717" t="str">
            <v>662-0311</v>
          </cell>
          <cell r="I3717" t="str">
            <v>662-0312</v>
          </cell>
        </row>
        <row r="3718">
          <cell r="A3718" t="str">
            <v>58043N</v>
          </cell>
          <cell r="B3718" t="str">
            <v>ﾆﾎﾝﾀｲｲｸｼｾﾂ</v>
          </cell>
          <cell r="C3718" t="str">
            <v>日本体育施設（株）北海道支店</v>
          </cell>
          <cell r="D3718" t="str">
            <v>寺口 俊春</v>
          </cell>
          <cell r="E3718" t="str">
            <v>取締役支店長</v>
          </cell>
          <cell r="F3718" t="str">
            <v>063-0006</v>
          </cell>
          <cell r="G3718" t="str">
            <v>西区山の手６－７－２－１７</v>
          </cell>
          <cell r="H3718" t="str">
            <v>614-1321</v>
          </cell>
          <cell r="I3718" t="str">
            <v>614-1377</v>
          </cell>
        </row>
        <row r="3719">
          <cell r="A3719" t="str">
            <v>58044Y</v>
          </cell>
          <cell r="B3719" t="str">
            <v>ﾆｯｺｳﾄﾞｳﾛｾｲﾋﾞ</v>
          </cell>
          <cell r="C3719" t="str">
            <v>日綱道路整備（株）北海道支店</v>
          </cell>
          <cell r="D3719" t="str">
            <v>白木 宏文</v>
          </cell>
          <cell r="E3719" t="str">
            <v>支店長</v>
          </cell>
          <cell r="F3719" t="str">
            <v>007-0810</v>
          </cell>
          <cell r="G3719" t="str">
            <v>東区東苗穂１０－２－２１－２</v>
          </cell>
          <cell r="H3719" t="str">
            <v>792-3833</v>
          </cell>
          <cell r="I3719" t="str">
            <v>792-3993</v>
          </cell>
        </row>
        <row r="3720">
          <cell r="A3720" t="str">
            <v>58048Z</v>
          </cell>
          <cell r="B3720" t="str">
            <v>ﾆｯﾎﾟﾝﾃﾞﾝｾﾂｺｳｷﾞｮｳ</v>
          </cell>
          <cell r="C3720" t="str">
            <v>日本電設工業（株）北海道支店</v>
          </cell>
          <cell r="D3720" t="str">
            <v>田中 均</v>
          </cell>
          <cell r="E3720" t="str">
            <v>執行役員支店長</v>
          </cell>
          <cell r="F3720" t="str">
            <v>001-0016</v>
          </cell>
          <cell r="G3720" t="str">
            <v>北区北１６西５－２０</v>
          </cell>
          <cell r="H3720" t="str">
            <v>716-4241</v>
          </cell>
          <cell r="I3720" t="str">
            <v>737-6025</v>
          </cell>
        </row>
        <row r="3721">
          <cell r="A3721" t="str">
            <v>58049X</v>
          </cell>
          <cell r="B3721" t="str">
            <v>ﾆｯｼﾝﾃﾞﾝｷ</v>
          </cell>
          <cell r="C3721" t="str">
            <v>日新電機（株）北海道支店</v>
          </cell>
          <cell r="D3721" t="str">
            <v>本間 正義</v>
          </cell>
          <cell r="E3721" t="str">
            <v>支店長</v>
          </cell>
          <cell r="F3721" t="str">
            <v>060-0042</v>
          </cell>
          <cell r="G3721" t="str">
            <v>中央区大通西８－２住友商事フカミヤ大通ビル</v>
          </cell>
          <cell r="H3721" t="str">
            <v>221-3589</v>
          </cell>
          <cell r="I3721" t="str">
            <v>271-3844</v>
          </cell>
        </row>
        <row r="3722">
          <cell r="A3722" t="str">
            <v>58050V</v>
          </cell>
          <cell r="B3722" t="str">
            <v>ﾃﾞﾝｾｲ･ﾗﾑﾀﾞ</v>
          </cell>
          <cell r="C3722" t="str">
            <v>デンセイ・ラムダ（株）北海道地区営業所</v>
          </cell>
          <cell r="D3722" t="str">
            <v>水田 智久</v>
          </cell>
          <cell r="E3722" t="str">
            <v>所長</v>
          </cell>
          <cell r="F3722" t="str">
            <v>060-0061</v>
          </cell>
          <cell r="G3722" t="str">
            <v>中央区南１西５－７－１ 敷島南一条ビル５Ｆ</v>
          </cell>
          <cell r="H3722" t="str">
            <v>221-2228</v>
          </cell>
          <cell r="I3722" t="str">
            <v>261-1759</v>
          </cell>
        </row>
        <row r="3723">
          <cell r="A3723" t="str">
            <v>58054X</v>
          </cell>
          <cell r="B3723" t="str">
            <v>ﾆﾁﾅﾝｻﾝｷﾞｮｳ</v>
          </cell>
          <cell r="C3723" t="str">
            <v>日南産業（株）</v>
          </cell>
          <cell r="D3723" t="str">
            <v>日下 幸弘</v>
          </cell>
          <cell r="E3723" t="str">
            <v>代表取締役</v>
          </cell>
          <cell r="F3723" t="str">
            <v>007-0829</v>
          </cell>
          <cell r="G3723" t="str">
            <v>東区東雁来９－１－７－２９</v>
          </cell>
          <cell r="H3723" t="str">
            <v>791-3000</v>
          </cell>
          <cell r="I3723" t="str">
            <v>791-3200</v>
          </cell>
        </row>
        <row r="3724">
          <cell r="A3724" t="str">
            <v>58078W</v>
          </cell>
          <cell r="B3724" t="str">
            <v>ｺｳｼﾝｹﾝｾﾂ</v>
          </cell>
          <cell r="C3724" t="str">
            <v>興新建設（株）</v>
          </cell>
          <cell r="D3724" t="str">
            <v>福岡 諭</v>
          </cell>
          <cell r="E3724" t="str">
            <v>代表取締役</v>
          </cell>
          <cell r="F3724" t="str">
            <v>006-0807</v>
          </cell>
          <cell r="G3724" t="str">
            <v>手稲区新発寒７ー１０－４－１０</v>
          </cell>
          <cell r="H3724" t="str">
            <v>685-9510</v>
          </cell>
          <cell r="I3724" t="str">
            <v>685-8380</v>
          </cell>
        </row>
        <row r="3725">
          <cell r="A3725" t="str">
            <v>58104N</v>
          </cell>
          <cell r="B3725" t="str">
            <v>ﾆﾎﾝｶﾝｷｮｳｺｳｶﾞｸｾｯｹｲｼﾞﾑｼｮ</v>
          </cell>
          <cell r="C3725" t="str">
            <v>（株）日本環境工学設計事務所</v>
          </cell>
          <cell r="D3725" t="str">
            <v>中丸 秀雄</v>
          </cell>
          <cell r="E3725" t="str">
            <v>代表取締役</v>
          </cell>
          <cell r="F3725" t="str">
            <v>101-0051</v>
          </cell>
          <cell r="G3725" t="str">
            <v>東京都千代田区神田神保町３－５</v>
          </cell>
          <cell r="H3725" t="str">
            <v>03-3265-0551</v>
          </cell>
          <cell r="I3725" t="str">
            <v>03-3265-0550</v>
          </cell>
        </row>
        <row r="3726">
          <cell r="A3726" t="str">
            <v>58113P</v>
          </cell>
          <cell r="B3726" t="str">
            <v>ﾆｼｸﾞﾐ</v>
          </cell>
          <cell r="C3726" t="str">
            <v>（株）西組</v>
          </cell>
          <cell r="D3726" t="str">
            <v>西本 孝太郎</v>
          </cell>
          <cell r="E3726" t="str">
            <v>代表取締役</v>
          </cell>
          <cell r="F3726" t="str">
            <v>062-0041</v>
          </cell>
          <cell r="G3726" t="str">
            <v>豊平区福住１－７－５－１２</v>
          </cell>
          <cell r="H3726" t="str">
            <v>853-2817</v>
          </cell>
          <cell r="I3726" t="str">
            <v>859-2250</v>
          </cell>
        </row>
        <row r="3727">
          <cell r="A3727" t="str">
            <v>58120W</v>
          </cell>
          <cell r="B3727" t="str">
            <v>ﾆｼｶﾜｶﾝｺｳ</v>
          </cell>
          <cell r="C3727" t="str">
            <v>（有）西川管工</v>
          </cell>
          <cell r="D3727" t="str">
            <v>西川 幸一</v>
          </cell>
          <cell r="E3727" t="str">
            <v>代表取締役</v>
          </cell>
          <cell r="F3727" t="str">
            <v>003-0027</v>
          </cell>
          <cell r="G3727" t="str">
            <v>白石区本通１３北１－７</v>
          </cell>
          <cell r="H3727" t="str">
            <v>861-4488</v>
          </cell>
          <cell r="I3727" t="str">
            <v>861-4483</v>
          </cell>
        </row>
        <row r="3728">
          <cell r="A3728" t="str">
            <v>58147Z</v>
          </cell>
          <cell r="B3728" t="str">
            <v>ﾆｯﾎﾟﾝｺﾑｼｽ</v>
          </cell>
          <cell r="C3728" t="str">
            <v>日本コムシス（株）北海道支店</v>
          </cell>
          <cell r="D3728" t="str">
            <v>仲山 昌樹</v>
          </cell>
          <cell r="E3728" t="str">
            <v>執行役員支店長</v>
          </cell>
          <cell r="F3728" t="str">
            <v>060-0001</v>
          </cell>
          <cell r="G3728" t="str">
            <v>中央区北１西１０－１－２１ ユーネットビル７階</v>
          </cell>
          <cell r="H3728" t="str">
            <v>222-2800</v>
          </cell>
          <cell r="I3728" t="str">
            <v>222-7755</v>
          </cell>
        </row>
        <row r="3729">
          <cell r="A3729" t="str">
            <v>58156N</v>
          </cell>
          <cell r="B3729" t="str">
            <v>ﾆﾁｴｲｹﾝｾﾂ</v>
          </cell>
          <cell r="C3729" t="str">
            <v>（株）日栄建設</v>
          </cell>
          <cell r="D3729" t="str">
            <v>下谷内 芳昭</v>
          </cell>
          <cell r="E3729" t="str">
            <v>代表取締役社長</v>
          </cell>
          <cell r="F3729" t="str">
            <v>004-0061</v>
          </cell>
          <cell r="G3729" t="str">
            <v>厚別区厚別西１－１－１－５０</v>
          </cell>
          <cell r="H3729" t="str">
            <v>892-4517</v>
          </cell>
          <cell r="I3729" t="str">
            <v>892-5333</v>
          </cell>
        </row>
        <row r="3730">
          <cell r="A3730" t="str">
            <v>58158W</v>
          </cell>
          <cell r="B3730" t="str">
            <v>ﾆｯｼｮｳﾃﾞﾝｷｾｲｻｸｼｮ</v>
          </cell>
          <cell r="C3730" t="str">
            <v>（株）日照電機製作所</v>
          </cell>
          <cell r="D3730" t="str">
            <v>嘉部 真喜男</v>
          </cell>
          <cell r="E3730" t="str">
            <v>代表取締役</v>
          </cell>
          <cell r="F3730" t="str">
            <v>007-0885</v>
          </cell>
          <cell r="G3730" t="str">
            <v>東区北丘珠５－４－７３２－５０</v>
          </cell>
          <cell r="H3730" t="str">
            <v>785-2711</v>
          </cell>
          <cell r="I3730" t="str">
            <v>785-2716</v>
          </cell>
        </row>
        <row r="3731">
          <cell r="A3731" t="str">
            <v>58160R</v>
          </cell>
          <cell r="B3731" t="str">
            <v>ﾆｯｽｲｺｳｷﾞｮｳ</v>
          </cell>
          <cell r="C3731" t="str">
            <v>（有）日水工業</v>
          </cell>
          <cell r="D3731" t="str">
            <v>斎藤 嘉秀</v>
          </cell>
          <cell r="E3731" t="str">
            <v>代表取締役</v>
          </cell>
          <cell r="F3731" t="str">
            <v>005-0801</v>
          </cell>
          <cell r="G3731" t="str">
            <v>南区川沿１－２－１－６</v>
          </cell>
          <cell r="H3731" t="str">
            <v>571-3338</v>
          </cell>
          <cell r="I3731" t="str">
            <v>572-4594</v>
          </cell>
        </row>
        <row r="3732">
          <cell r="A3732" t="str">
            <v>58165P</v>
          </cell>
          <cell r="B3732" t="str">
            <v>ﾆﾎﾝｸｳﾁｮｳｻｰﾋﾞｽ</v>
          </cell>
          <cell r="C3732" t="str">
            <v>日本空調サービス（株）北海道支店</v>
          </cell>
          <cell r="D3732" t="str">
            <v>満田 隆夫</v>
          </cell>
          <cell r="E3732" t="str">
            <v>支店長</v>
          </cell>
          <cell r="F3732" t="str">
            <v>065-0019</v>
          </cell>
          <cell r="G3732" t="str">
            <v>東区北１９東２１－４－８</v>
          </cell>
          <cell r="H3732" t="str">
            <v>784-1771</v>
          </cell>
          <cell r="I3732" t="str">
            <v>784-1776</v>
          </cell>
        </row>
        <row r="3733">
          <cell r="A3733" t="str">
            <v>58168V</v>
          </cell>
          <cell r="B3733" t="str">
            <v>ﾆｻｶ</v>
          </cell>
          <cell r="C3733" t="str">
            <v>（株）ニサカ</v>
          </cell>
          <cell r="D3733" t="str">
            <v>二坂 肇</v>
          </cell>
          <cell r="E3733" t="str">
            <v>代表取締役</v>
          </cell>
          <cell r="F3733" t="str">
            <v>070-0038</v>
          </cell>
          <cell r="G3733" t="str">
            <v>旭川市８条通９左６</v>
          </cell>
          <cell r="H3733" t="str">
            <v>0166-22-2000</v>
          </cell>
          <cell r="I3733" t="str">
            <v>0166-29-2500</v>
          </cell>
        </row>
        <row r="3734">
          <cell r="A3734" t="str">
            <v>58172X</v>
          </cell>
          <cell r="B3734" t="str">
            <v>ﾆｯｾｲﾋﾞﾙﾄﾞｺｳｷﾞｮｳ</v>
          </cell>
          <cell r="C3734" t="str">
            <v>日成ビルド工業（株）札幌支店</v>
          </cell>
          <cell r="D3734" t="str">
            <v>竹中 敏行</v>
          </cell>
          <cell r="E3734" t="str">
            <v>支店長</v>
          </cell>
          <cell r="F3734" t="str">
            <v>060-0041</v>
          </cell>
          <cell r="G3734" t="str">
            <v>中央区大通東６－１２－７ ｻﾞ・ﾌｨﾌｽ大通ﾋﾞﾙ1・2Ｆ</v>
          </cell>
          <cell r="H3734" t="str">
            <v>261-8101</v>
          </cell>
          <cell r="I3734" t="str">
            <v>261-3510</v>
          </cell>
        </row>
        <row r="3735">
          <cell r="A3735" t="str">
            <v>58186X</v>
          </cell>
          <cell r="B3735" t="str">
            <v>ﾆﾎﾝﾌｧｲﾘﾝｸﾞ</v>
          </cell>
          <cell r="C3735" t="str">
            <v>日本ファイリング（株）札幌営業所</v>
          </cell>
          <cell r="D3735" t="str">
            <v>伊東 良美</v>
          </cell>
          <cell r="E3735" t="str">
            <v>所長</v>
          </cell>
          <cell r="F3735" t="str">
            <v>003-0006</v>
          </cell>
          <cell r="G3735" t="str">
            <v>白石区東札幌６－１－２－３０ 札幌三信物流ビル</v>
          </cell>
          <cell r="H3735" t="str">
            <v>824-2205</v>
          </cell>
          <cell r="I3735" t="str">
            <v>824-2454</v>
          </cell>
        </row>
        <row r="3736">
          <cell r="A3736" t="str">
            <v>58219W</v>
          </cell>
          <cell r="B3736" t="str">
            <v>ﾆﾎﾝﾉｳﾘﾂｷﾖｳｶｲｿｳｺﾞｳｹﾝｷﾕｳｼﾖ</v>
          </cell>
          <cell r="C3736" t="str">
            <v>（株）日本能率協会総合研究所北海道事務所</v>
          </cell>
          <cell r="D3736" t="str">
            <v>大江 隆之</v>
          </cell>
          <cell r="E3736" t="str">
            <v>所長</v>
          </cell>
          <cell r="F3736" t="str">
            <v>060-0001</v>
          </cell>
          <cell r="G3736" t="str">
            <v>中央区北１西１９－１－１６荻原ビル１</v>
          </cell>
          <cell r="H3736" t="str">
            <v>614-1208</v>
          </cell>
          <cell r="I3736" t="str">
            <v>614-1208</v>
          </cell>
        </row>
        <row r="3737">
          <cell r="A3737" t="str">
            <v>58241N</v>
          </cell>
          <cell r="B3737" t="str">
            <v>ﾆｯｼｮｳｷﾞｹﾝ</v>
          </cell>
          <cell r="C3737" t="str">
            <v>日商技研（株）</v>
          </cell>
          <cell r="D3737" t="str">
            <v>福井 実</v>
          </cell>
          <cell r="E3737" t="str">
            <v>代表取締役</v>
          </cell>
          <cell r="F3737" t="str">
            <v>001-0909</v>
          </cell>
          <cell r="G3737" t="str">
            <v>北区新琴似」９－６－９－１２</v>
          </cell>
          <cell r="H3737" t="str">
            <v>761-1112</v>
          </cell>
          <cell r="I3737" t="str">
            <v>762-7235</v>
          </cell>
        </row>
        <row r="3738">
          <cell r="A3738" t="str">
            <v>58251Z</v>
          </cell>
          <cell r="B3738" t="str">
            <v>ﾆｯｼﾝﾊｲｶﾝｺｳｷﾞｮｳ</v>
          </cell>
          <cell r="C3738" t="str">
            <v>日新配管工業（株）</v>
          </cell>
          <cell r="D3738" t="str">
            <v>南 茂</v>
          </cell>
          <cell r="E3738" t="str">
            <v>代表取締役</v>
          </cell>
          <cell r="F3738" t="str">
            <v>004-0833</v>
          </cell>
          <cell r="G3738" t="str">
            <v>清田区真栄３－２－１５－５</v>
          </cell>
          <cell r="H3738" t="str">
            <v>882-1556</v>
          </cell>
          <cell r="I3738" t="str">
            <v>883-9096</v>
          </cell>
        </row>
        <row r="3739">
          <cell r="A3739" t="str">
            <v>58257W</v>
          </cell>
          <cell r="B3739" t="str">
            <v>ﾆｯﾄｳｺｳｴｲ</v>
          </cell>
          <cell r="C3739" t="str">
            <v>日東工営（株）札幌営業所</v>
          </cell>
          <cell r="D3739" t="str">
            <v>吉田 篤</v>
          </cell>
          <cell r="E3739" t="str">
            <v>所長</v>
          </cell>
          <cell r="F3739" t="str">
            <v>060-0002</v>
          </cell>
          <cell r="G3739" t="str">
            <v>中央区北２西４－１ 札幌三井ビル</v>
          </cell>
          <cell r="H3739" t="str">
            <v>241-8801</v>
          </cell>
          <cell r="I3739" t="str">
            <v>241-8805</v>
          </cell>
        </row>
        <row r="3740">
          <cell r="A3740" t="str">
            <v>58262W</v>
          </cell>
          <cell r="B3740" t="str">
            <v>ｷｮｳﾜﾆｯｾｲ</v>
          </cell>
          <cell r="C3740" t="str">
            <v>（株）協和日成札幌支店</v>
          </cell>
          <cell r="D3740" t="str">
            <v>住吉 宏行</v>
          </cell>
          <cell r="E3740" t="str">
            <v>支店長</v>
          </cell>
          <cell r="F3740" t="str">
            <v>007-0848</v>
          </cell>
          <cell r="G3740" t="str">
            <v>東区北４８東２－１－２</v>
          </cell>
          <cell r="H3740" t="str">
            <v>748-8811</v>
          </cell>
          <cell r="I3740" t="str">
            <v>748-8844</v>
          </cell>
        </row>
        <row r="3741">
          <cell r="A3741" t="str">
            <v>58268S</v>
          </cell>
          <cell r="B3741" t="str">
            <v>ﾆｲｶﾞﾀﾂｳｼﾝｷ</v>
          </cell>
          <cell r="C3741" t="str">
            <v>新潟通信機（株）</v>
          </cell>
          <cell r="D3741" t="str">
            <v>齊藤 昭治</v>
          </cell>
          <cell r="E3741" t="str">
            <v>代表取締役</v>
          </cell>
          <cell r="F3741" t="str">
            <v>950-8580</v>
          </cell>
          <cell r="G3741" t="str">
            <v>新潟県新潟市上所中３－１４－８</v>
          </cell>
          <cell r="H3741" t="str">
            <v>025-282-1800</v>
          </cell>
          <cell r="I3741" t="str">
            <v>025-282-1346</v>
          </cell>
        </row>
        <row r="3742">
          <cell r="A3742" t="str">
            <v>58283R</v>
          </cell>
          <cell r="B3742" t="str">
            <v>ﾆｯｺｳｷﾝｿﾞｸ</v>
          </cell>
          <cell r="C3742" t="str">
            <v>（株）日江金属</v>
          </cell>
          <cell r="D3742" t="str">
            <v>金田 敏雄</v>
          </cell>
          <cell r="E3742" t="str">
            <v>代表取締役</v>
          </cell>
          <cell r="F3742" t="str">
            <v>067-0051</v>
          </cell>
          <cell r="G3742" t="str">
            <v>江別市工栄町３－５</v>
          </cell>
          <cell r="H3742" t="str">
            <v>382-7711</v>
          </cell>
          <cell r="I3742" t="str">
            <v>382-7722</v>
          </cell>
        </row>
        <row r="3743">
          <cell r="A3743" t="str">
            <v>58286V</v>
          </cell>
          <cell r="B3743" t="str">
            <v>ﾆﾎﾝﾛﾏｯｸｽ</v>
          </cell>
          <cell r="C3743" t="str">
            <v>日本ロマックス（株）</v>
          </cell>
          <cell r="D3743" t="str">
            <v>阿瀬川 稔</v>
          </cell>
          <cell r="E3743" t="str">
            <v>代表取締役</v>
          </cell>
          <cell r="F3743" t="str">
            <v>004-0051</v>
          </cell>
          <cell r="G3743" t="str">
            <v>厚別区厚別中央１－６－３－１</v>
          </cell>
          <cell r="H3743" t="str">
            <v>891-6800</v>
          </cell>
          <cell r="I3743" t="str">
            <v>891-3400</v>
          </cell>
        </row>
        <row r="3744">
          <cell r="A3744" t="str">
            <v>58317Y</v>
          </cell>
          <cell r="B3744" t="str">
            <v>ﾆﾎﾝｼﾞﾄﾞｳﾄﾞｱ</v>
          </cell>
          <cell r="C3744" t="str">
            <v>日本自動ドア（株）札幌営業所</v>
          </cell>
          <cell r="D3744" t="str">
            <v>長澤 圭一</v>
          </cell>
          <cell r="E3744" t="str">
            <v>所長</v>
          </cell>
          <cell r="F3744" t="str">
            <v>069-1144</v>
          </cell>
          <cell r="G3744" t="str">
            <v>区夕張郡由仁町本三川６９１</v>
          </cell>
          <cell r="H3744" t="str">
            <v>0123-87-3131</v>
          </cell>
          <cell r="I3744" t="str">
            <v>0123-87-3661</v>
          </cell>
        </row>
        <row r="3745">
          <cell r="A3745" t="str">
            <v>58801P</v>
          </cell>
          <cell r="B3745" t="str">
            <v>ﾆﾁﾅﾝﾂｳｼｮｳ</v>
          </cell>
          <cell r="C3745" t="str">
            <v>（有）日南通商</v>
          </cell>
          <cell r="D3745" t="str">
            <v>中村 誠</v>
          </cell>
          <cell r="E3745" t="str">
            <v>代表取締役</v>
          </cell>
          <cell r="F3745" t="str">
            <v>006-0823</v>
          </cell>
          <cell r="G3745" t="str">
            <v>手稲区前田１３－１０－４－１２</v>
          </cell>
          <cell r="H3745" t="str">
            <v>682-5496</v>
          </cell>
          <cell r="I3745" t="str">
            <v>682-1149</v>
          </cell>
        </row>
        <row r="3746">
          <cell r="A3746" t="str">
            <v>58803X</v>
          </cell>
          <cell r="B3746" t="str">
            <v>ﾆﾎﾝｼﾞｮｳｹﾞｽｲﾄﾞｳｾｯｹｲ</v>
          </cell>
          <cell r="C3746" t="str">
            <v>日本上下水道設計（株）札幌事務所</v>
          </cell>
          <cell r="D3746" t="str">
            <v>松永 信男</v>
          </cell>
          <cell r="E3746" t="str">
            <v>所長</v>
          </cell>
          <cell r="F3746" t="str">
            <v>060-0003</v>
          </cell>
          <cell r="G3746" t="str">
            <v>中央区北３西３－１</v>
          </cell>
          <cell r="H3746" t="str">
            <v>231-0948</v>
          </cell>
          <cell r="I3746" t="str">
            <v>231-0957</v>
          </cell>
        </row>
        <row r="3747">
          <cell r="A3747" t="str">
            <v>58809T</v>
          </cell>
          <cell r="B3747" t="str">
            <v>ﾆﾎﾝﾘｽｲｾｯｹｲ</v>
          </cell>
          <cell r="C3747" t="str">
            <v>日本理水設計（株）札幌支店</v>
          </cell>
          <cell r="D3747" t="str">
            <v>鈴木 敏孝</v>
          </cell>
          <cell r="E3747" t="str">
            <v>支店長</v>
          </cell>
          <cell r="F3747" t="str">
            <v>060-0005</v>
          </cell>
          <cell r="G3747" t="str">
            <v>中央区北５西６－１－２３</v>
          </cell>
          <cell r="H3747" t="str">
            <v>242-0014</v>
          </cell>
          <cell r="I3747" t="str">
            <v>242-0047</v>
          </cell>
        </row>
        <row r="3748">
          <cell r="A3748" t="str">
            <v>58818V</v>
          </cell>
          <cell r="B3748" t="str">
            <v>ﾆﾎﾝｷﾞｼﾞｭﾂｶｲﾊﾂ</v>
          </cell>
          <cell r="C3748" t="str">
            <v>日本技術開発（株）札幌支店</v>
          </cell>
          <cell r="D3748" t="str">
            <v>松田 仁</v>
          </cell>
          <cell r="E3748" t="str">
            <v>支店長</v>
          </cell>
          <cell r="F3748" t="str">
            <v>060-0807</v>
          </cell>
          <cell r="G3748" t="str">
            <v>北区北７西７－１－３０ ＲＩＣＨ7・7ビル7F</v>
          </cell>
          <cell r="H3748" t="str">
            <v>757-9510</v>
          </cell>
          <cell r="I3748" t="str">
            <v>757-9511</v>
          </cell>
        </row>
        <row r="3749">
          <cell r="A3749" t="str">
            <v>58825N</v>
          </cell>
          <cell r="B3749" t="str">
            <v>ﾆｯｹﾝｾｯｹｲ</v>
          </cell>
          <cell r="C3749" t="str">
            <v>（株）日建設計</v>
          </cell>
          <cell r="D3749" t="str">
            <v>中村 光男</v>
          </cell>
          <cell r="E3749" t="str">
            <v>代表取締役社長</v>
          </cell>
          <cell r="F3749" t="str">
            <v>102-8117</v>
          </cell>
          <cell r="G3749" t="str">
            <v>東京都千代田区飯田橋２－１８－３</v>
          </cell>
          <cell r="H3749" t="str">
            <v>03-5226-3030</v>
          </cell>
          <cell r="I3749" t="str">
            <v>03-5226-3058</v>
          </cell>
        </row>
        <row r="3750">
          <cell r="A3750" t="str">
            <v>59202P</v>
          </cell>
          <cell r="B3750" t="str">
            <v>ﾈｯﾄﾜﾝｼｽﾃﾑｽﾞ</v>
          </cell>
          <cell r="C3750" t="str">
            <v>ネットワンシステムズ（株）</v>
          </cell>
          <cell r="D3750" t="str">
            <v>澤田 脩</v>
          </cell>
          <cell r="E3750" t="str">
            <v>代表取締役</v>
          </cell>
          <cell r="F3750" t="str">
            <v>140-8621</v>
          </cell>
          <cell r="G3750" t="str">
            <v>東京都品川区東品川２－２－８スフィアタワ</v>
          </cell>
          <cell r="H3750" t="str">
            <v>03-5462-0807</v>
          </cell>
          <cell r="I3750" t="str">
            <v>03-5462-0699</v>
          </cell>
        </row>
        <row r="3751">
          <cell r="A3751" t="str">
            <v>59603N</v>
          </cell>
          <cell r="B3751" t="str">
            <v>ﾉｳﾐﾎﾞｳｻｲ</v>
          </cell>
          <cell r="C3751" t="str">
            <v>能美防災（株）北海道支社</v>
          </cell>
          <cell r="D3751" t="str">
            <v>庄子 邦夫</v>
          </cell>
          <cell r="E3751" t="str">
            <v>支社長</v>
          </cell>
          <cell r="F3751" t="str">
            <v>001-0013</v>
          </cell>
          <cell r="G3751" t="str">
            <v>北区北１３西１－８－１０</v>
          </cell>
          <cell r="H3751" t="str">
            <v>746-6911</v>
          </cell>
          <cell r="I3751" t="str">
            <v>729-9736</v>
          </cell>
        </row>
        <row r="3752">
          <cell r="A3752" t="str">
            <v>59605V</v>
          </cell>
          <cell r="B3752" t="str">
            <v>ﾉｻﾞｷｾﾂﾋﾞ</v>
          </cell>
          <cell r="C3752" t="str">
            <v>（有）野崎設備</v>
          </cell>
          <cell r="D3752" t="str">
            <v>野崎 正夫</v>
          </cell>
          <cell r="E3752" t="str">
            <v>代表取締役</v>
          </cell>
          <cell r="F3752" t="str">
            <v>062-0054</v>
          </cell>
          <cell r="G3752" t="str">
            <v>豊平区月寒東４－１６－１－８</v>
          </cell>
          <cell r="H3752" t="str">
            <v>856-6553</v>
          </cell>
          <cell r="I3752" t="str">
            <v>856-6554</v>
          </cell>
        </row>
        <row r="3753">
          <cell r="A3753" t="str">
            <v>59606S</v>
          </cell>
          <cell r="B3753" t="str">
            <v>ﾉｶﾞﾐｷﾞｹﾝｺｳｷﾞｮｳ</v>
          </cell>
          <cell r="C3753" t="str">
            <v>野上技研工業（株）</v>
          </cell>
          <cell r="D3753" t="str">
            <v>野上 まさ子</v>
          </cell>
          <cell r="E3753" t="str">
            <v>代表取締役</v>
          </cell>
          <cell r="F3753" t="str">
            <v>007-0834</v>
          </cell>
          <cell r="G3753" t="str">
            <v>東区北３４東１５－１－２２</v>
          </cell>
          <cell r="H3753" t="str">
            <v>742-0341</v>
          </cell>
          <cell r="I3753" t="str">
            <v>742-0345</v>
          </cell>
        </row>
        <row r="3754">
          <cell r="A3754" t="str">
            <v>59618Y</v>
          </cell>
          <cell r="B3754" t="str">
            <v>ﾉﾀﾞｺｳｷﾞｮｳ</v>
          </cell>
          <cell r="C3754" t="str">
            <v>野田工業（株）</v>
          </cell>
          <cell r="D3754" t="str">
            <v>野田 武</v>
          </cell>
          <cell r="E3754" t="str">
            <v>代表取締役</v>
          </cell>
          <cell r="F3754" t="str">
            <v>064-0945</v>
          </cell>
          <cell r="G3754" t="str">
            <v>中央区盤渓３６５</v>
          </cell>
          <cell r="H3754" t="str">
            <v>643-1009</v>
          </cell>
          <cell r="I3754" t="str">
            <v>643-0740</v>
          </cell>
        </row>
        <row r="3755">
          <cell r="A3755" t="str">
            <v>59626P</v>
          </cell>
          <cell r="B3755" t="str">
            <v>ﾉﾊﾗｻﾝｷﾞｮｳ</v>
          </cell>
          <cell r="C3755" t="str">
            <v>野原産業（株）札幌営業所</v>
          </cell>
          <cell r="D3755" t="str">
            <v>中村 徹</v>
          </cell>
          <cell r="E3755" t="str">
            <v>所長</v>
          </cell>
          <cell r="F3755" t="str">
            <v>060-0032</v>
          </cell>
          <cell r="G3755" t="str">
            <v>中央区北２東１－２－１０ 日宝北２条ビル９</v>
          </cell>
          <cell r="H3755" t="str">
            <v>242-2028</v>
          </cell>
          <cell r="I3755" t="str">
            <v>242-3237</v>
          </cell>
        </row>
        <row r="3756">
          <cell r="A3756" t="str">
            <v>59632Z</v>
          </cell>
          <cell r="B3756" t="str">
            <v>ﾉｸﾞﾁｺｳｹﾞｲ</v>
          </cell>
          <cell r="C3756" t="str">
            <v>（株）ノグチ工芸</v>
          </cell>
          <cell r="D3756" t="str">
            <v>野口 守人</v>
          </cell>
          <cell r="E3756" t="str">
            <v>代表取締役</v>
          </cell>
          <cell r="F3756" t="str">
            <v>007-0845</v>
          </cell>
          <cell r="G3756" t="str">
            <v>東区北４５東１９－３－１０</v>
          </cell>
          <cell r="H3756" t="str">
            <v>783-4530</v>
          </cell>
          <cell r="I3756" t="str">
            <v>782-0334</v>
          </cell>
        </row>
        <row r="3757">
          <cell r="A3757" t="str">
            <v>59635R</v>
          </cell>
          <cell r="B3757" t="str">
            <v>ﾉｰｻﾞﾝｺﾑﾃｯｸ</v>
          </cell>
          <cell r="C3757" t="str">
            <v>（株）ノーザンコムテック</v>
          </cell>
          <cell r="D3757" t="str">
            <v>中野 健司</v>
          </cell>
          <cell r="E3757" t="str">
            <v>代表取締役</v>
          </cell>
          <cell r="F3757" t="str">
            <v>060-0909</v>
          </cell>
          <cell r="G3757" t="str">
            <v>東区北９東１－１－１ 高橋ビル２Ｆ</v>
          </cell>
          <cell r="H3757" t="str">
            <v>742-9511</v>
          </cell>
          <cell r="I3757" t="str">
            <v>742-9595</v>
          </cell>
        </row>
        <row r="3758">
          <cell r="A3758" t="str">
            <v>60005V</v>
          </cell>
          <cell r="B3758" t="str">
            <v>ﾊﾅﾀﾞﾃﾞﾝｷｺｳｷﾞｮｳ</v>
          </cell>
          <cell r="C3758" t="str">
            <v>（株）花田電気工業</v>
          </cell>
          <cell r="D3758" t="str">
            <v>花田 雅弘</v>
          </cell>
          <cell r="E3758" t="str">
            <v>代表取締役</v>
          </cell>
          <cell r="F3758" t="str">
            <v>060-0011</v>
          </cell>
          <cell r="G3758" t="str">
            <v>中央区北１１西１５－１－３９</v>
          </cell>
          <cell r="H3758" t="str">
            <v>716-1907</v>
          </cell>
          <cell r="I3758" t="str">
            <v>747-9128</v>
          </cell>
        </row>
        <row r="3759">
          <cell r="A3759" t="str">
            <v>60006S</v>
          </cell>
          <cell r="B3759" t="str">
            <v>ﾎｸﾄｿﾞｳｴﾝ</v>
          </cell>
          <cell r="C3759" t="str">
            <v>（株）ホクト造園</v>
          </cell>
          <cell r="D3759" t="str">
            <v>渡辺 国善</v>
          </cell>
          <cell r="E3759" t="str">
            <v>代表取締役</v>
          </cell>
          <cell r="F3759" t="str">
            <v>001-0045</v>
          </cell>
          <cell r="G3759" t="str">
            <v>北区麻生町６－１４－２９</v>
          </cell>
          <cell r="H3759" t="str">
            <v>707-4454</v>
          </cell>
          <cell r="I3759" t="str">
            <v>707-4460</v>
          </cell>
        </row>
        <row r="3760">
          <cell r="A3760" t="str">
            <v>60008Z</v>
          </cell>
          <cell r="B3760" t="str">
            <v>ﾌｫﾙﾃｯｸ</v>
          </cell>
          <cell r="C3760" t="str">
            <v>（株）フォルテック</v>
          </cell>
          <cell r="D3760" t="str">
            <v>花松 雄二</v>
          </cell>
          <cell r="E3760" t="str">
            <v>代表取締役</v>
          </cell>
          <cell r="F3760" t="str">
            <v>060-0055</v>
          </cell>
          <cell r="G3760" t="str">
            <v>中央区南５東３－５</v>
          </cell>
          <cell r="H3760" t="str">
            <v>531-1611</v>
          </cell>
          <cell r="I3760" t="str">
            <v>531-3851</v>
          </cell>
        </row>
        <row r="3761">
          <cell r="A3761" t="str">
            <v>60014X</v>
          </cell>
          <cell r="B3761" t="str">
            <v>ﾊﾔｼﾔ</v>
          </cell>
          <cell r="C3761" t="str">
            <v>（株）林屋札幌支店</v>
          </cell>
          <cell r="D3761" t="str">
            <v>伊藤 義二</v>
          </cell>
          <cell r="E3761" t="str">
            <v>支店長</v>
          </cell>
          <cell r="F3761" t="str">
            <v>060-0006</v>
          </cell>
          <cell r="G3761" t="str">
            <v>中央区北６西１６－１－２</v>
          </cell>
          <cell r="H3761" t="str">
            <v>641-6151</v>
          </cell>
          <cell r="I3761" t="str">
            <v>643-6266</v>
          </cell>
        </row>
        <row r="3762">
          <cell r="A3762" t="str">
            <v>60026P</v>
          </cell>
          <cell r="B3762" t="str">
            <v>ﾊﾅﾏﾂﾊｲｶﾝｺｳｷﾞｮｳｼｮ</v>
          </cell>
          <cell r="C3762" t="str">
            <v>（有）花松配管工業所</v>
          </cell>
          <cell r="D3762" t="str">
            <v>花松 武雄</v>
          </cell>
          <cell r="E3762" t="str">
            <v>代表取締役</v>
          </cell>
          <cell r="F3762" t="str">
            <v>003-0029</v>
          </cell>
          <cell r="G3762" t="str">
            <v>白石区平和通１７北６－１</v>
          </cell>
          <cell r="H3762" t="str">
            <v>862-5082</v>
          </cell>
          <cell r="I3762" t="str">
            <v>862-5087</v>
          </cell>
        </row>
        <row r="3763">
          <cell r="A3763" t="str">
            <v>60041N</v>
          </cell>
          <cell r="B3763" t="str">
            <v>ﾊｯｺｳﾃﾞﾝｷ</v>
          </cell>
          <cell r="C3763" t="str">
            <v>八晃電気（株）</v>
          </cell>
          <cell r="D3763" t="str">
            <v>柏原 誠一</v>
          </cell>
          <cell r="E3763" t="str">
            <v>代表取締役</v>
          </cell>
          <cell r="F3763" t="str">
            <v>060-0031</v>
          </cell>
          <cell r="G3763" t="str">
            <v>中央区北１東７－８０－１４</v>
          </cell>
          <cell r="H3763" t="str">
            <v>207-0688</v>
          </cell>
          <cell r="I3763" t="str">
            <v>207-0550</v>
          </cell>
        </row>
        <row r="3764">
          <cell r="A3764" t="str">
            <v>60050P</v>
          </cell>
          <cell r="B3764" t="str">
            <v>ﾊﾏﾀﾞﾀﾀﾞｼｼｮｳﾃﾝ</v>
          </cell>
          <cell r="C3764" t="str">
            <v>（株）濱田義商店</v>
          </cell>
          <cell r="D3764" t="str">
            <v>濱田 義哲</v>
          </cell>
          <cell r="E3764" t="str">
            <v>代表取締役</v>
          </cell>
          <cell r="F3764" t="str">
            <v>063-0811</v>
          </cell>
          <cell r="G3764" t="str">
            <v>西区琴似１－４－４－１７</v>
          </cell>
          <cell r="H3764" t="str">
            <v>641-3456</v>
          </cell>
          <cell r="I3764" t="str">
            <v>641-3457</v>
          </cell>
        </row>
        <row r="3765">
          <cell r="A3765" t="str">
            <v>60066X</v>
          </cell>
          <cell r="B3765" t="str">
            <v>ﾊﾊﾞﾀｺｳｷﾞｮｳ</v>
          </cell>
          <cell r="C3765" t="str">
            <v>（株）ハバタ工業</v>
          </cell>
          <cell r="D3765" t="str">
            <v>幅田 寛</v>
          </cell>
          <cell r="E3765" t="str">
            <v>代表取締役</v>
          </cell>
          <cell r="F3765" t="str">
            <v>065-0010</v>
          </cell>
          <cell r="G3765" t="str">
            <v>東区北１０東１７－２－１６</v>
          </cell>
          <cell r="H3765" t="str">
            <v>742-6563</v>
          </cell>
          <cell r="I3765" t="str">
            <v>704-8318</v>
          </cell>
        </row>
        <row r="3766">
          <cell r="A3766" t="str">
            <v>60067V</v>
          </cell>
          <cell r="B3766" t="str">
            <v>ﾊﾗﾀﾞﾊｲｶﾝｺｳｷﾞｮｳｼｮ</v>
          </cell>
          <cell r="C3766" t="str">
            <v>（株）原田配管工業所</v>
          </cell>
          <cell r="D3766" t="str">
            <v>谷中 和三</v>
          </cell>
          <cell r="E3766" t="str">
            <v>代表取締役</v>
          </cell>
          <cell r="F3766" t="str">
            <v>001-0911</v>
          </cell>
          <cell r="G3766" t="str">
            <v>北区新琴似１１－４－４－１３</v>
          </cell>
          <cell r="H3766" t="str">
            <v>761-3825</v>
          </cell>
          <cell r="I3766" t="str">
            <v>762-1307</v>
          </cell>
        </row>
        <row r="3767">
          <cell r="A3767" t="str">
            <v>60071X</v>
          </cell>
          <cell r="B3767" t="str">
            <v>ﾊﾂﾔﾏｿﾞｳｴﾝ</v>
          </cell>
          <cell r="C3767" t="str">
            <v>（有）初山造園</v>
          </cell>
          <cell r="D3767" t="str">
            <v>初山 貞美</v>
          </cell>
          <cell r="E3767" t="str">
            <v>代表取締役</v>
          </cell>
          <cell r="F3767" t="str">
            <v>003-0022</v>
          </cell>
          <cell r="G3767" t="str">
            <v>白石区南郷通１１南１－８</v>
          </cell>
          <cell r="H3767" t="str">
            <v>864-6679</v>
          </cell>
          <cell r="I3767" t="str">
            <v>864-1565</v>
          </cell>
        </row>
        <row r="3768">
          <cell r="A3768" t="str">
            <v>60075Y</v>
          </cell>
          <cell r="B3768" t="str">
            <v>ﾊﾅﾀﾞﾃｯｺｳｼﾞｮ</v>
          </cell>
          <cell r="C3768" t="str">
            <v>（株）花田鉄工所</v>
          </cell>
          <cell r="D3768" t="str">
            <v>花田 一彦</v>
          </cell>
          <cell r="E3768" t="str">
            <v>代表取締役</v>
          </cell>
          <cell r="F3768" t="str">
            <v>063-0835</v>
          </cell>
          <cell r="G3768" t="str">
            <v>西区発寒１５－１２－１－２８</v>
          </cell>
          <cell r="H3768" t="str">
            <v>661-1101</v>
          </cell>
          <cell r="I3768" t="str">
            <v>661-1103</v>
          </cell>
        </row>
        <row r="3769">
          <cell r="A3769" t="str">
            <v>60088P</v>
          </cell>
          <cell r="B3769" t="str">
            <v>ﾊｾｶﾞﾜｿﾞｳｴﾝﾄﾞﾎﾞｸ</v>
          </cell>
          <cell r="C3769" t="str">
            <v>（有）長谷川造園土木</v>
          </cell>
          <cell r="D3769" t="str">
            <v>長谷川 徹</v>
          </cell>
          <cell r="E3769" t="str">
            <v>代表取締役</v>
          </cell>
          <cell r="F3769" t="str">
            <v>006-0001</v>
          </cell>
          <cell r="G3769" t="str">
            <v>手稲区西宮の沢１－３－２－２８</v>
          </cell>
          <cell r="H3769" t="str">
            <v>683-7429</v>
          </cell>
          <cell r="I3769" t="str">
            <v>695-0505</v>
          </cell>
        </row>
        <row r="3770">
          <cell r="A3770" t="str">
            <v>60123W</v>
          </cell>
          <cell r="B3770" t="str">
            <v>ﾊﾙﾐｹﾝｾﾂ</v>
          </cell>
          <cell r="C3770" t="str">
            <v>（有）ハルミ建設</v>
          </cell>
          <cell r="D3770" t="str">
            <v>今井 陽子</v>
          </cell>
          <cell r="E3770" t="str">
            <v>代表取締役</v>
          </cell>
          <cell r="F3770" t="str">
            <v>002-0853</v>
          </cell>
          <cell r="G3770" t="str">
            <v>北区屯田３－６－４－１３</v>
          </cell>
          <cell r="H3770" t="str">
            <v>776-3013</v>
          </cell>
          <cell r="I3770" t="str">
            <v>771-2146</v>
          </cell>
        </row>
        <row r="3771">
          <cell r="A3771" t="str">
            <v>61003Z</v>
          </cell>
          <cell r="B3771" t="str">
            <v>ﾋﾟｰｼｰｴｽ</v>
          </cell>
          <cell r="C3771" t="str">
            <v>（株）ピーシーエス</v>
          </cell>
          <cell r="D3771" t="str">
            <v>鈴木 敏勝</v>
          </cell>
          <cell r="E3771" t="str">
            <v>代表取締役</v>
          </cell>
          <cell r="F3771" t="str">
            <v>065-0015</v>
          </cell>
          <cell r="G3771" t="str">
            <v>東区北１５東１－２３７</v>
          </cell>
          <cell r="H3771" t="str">
            <v>712-0283</v>
          </cell>
          <cell r="I3771" t="str">
            <v>712-0349</v>
          </cell>
        </row>
        <row r="3772">
          <cell r="A3772" t="str">
            <v>61004X</v>
          </cell>
          <cell r="B3772" t="str">
            <v>ﾋﾛｷｿﾞｳｴﾝﾄﾞﾎﾞｸ</v>
          </cell>
          <cell r="C3772" t="str">
            <v>（株）広木造園土木</v>
          </cell>
          <cell r="D3772" t="str">
            <v>広木 喜一郎</v>
          </cell>
          <cell r="E3772" t="str">
            <v>代表取締役</v>
          </cell>
          <cell r="F3772" t="str">
            <v>064-0920</v>
          </cell>
          <cell r="G3772" t="str">
            <v>中央区南２０西１２－８６８</v>
          </cell>
          <cell r="H3772" t="str">
            <v>561-9262</v>
          </cell>
          <cell r="I3772" t="str">
            <v>561-9287</v>
          </cell>
        </row>
        <row r="3773">
          <cell r="A3773" t="str">
            <v>61005T</v>
          </cell>
          <cell r="B3773" t="str">
            <v>ﾋﾗﾉｿﾞｳｴﾝ</v>
          </cell>
          <cell r="C3773" t="str">
            <v>（株）平野造園</v>
          </cell>
          <cell r="D3773" t="str">
            <v>平野 一美</v>
          </cell>
          <cell r="E3773" t="str">
            <v>代表取締役</v>
          </cell>
          <cell r="F3773" t="str">
            <v>003-0027</v>
          </cell>
          <cell r="G3773" t="str">
            <v>白石区本通７北１－２３</v>
          </cell>
          <cell r="H3773" t="str">
            <v>863-2384</v>
          </cell>
          <cell r="I3773" t="str">
            <v>865-8327</v>
          </cell>
        </row>
        <row r="3774">
          <cell r="A3774" t="str">
            <v>61006R</v>
          </cell>
          <cell r="B3774" t="str">
            <v>ﾋｻﾉﾃﾞﾝｷ</v>
          </cell>
          <cell r="C3774" t="str">
            <v>久野電気（株）</v>
          </cell>
          <cell r="D3774" t="str">
            <v>久野 昭男</v>
          </cell>
          <cell r="E3774" t="str">
            <v>代表取締役</v>
          </cell>
          <cell r="F3774" t="str">
            <v>003-0026</v>
          </cell>
          <cell r="G3774" t="str">
            <v>白石区本通９南７－１９</v>
          </cell>
          <cell r="H3774" t="str">
            <v>866-8585</v>
          </cell>
          <cell r="I3774" t="str">
            <v>866-8586</v>
          </cell>
        </row>
        <row r="3775">
          <cell r="A3775" t="str">
            <v>61007N</v>
          </cell>
          <cell r="B3775" t="str">
            <v>ﾋﾂﾞﾒｺｳｷﾞｮｳ</v>
          </cell>
          <cell r="C3775" t="str">
            <v>日詰工業（株）</v>
          </cell>
          <cell r="D3775" t="str">
            <v>日詰 エツ子</v>
          </cell>
          <cell r="E3775" t="str">
            <v>代表取締役</v>
          </cell>
          <cell r="F3775" t="str">
            <v>063-0833</v>
          </cell>
          <cell r="G3775" t="str">
            <v>西区発寒１３－１２－３－２５</v>
          </cell>
          <cell r="H3775" t="str">
            <v>665-6161</v>
          </cell>
          <cell r="I3775" t="str">
            <v>661-1448</v>
          </cell>
        </row>
        <row r="3776">
          <cell r="A3776" t="str">
            <v>61008Y</v>
          </cell>
          <cell r="B3776" t="str">
            <v>ﾋｶﾞｼｻｯﾎﾟﾛﾊｲｶﾝｺｳｷﾞｮｳ</v>
          </cell>
          <cell r="C3776" t="str">
            <v>東札幌配管工業（株）</v>
          </cell>
          <cell r="D3776" t="str">
            <v>八木橋 忠一</v>
          </cell>
          <cell r="E3776" t="str">
            <v>代表取締役</v>
          </cell>
          <cell r="F3776" t="str">
            <v>003-0004</v>
          </cell>
          <cell r="G3776" t="str">
            <v>白石区東札幌４－２－５－３０</v>
          </cell>
          <cell r="H3776" t="str">
            <v>821-2933</v>
          </cell>
          <cell r="I3776" t="str">
            <v>814-5346</v>
          </cell>
        </row>
        <row r="3777">
          <cell r="A3777" t="str">
            <v>61012N</v>
          </cell>
          <cell r="B3777" t="str">
            <v>ﾋﾗｸｽｷﾞﾊﾗﾄﾞﾎﾞｸ</v>
          </cell>
          <cell r="C3777" t="str">
            <v>ヒラク杉原土木（株）</v>
          </cell>
          <cell r="D3777" t="str">
            <v>清水 美紀子</v>
          </cell>
          <cell r="E3777" t="str">
            <v>代表取締役</v>
          </cell>
          <cell r="F3777" t="str">
            <v>003-0022</v>
          </cell>
          <cell r="G3777" t="str">
            <v>白石区南郷通１４南３－７</v>
          </cell>
          <cell r="H3777" t="str">
            <v>846-0288</v>
          </cell>
          <cell r="I3777" t="str">
            <v>862-5418</v>
          </cell>
        </row>
        <row r="3778">
          <cell r="A3778" t="str">
            <v>61017Z</v>
          </cell>
          <cell r="B3778" t="str">
            <v>ﾋﾟｰｴｽﾐﾂﾋﾞｼ</v>
          </cell>
          <cell r="C3778" t="str">
            <v>（株）ピーエス三菱札幌支店</v>
          </cell>
          <cell r="D3778" t="str">
            <v>佐藤 雅則</v>
          </cell>
          <cell r="E3778" t="str">
            <v>支店長</v>
          </cell>
          <cell r="F3778" t="str">
            <v>060-0003</v>
          </cell>
          <cell r="G3778" t="str">
            <v>中央区北３西２－６</v>
          </cell>
          <cell r="H3778" t="str">
            <v>219-7672</v>
          </cell>
          <cell r="I3778" t="str">
            <v>219-7680</v>
          </cell>
        </row>
        <row r="3779">
          <cell r="A3779" t="str">
            <v>61018X</v>
          </cell>
          <cell r="B3779" t="str">
            <v>ﾋﾀﾁﾌﾟﾗﾝﾄｹﾝｾﾂ</v>
          </cell>
          <cell r="C3779" t="str">
            <v>日立プラント建設（株）北海道支店</v>
          </cell>
          <cell r="D3779" t="str">
            <v>山崎 司</v>
          </cell>
          <cell r="E3779" t="str">
            <v>支店長</v>
          </cell>
          <cell r="F3779" t="str">
            <v>060-0807</v>
          </cell>
          <cell r="G3779" t="str">
            <v>北区北７西１－２－６</v>
          </cell>
          <cell r="H3779" t="str">
            <v>737-1330</v>
          </cell>
          <cell r="I3779" t="str">
            <v>737-1338</v>
          </cell>
        </row>
        <row r="3780">
          <cell r="A3780" t="str">
            <v>61021P</v>
          </cell>
          <cell r="B3780" t="str">
            <v>ﾋﾂﾞﾒｾﾂﾋﾞｷｶｸ</v>
          </cell>
          <cell r="C3780" t="str">
            <v>日詰設備企画（株）</v>
          </cell>
          <cell r="D3780" t="str">
            <v>日詰 エツ子</v>
          </cell>
          <cell r="E3780" t="str">
            <v>代表取締役</v>
          </cell>
          <cell r="F3780" t="str">
            <v>001-0923</v>
          </cell>
          <cell r="G3780" t="str">
            <v>北区新川３－１４－１０－１</v>
          </cell>
          <cell r="H3780" t="str">
            <v>769-6661</v>
          </cell>
          <cell r="I3780" t="str">
            <v>769-6606</v>
          </cell>
        </row>
        <row r="3781">
          <cell r="A3781" t="str">
            <v>61023X</v>
          </cell>
          <cell r="B3781" t="str">
            <v>ﾋﾀﾁﾃﾞﾝｾﾝ</v>
          </cell>
          <cell r="C3781" t="str">
            <v>日立電線（株）北海道支店</v>
          </cell>
          <cell r="D3781" t="str">
            <v>佐藤 孝二</v>
          </cell>
          <cell r="E3781" t="str">
            <v>支店長</v>
          </cell>
          <cell r="F3781" t="str">
            <v>001-0018</v>
          </cell>
          <cell r="G3781" t="str">
            <v>北区北１８西５－１－１２</v>
          </cell>
          <cell r="H3781" t="str">
            <v>707-0711</v>
          </cell>
          <cell r="I3781" t="str">
            <v>707-0714</v>
          </cell>
        </row>
        <row r="3782">
          <cell r="A3782" t="str">
            <v>61043V</v>
          </cell>
          <cell r="B3782" t="str">
            <v>ﾋｶﾞｼﾆﾎﾝｹｲｿｳ</v>
          </cell>
          <cell r="C3782" t="str">
            <v>（株）東日本計装</v>
          </cell>
          <cell r="D3782" t="str">
            <v>米山 昭</v>
          </cell>
          <cell r="E3782" t="str">
            <v>代表取締役</v>
          </cell>
          <cell r="F3782" t="str">
            <v>007-0843</v>
          </cell>
          <cell r="G3782" t="str">
            <v>東区北４３東１－４－２３</v>
          </cell>
          <cell r="H3782" t="str">
            <v>752-7715</v>
          </cell>
          <cell r="I3782" t="str">
            <v>752-7713</v>
          </cell>
        </row>
        <row r="3783">
          <cell r="A3783" t="str">
            <v>61051Y</v>
          </cell>
          <cell r="B3783" t="str">
            <v>ﾋﾗﾉﾊｲｶﾝｺｳｷﾞｮｳｼｮ</v>
          </cell>
          <cell r="C3783" t="str">
            <v>（有）平野配管工業所</v>
          </cell>
          <cell r="D3783" t="str">
            <v>平野 冨和</v>
          </cell>
          <cell r="E3783" t="str">
            <v>代表取締役</v>
          </cell>
          <cell r="F3783" t="str">
            <v>062-0053</v>
          </cell>
          <cell r="G3783" t="str">
            <v>豊平区月寒東３－１５－１－４１</v>
          </cell>
          <cell r="H3783" t="str">
            <v>852-1915</v>
          </cell>
          <cell r="I3783" t="str">
            <v>851-1884</v>
          </cell>
        </row>
        <row r="3784">
          <cell r="A3784" t="str">
            <v>61057V</v>
          </cell>
          <cell r="B3784" t="str">
            <v>ﾋﾉﾃﾞｺｳｷﾞｮｳ</v>
          </cell>
          <cell r="C3784" t="str">
            <v>（株）ヒノデ工業</v>
          </cell>
          <cell r="D3784" t="str">
            <v>石井 敏彦</v>
          </cell>
          <cell r="E3784" t="str">
            <v>代表取締役</v>
          </cell>
          <cell r="F3784" t="str">
            <v>062-0052</v>
          </cell>
          <cell r="G3784" t="str">
            <v>豊平区月寒東２－１１－５－２</v>
          </cell>
          <cell r="H3784" t="str">
            <v>853-5919</v>
          </cell>
          <cell r="I3784" t="str">
            <v>853-5942</v>
          </cell>
        </row>
        <row r="3785">
          <cell r="A3785" t="str">
            <v>61076V</v>
          </cell>
          <cell r="B3785" t="str">
            <v>ﾋﾀﾁｷﾃﾞﾝｺｳｷﾞｮｳ</v>
          </cell>
          <cell r="C3785" t="str">
            <v>日立機電工業（株）東部支店北海道営業所</v>
          </cell>
          <cell r="D3785" t="str">
            <v>佐藤 力</v>
          </cell>
          <cell r="E3785" t="str">
            <v>所長</v>
          </cell>
          <cell r="F3785" t="str">
            <v>060-0002</v>
          </cell>
          <cell r="G3785" t="str">
            <v>中央区北２西４－１ 札幌三井ビル３</v>
          </cell>
          <cell r="H3785" t="str">
            <v>221-2241</v>
          </cell>
          <cell r="I3785" t="str">
            <v>221-1612</v>
          </cell>
        </row>
        <row r="3786">
          <cell r="A3786" t="str">
            <v>61084Z</v>
          </cell>
          <cell r="B3786" t="str">
            <v>ﾋﾛｼﾏﾄﾐﾀｿﾞｳｴﾝ</v>
          </cell>
          <cell r="C3786" t="str">
            <v>広島冨田造園（株）</v>
          </cell>
          <cell r="D3786" t="str">
            <v>冨田 辰夫</v>
          </cell>
          <cell r="E3786" t="str">
            <v>代表取締役</v>
          </cell>
          <cell r="F3786" t="str">
            <v>061-1121</v>
          </cell>
          <cell r="G3786" t="str">
            <v>北広島市中央３－８－４</v>
          </cell>
          <cell r="H3786" t="str">
            <v>372-7100</v>
          </cell>
          <cell r="I3786" t="str">
            <v>372-7101</v>
          </cell>
        </row>
        <row r="3787">
          <cell r="A3787" t="str">
            <v>61111N</v>
          </cell>
          <cell r="B3787" t="str">
            <v>ﾋﾀﾁﾃﾞﾝｼｻｰﾋﾞｽ</v>
          </cell>
          <cell r="C3787" t="str">
            <v>日立電子サービス（株）北海道支社</v>
          </cell>
          <cell r="D3787" t="str">
            <v>楠 憲幸</v>
          </cell>
          <cell r="E3787" t="str">
            <v>支社長</v>
          </cell>
          <cell r="F3787" t="str">
            <v>060-0004</v>
          </cell>
          <cell r="G3787" t="str">
            <v>中央区北４西１－１ 共済ビル４Ｆ</v>
          </cell>
          <cell r="H3787" t="str">
            <v>222-6222</v>
          </cell>
          <cell r="I3787" t="str">
            <v>232-1442</v>
          </cell>
        </row>
        <row r="3788">
          <cell r="A3788" t="str">
            <v>62003Y</v>
          </cell>
          <cell r="B3788" t="str">
            <v>ﾏﾙﾐﾔﾌｼﾞﾀｹﾝｾﾂ</v>
          </cell>
          <cell r="C3788" t="str">
            <v>丸宮藤田建設（株）</v>
          </cell>
          <cell r="D3788" t="str">
            <v>古木 由紀</v>
          </cell>
          <cell r="E3788" t="str">
            <v>代表取締役</v>
          </cell>
          <cell r="F3788" t="str">
            <v>007-0840</v>
          </cell>
          <cell r="G3788" t="str">
            <v>東区北４０東１５－１－２</v>
          </cell>
          <cell r="H3788" t="str">
            <v>753-2044</v>
          </cell>
          <cell r="I3788" t="str">
            <v>704-0773</v>
          </cell>
        </row>
        <row r="3789">
          <cell r="A3789" t="str">
            <v>62004W</v>
          </cell>
          <cell r="B3789" t="str">
            <v>ﾌﾙｷｹﾝｾﾂｺｳｷﾞｮｳ</v>
          </cell>
          <cell r="C3789" t="str">
            <v>古木建設興業（株）</v>
          </cell>
          <cell r="D3789" t="str">
            <v>古木 由紀</v>
          </cell>
          <cell r="E3789" t="str">
            <v>代表取締役</v>
          </cell>
          <cell r="F3789" t="str">
            <v>007-0840</v>
          </cell>
          <cell r="G3789" t="str">
            <v>東区北４０東１５－１－２</v>
          </cell>
          <cell r="H3789" t="str">
            <v>741-0021</v>
          </cell>
          <cell r="I3789" t="str">
            <v>704-0773</v>
          </cell>
        </row>
        <row r="3790">
          <cell r="A3790" t="str">
            <v>62005S</v>
          </cell>
          <cell r="B3790" t="str">
            <v>ﾌｼﾞﾈｹﾝｾﾂｺｳｷﾞｮｳ</v>
          </cell>
          <cell r="C3790" t="str">
            <v>藤根建設興業（株）</v>
          </cell>
          <cell r="D3790" t="str">
            <v>藤根 利男</v>
          </cell>
          <cell r="E3790" t="str">
            <v>代表取締役</v>
          </cell>
          <cell r="F3790" t="str">
            <v>003-0869</v>
          </cell>
          <cell r="G3790" t="str">
            <v>白石区川下５７４－５７</v>
          </cell>
          <cell r="H3790" t="str">
            <v>873-8412</v>
          </cell>
          <cell r="I3790" t="str">
            <v>873-2112</v>
          </cell>
        </row>
        <row r="3791">
          <cell r="A3791" t="str">
            <v>62006P</v>
          </cell>
          <cell r="B3791" t="str">
            <v>ﾌｼﾞｲｸﾞﾐ</v>
          </cell>
          <cell r="C3791" t="str">
            <v>（株）藤井組</v>
          </cell>
          <cell r="D3791" t="str">
            <v>藤井 章司</v>
          </cell>
          <cell r="E3791" t="str">
            <v>代表取締役</v>
          </cell>
          <cell r="F3791" t="str">
            <v>005-0016</v>
          </cell>
          <cell r="G3791" t="str">
            <v>南区真駒内南町１－２－７</v>
          </cell>
          <cell r="H3791" t="str">
            <v>581-2684</v>
          </cell>
          <cell r="I3791" t="str">
            <v>583-6106</v>
          </cell>
        </row>
        <row r="3792">
          <cell r="A3792" t="str">
            <v>62011P</v>
          </cell>
          <cell r="B3792" t="str">
            <v>ﾌﾟﾚｯｸｹﾝｷｭｳｼｮ</v>
          </cell>
          <cell r="C3792" t="str">
            <v>（株）プレック研究所北海道事務所</v>
          </cell>
          <cell r="D3792" t="str">
            <v>長谷川 雄七</v>
          </cell>
          <cell r="E3792" t="str">
            <v>事務所長</v>
          </cell>
          <cell r="F3792" t="str">
            <v>001-0905</v>
          </cell>
          <cell r="G3792" t="str">
            <v>北区新琴似５－５－２－７</v>
          </cell>
          <cell r="H3792" t="str">
            <v>768-5060</v>
          </cell>
          <cell r="I3792" t="str">
            <v>768-5061</v>
          </cell>
        </row>
        <row r="3793">
          <cell r="A3793" t="str">
            <v>62012Z</v>
          </cell>
          <cell r="B3793" t="str">
            <v>ﾌｼﾞﾎﾄﾞｳｺｳｷﾞｮｳ</v>
          </cell>
          <cell r="C3793" t="str">
            <v>富士舗道工業（株）</v>
          </cell>
          <cell r="D3793" t="str">
            <v>大室 淳美</v>
          </cell>
          <cell r="E3793" t="str">
            <v>代表取締役</v>
          </cell>
          <cell r="F3793" t="str">
            <v>064-0826</v>
          </cell>
          <cell r="G3793" t="str">
            <v>中央区北６西２６－１－５－１０１</v>
          </cell>
          <cell r="H3793" t="str">
            <v>642-6421</v>
          </cell>
          <cell r="I3793" t="str">
            <v>642-6422</v>
          </cell>
        </row>
        <row r="3794">
          <cell r="A3794" t="str">
            <v>62014V</v>
          </cell>
          <cell r="B3794" t="str">
            <v>ﾌｼﾞｹﾝｷｭｳｼｮ</v>
          </cell>
          <cell r="C3794" t="str">
            <v>（株）ふじ研究所</v>
          </cell>
          <cell r="D3794" t="str">
            <v>近藤 澄</v>
          </cell>
          <cell r="E3794" t="str">
            <v>代表取締役</v>
          </cell>
          <cell r="F3794" t="str">
            <v>065-0028</v>
          </cell>
          <cell r="G3794" t="str">
            <v>東区北２８東６－１－１</v>
          </cell>
          <cell r="H3794" t="str">
            <v>742-5828</v>
          </cell>
          <cell r="I3794" t="str">
            <v>742-5344</v>
          </cell>
        </row>
        <row r="3795">
          <cell r="A3795" t="str">
            <v>62015R</v>
          </cell>
          <cell r="B3795" t="str">
            <v>ﾌｼﾞｲｾﾂﾋﾞ</v>
          </cell>
          <cell r="C3795" t="str">
            <v>藤井設備（株）</v>
          </cell>
          <cell r="D3795" t="str">
            <v>佐藤 久</v>
          </cell>
          <cell r="E3795" t="str">
            <v>代表取締役</v>
          </cell>
          <cell r="F3795" t="str">
            <v>062-0011</v>
          </cell>
          <cell r="G3795" t="str">
            <v>豊平区美園１１－６－１－２４</v>
          </cell>
          <cell r="H3795" t="str">
            <v>821-2401</v>
          </cell>
          <cell r="I3795" t="str">
            <v>823-2644</v>
          </cell>
        </row>
        <row r="3796">
          <cell r="A3796" t="str">
            <v>62016N</v>
          </cell>
          <cell r="B3796" t="str">
            <v>ﾌﾟﾗﾝﾄｷﾞﾊﾝｺｳｷﾞｮｳ</v>
          </cell>
          <cell r="C3796" t="str">
            <v>プラント技販工業（株）</v>
          </cell>
          <cell r="D3796" t="str">
            <v>杉本 典也</v>
          </cell>
          <cell r="E3796" t="str">
            <v>取締役社長</v>
          </cell>
          <cell r="F3796" t="str">
            <v>060-0809</v>
          </cell>
          <cell r="G3796" t="str">
            <v>北区北９西４－８ エルムビル４Ｆ</v>
          </cell>
          <cell r="H3796" t="str">
            <v>747-5101</v>
          </cell>
          <cell r="I3796" t="str">
            <v>747-5103</v>
          </cell>
        </row>
        <row r="3797">
          <cell r="A3797" t="str">
            <v>62021N</v>
          </cell>
          <cell r="B3797" t="str">
            <v>ﾌﾙｲｾﾂﾋﾞｺｳｷﾞｮｳ</v>
          </cell>
          <cell r="C3797" t="str">
            <v>（有）古井設備工業</v>
          </cell>
          <cell r="D3797" t="str">
            <v>古井 実</v>
          </cell>
          <cell r="E3797" t="str">
            <v>代表取締役</v>
          </cell>
          <cell r="F3797" t="str">
            <v>007-0828</v>
          </cell>
          <cell r="G3797" t="str">
            <v>東区東雁来８－２－７－５</v>
          </cell>
          <cell r="H3797" t="str">
            <v>791-3028</v>
          </cell>
          <cell r="I3797" t="str">
            <v>791-3442</v>
          </cell>
        </row>
        <row r="3798">
          <cell r="A3798" t="str">
            <v>62025P</v>
          </cell>
          <cell r="B3798" t="str">
            <v>ﾌｯｹﾝｷﾞｼﾞｭﾂｺﾝｻﾙﾀﾝﾄ</v>
          </cell>
          <cell r="C3798" t="str">
            <v>（株）復建技術コンサルタント札幌営業所</v>
          </cell>
          <cell r="D3798" t="str">
            <v>青木 昭男</v>
          </cell>
          <cell r="E3798" t="str">
            <v>所長</v>
          </cell>
          <cell r="F3798" t="str">
            <v>003-0021</v>
          </cell>
          <cell r="G3798" t="str">
            <v>白石区栄通８－１－１５</v>
          </cell>
          <cell r="H3798" t="str">
            <v>858-3301</v>
          </cell>
          <cell r="I3798" t="str">
            <v>858-3310</v>
          </cell>
        </row>
        <row r="3799">
          <cell r="A3799" t="str">
            <v>62031Z</v>
          </cell>
          <cell r="B3799" t="str">
            <v>ﾌｶｾｺｳｷﾞｮｳ</v>
          </cell>
          <cell r="C3799" t="str">
            <v>（株）深瀬工業</v>
          </cell>
          <cell r="D3799" t="str">
            <v>深瀬 勝範</v>
          </cell>
          <cell r="E3799" t="str">
            <v>代表取締役</v>
          </cell>
          <cell r="F3799" t="str">
            <v>001-0912</v>
          </cell>
          <cell r="G3799" t="str">
            <v>北区新琴似１２－１６－１３－１９</v>
          </cell>
          <cell r="H3799" t="str">
            <v>763-0631</v>
          </cell>
          <cell r="I3799" t="str">
            <v>762-9551</v>
          </cell>
        </row>
        <row r="3800">
          <cell r="A3800" t="str">
            <v>62032X</v>
          </cell>
          <cell r="B3800" t="str">
            <v>ﾌｼﾞｴﾚﾍﾞｰﾀｰｺｳｷﾞｮｳ</v>
          </cell>
          <cell r="C3800" t="str">
            <v>冨士エレベーター工業（株）札幌営業所</v>
          </cell>
          <cell r="D3800" t="str">
            <v>山田 結城</v>
          </cell>
          <cell r="E3800" t="str">
            <v>所長</v>
          </cell>
          <cell r="F3800" t="str">
            <v>060-0042</v>
          </cell>
          <cell r="G3800" t="str">
            <v>中央区大通西１４－１ 山一ビル</v>
          </cell>
          <cell r="H3800" t="str">
            <v>221-1331</v>
          </cell>
          <cell r="I3800" t="str">
            <v>221-5255</v>
          </cell>
        </row>
        <row r="3801">
          <cell r="A3801" t="str">
            <v>62046X</v>
          </cell>
          <cell r="B3801" t="str">
            <v>ﾌｼﾞﾜﾗｶﾝｷｮｳｶｶﾞｸｹﾝｷｭｳｼｮ</v>
          </cell>
          <cell r="C3801" t="str">
            <v>（株）藤原環境科学研究所</v>
          </cell>
          <cell r="D3801" t="str">
            <v>藤原 陽三</v>
          </cell>
          <cell r="E3801" t="str">
            <v>代表取締役</v>
          </cell>
          <cell r="F3801" t="str">
            <v>063-0863</v>
          </cell>
          <cell r="G3801" t="str">
            <v>西区八軒３東２－３－１９</v>
          </cell>
          <cell r="H3801" t="str">
            <v>622-8722</v>
          </cell>
          <cell r="I3801" t="str">
            <v>622-8725</v>
          </cell>
        </row>
        <row r="3802">
          <cell r="A3802" t="str">
            <v>62072S</v>
          </cell>
          <cell r="B3802" t="str">
            <v>ﾌﾀﾊﾞｺｳｷﾞｮｳｼｬ</v>
          </cell>
          <cell r="C3802" t="str">
            <v>（株）双葉工業社</v>
          </cell>
          <cell r="D3802" t="str">
            <v>阿部 孝司</v>
          </cell>
          <cell r="E3802" t="str">
            <v>代表取締役</v>
          </cell>
          <cell r="F3802" t="str">
            <v>065-0022</v>
          </cell>
          <cell r="G3802" t="str">
            <v>東区北２２東１－１－５０</v>
          </cell>
          <cell r="H3802" t="str">
            <v>721-6391</v>
          </cell>
          <cell r="I3802" t="str">
            <v>721-6395</v>
          </cell>
        </row>
        <row r="3803">
          <cell r="A3803" t="str">
            <v>62077R</v>
          </cell>
          <cell r="B3803" t="str">
            <v>ﾌｼﾞｿﾞｳｴﾝ</v>
          </cell>
          <cell r="C3803" t="str">
            <v>（株）藤造園</v>
          </cell>
          <cell r="D3803" t="str">
            <v>進藤 孝男</v>
          </cell>
          <cell r="E3803" t="str">
            <v>代表取締役</v>
          </cell>
          <cell r="F3803" t="str">
            <v>062-0055</v>
          </cell>
          <cell r="G3803" t="str">
            <v>豊平区月寒東５－１６－１－５</v>
          </cell>
          <cell r="H3803" t="str">
            <v>853-5639</v>
          </cell>
          <cell r="I3803" t="str">
            <v>853-2799</v>
          </cell>
        </row>
        <row r="3804">
          <cell r="A3804" t="str">
            <v>62081T</v>
          </cell>
          <cell r="B3804" t="str">
            <v>ﾌｸﾀﾞﾄﾞｳﾛ</v>
          </cell>
          <cell r="C3804" t="str">
            <v>福田道路（株）北海道支店</v>
          </cell>
          <cell r="D3804" t="str">
            <v>阿部 利春</v>
          </cell>
          <cell r="E3804" t="str">
            <v>支店長</v>
          </cell>
          <cell r="F3804" t="str">
            <v>003-0871</v>
          </cell>
          <cell r="G3804" t="str">
            <v>白石区米里１－４－３－１０</v>
          </cell>
          <cell r="H3804" t="str">
            <v>874-3441</v>
          </cell>
          <cell r="I3804" t="str">
            <v>874-3474</v>
          </cell>
        </row>
        <row r="3805">
          <cell r="A3805" t="str">
            <v>62097N</v>
          </cell>
          <cell r="B3805" t="str">
            <v>ﾌﾙﾀﾊｲｶﾝｺｳｷﾞｮｳｼｮ</v>
          </cell>
          <cell r="C3805" t="str">
            <v>（株）古田配管工業所</v>
          </cell>
          <cell r="D3805" t="str">
            <v>古田 一男</v>
          </cell>
          <cell r="E3805" t="str">
            <v>代表取締役</v>
          </cell>
          <cell r="F3805" t="str">
            <v>005-0001</v>
          </cell>
          <cell r="G3805" t="str">
            <v>南区澄川１－４－６－３０</v>
          </cell>
          <cell r="H3805" t="str">
            <v>831-8561</v>
          </cell>
          <cell r="I3805" t="str">
            <v>831-8568</v>
          </cell>
        </row>
        <row r="3806">
          <cell r="A3806" t="str">
            <v>62112X</v>
          </cell>
          <cell r="B3806" t="str">
            <v>ﾌｼﾞﾂｳﾌﾛﾝﾃｯｸ</v>
          </cell>
          <cell r="C3806" t="str">
            <v>富士通フロンテック（株）北海道支店</v>
          </cell>
          <cell r="D3806" t="str">
            <v>千葉 裕治</v>
          </cell>
          <cell r="E3806" t="str">
            <v>北海道支店支店長</v>
          </cell>
          <cell r="F3806" t="str">
            <v>060-0001</v>
          </cell>
          <cell r="G3806" t="str">
            <v>中央区北１西２ 時計台ビル</v>
          </cell>
          <cell r="H3806" t="str">
            <v>210-9298</v>
          </cell>
          <cell r="I3806" t="str">
            <v>210-5197</v>
          </cell>
        </row>
        <row r="3807">
          <cell r="A3807" t="str">
            <v>62113V</v>
          </cell>
          <cell r="B3807" t="str">
            <v>ﾎｸﾘｭｳｼｽﾃﾑｹﾝｾﾂ</v>
          </cell>
          <cell r="C3807" t="str">
            <v>北流システム建設（株）</v>
          </cell>
          <cell r="D3807" t="str">
            <v>嘉重 明</v>
          </cell>
          <cell r="E3807" t="str">
            <v>代表取締役</v>
          </cell>
          <cell r="F3807" t="str">
            <v>004-0842</v>
          </cell>
          <cell r="G3807" t="str">
            <v>清田区清田２－２－１８－２４</v>
          </cell>
          <cell r="H3807" t="str">
            <v>884-2160</v>
          </cell>
          <cell r="I3807" t="str">
            <v>376-3228</v>
          </cell>
        </row>
        <row r="3808">
          <cell r="A3808" t="str">
            <v>62119R</v>
          </cell>
          <cell r="B3808" t="str">
            <v>ﾌｼﾞｿｳｷﾞｮｳ</v>
          </cell>
          <cell r="C3808" t="str">
            <v>藤総業（株）</v>
          </cell>
          <cell r="D3808" t="str">
            <v>齊藤 武一</v>
          </cell>
          <cell r="E3808" t="str">
            <v>代表取締役</v>
          </cell>
          <cell r="F3808" t="str">
            <v>007-0820</v>
          </cell>
          <cell r="G3808" t="str">
            <v>東区東雁来町３６０－１</v>
          </cell>
          <cell r="H3808" t="str">
            <v>790-2244</v>
          </cell>
          <cell r="I3808" t="str">
            <v>790-2146</v>
          </cell>
        </row>
        <row r="3809">
          <cell r="A3809" t="str">
            <v>62120N</v>
          </cell>
          <cell r="B3809" t="str">
            <v>ﾏﾙﾀｹｶﾄｳｹﾝｾﾂｺｳｷﾞｮｳ</v>
          </cell>
          <cell r="C3809" t="str">
            <v>（株）丸武加藤建設工業</v>
          </cell>
          <cell r="D3809" t="str">
            <v>加藤 武雄</v>
          </cell>
          <cell r="E3809" t="str">
            <v>代表取締役</v>
          </cell>
          <cell r="F3809" t="str">
            <v>002-8022</v>
          </cell>
          <cell r="G3809" t="str">
            <v>北区篠路２－７－４－３</v>
          </cell>
          <cell r="H3809" t="str">
            <v>771-2747</v>
          </cell>
          <cell r="I3809" t="str">
            <v>771-0015</v>
          </cell>
        </row>
        <row r="3810">
          <cell r="A3810" t="str">
            <v>62127V</v>
          </cell>
          <cell r="B3810" t="str">
            <v>ﾌﾞﾝｶｼｬｯﾀｰｻｰﾋﾞｽ</v>
          </cell>
          <cell r="C3810" t="str">
            <v>文化シャッターサービス（株）北海道サービス支社</v>
          </cell>
          <cell r="D3810" t="str">
            <v>土屋 幸四郎</v>
          </cell>
          <cell r="E3810" t="str">
            <v>支社長</v>
          </cell>
          <cell r="F3810" t="str">
            <v>003-0023</v>
          </cell>
          <cell r="G3810" t="str">
            <v>白石区南郷通１６北３－２７</v>
          </cell>
          <cell r="H3810" t="str">
            <v>862-7991</v>
          </cell>
          <cell r="I3810" t="str">
            <v>862-7994</v>
          </cell>
        </row>
        <row r="3811">
          <cell r="A3811" t="str">
            <v>62128S</v>
          </cell>
          <cell r="B3811" t="str">
            <v>ﾌｼﾞｴﾝｼﾞﾆｱﾘﾝｸﾞ</v>
          </cell>
          <cell r="C3811" t="str">
            <v>富士エンジニアリング（株）</v>
          </cell>
          <cell r="D3811" t="str">
            <v>本田 喜秀</v>
          </cell>
          <cell r="E3811" t="str">
            <v>代表取締役</v>
          </cell>
          <cell r="F3811" t="str">
            <v>060-0006</v>
          </cell>
          <cell r="G3811" t="str">
            <v>中央区北６西１２－１４</v>
          </cell>
          <cell r="H3811" t="str">
            <v>271-3991</v>
          </cell>
          <cell r="I3811" t="str">
            <v>271-3970</v>
          </cell>
        </row>
        <row r="3812">
          <cell r="A3812" t="str">
            <v>62137T</v>
          </cell>
          <cell r="B3812" t="str">
            <v>ﾌｸﾁｷｶｲｺｳｷﾞｮｳ</v>
          </cell>
          <cell r="C3812" t="str">
            <v>福地機械工業（株）</v>
          </cell>
          <cell r="D3812" t="str">
            <v>福地 博行</v>
          </cell>
          <cell r="E3812" t="str">
            <v>代表取締役</v>
          </cell>
          <cell r="F3812" t="str">
            <v>063-0835</v>
          </cell>
          <cell r="G3812" t="str">
            <v>西区発寒１５－１３－２－４０</v>
          </cell>
          <cell r="H3812" t="str">
            <v>662-4319</v>
          </cell>
          <cell r="I3812" t="str">
            <v>665-2212</v>
          </cell>
        </row>
        <row r="3813">
          <cell r="A3813" t="str">
            <v>62139N</v>
          </cell>
          <cell r="B3813" t="str">
            <v>ﾌﾟﾗﾝﾆﾝｸﾞﾜｰｸｼｮｯﾌﾟ</v>
          </cell>
          <cell r="C3813" t="str">
            <v>（株）プランニングワークショップ</v>
          </cell>
          <cell r="D3813" t="str">
            <v>杉山 忠和</v>
          </cell>
          <cell r="E3813" t="str">
            <v>代表取締役</v>
          </cell>
          <cell r="F3813" t="str">
            <v>060-0005</v>
          </cell>
          <cell r="G3813" t="str">
            <v>中央区北５西６－２－２</v>
          </cell>
          <cell r="H3813" t="str">
            <v>205-5541</v>
          </cell>
          <cell r="I3813" t="str">
            <v>205-5595</v>
          </cell>
        </row>
        <row r="3814">
          <cell r="A3814" t="str">
            <v>62148P</v>
          </cell>
          <cell r="B3814" t="str">
            <v>ﾌｼﾞﾓﾘﾄﾞｹﾝ</v>
          </cell>
          <cell r="C3814" t="str">
            <v>藤森土建（株）</v>
          </cell>
          <cell r="D3814" t="str">
            <v>藤森 善久</v>
          </cell>
          <cell r="E3814" t="str">
            <v>代表取締役</v>
          </cell>
          <cell r="F3814" t="str">
            <v>060-0001</v>
          </cell>
          <cell r="G3814" t="str">
            <v>中央区北１西１８－１</v>
          </cell>
          <cell r="H3814" t="str">
            <v>621-2333</v>
          </cell>
          <cell r="I3814" t="str">
            <v>621-2334</v>
          </cell>
        </row>
        <row r="3815">
          <cell r="A3815" t="str">
            <v>62152S</v>
          </cell>
          <cell r="B3815" t="str">
            <v>ﾌﾟﾗﾝﾄｷｺｳ</v>
          </cell>
          <cell r="C3815" t="str">
            <v>プラント機工（株）</v>
          </cell>
          <cell r="D3815" t="str">
            <v>武下 昌廣</v>
          </cell>
          <cell r="E3815" t="str">
            <v>代表取締役</v>
          </cell>
          <cell r="F3815" t="str">
            <v>007-0840</v>
          </cell>
          <cell r="G3815" t="str">
            <v>東区北４０東１７－１－３０</v>
          </cell>
          <cell r="H3815" t="str">
            <v>785-6001</v>
          </cell>
          <cell r="I3815" t="str">
            <v>785-6003</v>
          </cell>
        </row>
        <row r="3816">
          <cell r="A3816" t="str">
            <v>62188X</v>
          </cell>
          <cell r="B3816" t="str">
            <v>ﾌﾟﾗｯﾂ</v>
          </cell>
          <cell r="C3816" t="str">
            <v>（有）プラッツ</v>
          </cell>
          <cell r="D3816" t="str">
            <v>櫻井 亮一</v>
          </cell>
          <cell r="E3816" t="str">
            <v>代表取締役</v>
          </cell>
          <cell r="F3816" t="str">
            <v>064-0959</v>
          </cell>
          <cell r="G3816" t="str">
            <v>中央区宮ヶ丘２－１－１ ﾗﾌｧｲｴｯﾄ宮ヶ丘３０３</v>
          </cell>
          <cell r="H3816" t="str">
            <v>640-8411</v>
          </cell>
          <cell r="I3816" t="str">
            <v>640-8422</v>
          </cell>
        </row>
        <row r="3817">
          <cell r="A3817" t="str">
            <v>62196N</v>
          </cell>
          <cell r="B3817" t="str">
            <v>ﾌﾙｶﾜｿｳｺﾞｳｾﾂﾋﾞ</v>
          </cell>
          <cell r="C3817" t="str">
            <v>古河総合設備（株）北海道支店</v>
          </cell>
          <cell r="D3817" t="str">
            <v>河添 好徳</v>
          </cell>
          <cell r="E3817" t="str">
            <v>支店長</v>
          </cell>
          <cell r="F3817" t="str">
            <v>004-0872</v>
          </cell>
          <cell r="G3817" t="str">
            <v>清田区平岡２－４－３－６１</v>
          </cell>
          <cell r="H3817" t="str">
            <v>883-4312</v>
          </cell>
          <cell r="I3817" t="str">
            <v>885-8848</v>
          </cell>
        </row>
        <row r="3818">
          <cell r="A3818" t="str">
            <v>62200N</v>
          </cell>
          <cell r="B3818" t="str">
            <v>ﾌｨｯｸｽ</v>
          </cell>
          <cell r="C3818" t="str">
            <v>（株）フィックス</v>
          </cell>
          <cell r="D3818" t="str">
            <v>近藤 和夫</v>
          </cell>
          <cell r="E3818" t="str">
            <v>代表取締役</v>
          </cell>
          <cell r="F3818" t="str">
            <v>005-0014</v>
          </cell>
          <cell r="G3818" t="str">
            <v>南区真駒内幸町１－３－１</v>
          </cell>
          <cell r="H3818" t="str">
            <v>582-2236</v>
          </cell>
          <cell r="I3818" t="str">
            <v>582-2238</v>
          </cell>
        </row>
        <row r="3819">
          <cell r="A3819" t="str">
            <v>62808N</v>
          </cell>
          <cell r="B3819" t="str">
            <v>ｽﾐｾｷ ｼﾞｵﾃｸﾉ</v>
          </cell>
          <cell r="C3819" t="str">
            <v>スミセキ・ジオテクノ（株）</v>
          </cell>
          <cell r="D3819" t="str">
            <v>鈴木 省一</v>
          </cell>
          <cell r="E3819" t="str">
            <v>代表取締役社長</v>
          </cell>
          <cell r="F3819" t="str">
            <v>060-0031</v>
          </cell>
          <cell r="G3819" t="str">
            <v>中央区北１東２－５－６</v>
          </cell>
          <cell r="H3819" t="str">
            <v>281-0136</v>
          </cell>
          <cell r="I3819" t="str">
            <v>221-1048</v>
          </cell>
        </row>
        <row r="3820">
          <cell r="A3820" t="str">
            <v>62814Y</v>
          </cell>
          <cell r="B3820" t="str">
            <v>ﾌｸﾓﾄｺｳｿﾞｳｾｯｹｲ</v>
          </cell>
          <cell r="C3820" t="str">
            <v>（株）福本構造設計</v>
          </cell>
          <cell r="D3820" t="str">
            <v>福本 雅之</v>
          </cell>
          <cell r="E3820" t="str">
            <v>代表取締役</v>
          </cell>
          <cell r="F3820" t="str">
            <v>060-0002</v>
          </cell>
          <cell r="G3820" t="str">
            <v>中央区北２西２－７－１ 第２カミヤマビル</v>
          </cell>
          <cell r="H3820" t="str">
            <v>221-3303</v>
          </cell>
          <cell r="I3820" t="str">
            <v>232-0003</v>
          </cell>
        </row>
        <row r="3821">
          <cell r="A3821" t="str">
            <v>63006N</v>
          </cell>
          <cell r="B3821" t="str">
            <v>ﾏﾙﾜﾃﾞﾝｼｻｰﾋﾞｽ</v>
          </cell>
          <cell r="C3821" t="str">
            <v>マルワ電子サービス（株）</v>
          </cell>
          <cell r="D3821" t="str">
            <v>田原 久義</v>
          </cell>
          <cell r="E3821" t="str">
            <v>代表取締役</v>
          </cell>
          <cell r="F3821" t="str">
            <v>060-0061</v>
          </cell>
          <cell r="G3821" t="str">
            <v>中央区南１西７－８</v>
          </cell>
          <cell r="H3821" t="str">
            <v>272-0389</v>
          </cell>
          <cell r="I3821" t="str">
            <v>272-0480</v>
          </cell>
        </row>
        <row r="3822">
          <cell r="A3822" t="str">
            <v>63007Y</v>
          </cell>
          <cell r="B3822" t="str">
            <v>ﾍﾞﾙﾂｳｼﾝｺｳｷﾞｮｳ</v>
          </cell>
          <cell r="C3822" t="str">
            <v>ベル通信工業（株）</v>
          </cell>
          <cell r="D3822" t="str">
            <v>菊地 克美</v>
          </cell>
          <cell r="E3822" t="str">
            <v>代表取締役</v>
          </cell>
          <cell r="F3822" t="str">
            <v>062-0931</v>
          </cell>
          <cell r="G3822" t="str">
            <v>豊平区平岸１－１７－３－７</v>
          </cell>
          <cell r="H3822" t="str">
            <v>823-8511</v>
          </cell>
          <cell r="I3822" t="str">
            <v>811-1345</v>
          </cell>
        </row>
        <row r="3823">
          <cell r="A3823" t="str">
            <v>63802R</v>
          </cell>
          <cell r="B3823" t="str">
            <v>ﾍｲﾜｹﾝｾﾂｳﾝﾕｳ</v>
          </cell>
          <cell r="C3823" t="str">
            <v>（株）平和建設運輸</v>
          </cell>
          <cell r="D3823" t="str">
            <v>中鉢 光雄</v>
          </cell>
          <cell r="E3823" t="str">
            <v>代表取締役</v>
          </cell>
          <cell r="F3823" t="str">
            <v>003-0021</v>
          </cell>
          <cell r="G3823" t="str">
            <v>白石区平和通１４北２－１０</v>
          </cell>
          <cell r="H3823" t="str">
            <v>862-6455</v>
          </cell>
          <cell r="I3823" t="str">
            <v>862-7912</v>
          </cell>
        </row>
        <row r="3824">
          <cell r="A3824" t="str">
            <v>63803N</v>
          </cell>
          <cell r="B3824" t="str">
            <v>ﾍｲﾜｻﾝｷﾞｮｳ</v>
          </cell>
          <cell r="C3824" t="str">
            <v>（有）平和産業</v>
          </cell>
          <cell r="D3824" t="str">
            <v>平池 徹</v>
          </cell>
          <cell r="E3824" t="str">
            <v>代表取締役</v>
          </cell>
          <cell r="F3824" t="str">
            <v>062-0035</v>
          </cell>
          <cell r="G3824" t="str">
            <v>豊平区西岡５－１４－２０－１７</v>
          </cell>
          <cell r="H3824" t="str">
            <v>584-3520</v>
          </cell>
          <cell r="I3824" t="str">
            <v>584-9486</v>
          </cell>
        </row>
        <row r="3825">
          <cell r="A3825" t="str">
            <v>64005P</v>
          </cell>
          <cell r="B3825" t="str">
            <v>ﾎﾄﾞｳｺｳｷﾞｮｳ</v>
          </cell>
          <cell r="C3825" t="str">
            <v>舗道工業（株）</v>
          </cell>
          <cell r="D3825" t="str">
            <v>仲田 利清</v>
          </cell>
          <cell r="E3825" t="str">
            <v>代表取締役</v>
          </cell>
          <cell r="F3825" t="str">
            <v>064-0952</v>
          </cell>
          <cell r="G3825" t="str">
            <v>中央区宮の森２－１２－２－１１</v>
          </cell>
          <cell r="H3825" t="str">
            <v>641-8651</v>
          </cell>
          <cell r="I3825" t="str">
            <v>643-4724</v>
          </cell>
        </row>
        <row r="3826">
          <cell r="A3826" t="str">
            <v>64006Z</v>
          </cell>
          <cell r="B3826" t="str">
            <v>ﾎｯﾎﾟｹﾝｾﾂ</v>
          </cell>
          <cell r="C3826" t="str">
            <v>北舗建設（株）</v>
          </cell>
          <cell r="D3826" t="str">
            <v>高荷 八百吉</v>
          </cell>
          <cell r="E3826" t="str">
            <v>代表取締役</v>
          </cell>
          <cell r="F3826" t="str">
            <v>065-0031</v>
          </cell>
          <cell r="G3826" t="str">
            <v>東区北３１東１－１－１５</v>
          </cell>
          <cell r="H3826" t="str">
            <v>752-6221</v>
          </cell>
          <cell r="I3826" t="str">
            <v>752-6227</v>
          </cell>
        </row>
        <row r="3827">
          <cell r="A3827" t="str">
            <v>64010P</v>
          </cell>
          <cell r="B3827" t="str">
            <v>ﾎｷｹﾝｾﾂ</v>
          </cell>
          <cell r="C3827" t="str">
            <v>保木建設（株）</v>
          </cell>
          <cell r="D3827" t="str">
            <v>保木 茂実</v>
          </cell>
          <cell r="E3827" t="str">
            <v>代表取締役社長</v>
          </cell>
          <cell r="F3827" t="str">
            <v>003-0026</v>
          </cell>
          <cell r="G3827" t="str">
            <v>白石区本通１南１－１３</v>
          </cell>
          <cell r="H3827" t="str">
            <v>861-9238</v>
          </cell>
          <cell r="I3827" t="str">
            <v>865-0750</v>
          </cell>
        </row>
        <row r="3828">
          <cell r="A3828" t="str">
            <v>64011Z</v>
          </cell>
          <cell r="B3828" t="str">
            <v>ﾎｯｶｲﾄﾞｳﾛｰﾄﾞﾒﾝﾃﾅﾝｽ</v>
          </cell>
          <cell r="C3828" t="str">
            <v>北海道ロードメンテナンス（株）</v>
          </cell>
          <cell r="D3828" t="str">
            <v>三好 博</v>
          </cell>
          <cell r="E3828" t="str">
            <v>代表取締役</v>
          </cell>
          <cell r="F3828" t="str">
            <v>060-0031</v>
          </cell>
          <cell r="G3828" t="str">
            <v>中央区北１東１２－２２</v>
          </cell>
          <cell r="H3828" t="str">
            <v>241-1692</v>
          </cell>
          <cell r="I3828" t="str">
            <v>241-7774</v>
          </cell>
        </row>
        <row r="3829">
          <cell r="A3829" t="str">
            <v>64012X</v>
          </cell>
          <cell r="B3829" t="str">
            <v>ﾎｯｶｲﾄﾞｳｷﾞｹﾝ</v>
          </cell>
          <cell r="C3829" t="str">
            <v>北海道技建（株）</v>
          </cell>
          <cell r="D3829" t="str">
            <v>葛西 晃</v>
          </cell>
          <cell r="E3829" t="str">
            <v>代表取締役</v>
          </cell>
          <cell r="F3829" t="str">
            <v>047-0261</v>
          </cell>
          <cell r="G3829" t="str">
            <v>小樽市銭函３－５１９－１２</v>
          </cell>
          <cell r="H3829" t="str">
            <v>0134-61-2777</v>
          </cell>
          <cell r="I3829" t="str">
            <v>0134-61-2567</v>
          </cell>
        </row>
        <row r="3830">
          <cell r="A3830" t="str">
            <v>64017W</v>
          </cell>
          <cell r="B3830" t="str">
            <v>ﾎｯｺｳﾄﾞｹﾝｺｳｷﾞｮｳ</v>
          </cell>
          <cell r="C3830" t="str">
            <v>北光土建興業（株）</v>
          </cell>
          <cell r="D3830" t="str">
            <v>関山 宏</v>
          </cell>
          <cell r="E3830" t="str">
            <v>代表取締役</v>
          </cell>
          <cell r="F3830" t="str">
            <v>001-0927</v>
          </cell>
          <cell r="G3830" t="str">
            <v>北区新川７－１６－７０８－３</v>
          </cell>
          <cell r="H3830" t="str">
            <v>765-8000</v>
          </cell>
          <cell r="I3830" t="str">
            <v>765-7000</v>
          </cell>
        </row>
        <row r="3831">
          <cell r="A3831" t="str">
            <v>64020N</v>
          </cell>
          <cell r="B3831" t="str">
            <v>ﾎｯｶｲﾄﾞｳｿﾞｳｴﾝｺﾝｻﾙﾀﾝﾄ</v>
          </cell>
          <cell r="C3831" t="str">
            <v>（株）北海道造園コンサルタント</v>
          </cell>
          <cell r="D3831" t="str">
            <v>笹本 知</v>
          </cell>
          <cell r="E3831" t="str">
            <v>代表取締役</v>
          </cell>
          <cell r="F3831" t="str">
            <v>060-0063</v>
          </cell>
          <cell r="G3831" t="str">
            <v>中央区南３西１２ー３２０－２０ 札幌森ビル３</v>
          </cell>
          <cell r="H3831" t="str">
            <v>251-4887</v>
          </cell>
          <cell r="I3831" t="str">
            <v>221-2975</v>
          </cell>
        </row>
        <row r="3832">
          <cell r="A3832" t="str">
            <v>64022W</v>
          </cell>
          <cell r="B3832" t="str">
            <v>ﾄﾗｽﾄｷﾞｹﾝ</v>
          </cell>
          <cell r="C3832" t="str">
            <v>（株）トラスト技研</v>
          </cell>
          <cell r="D3832" t="str">
            <v>岡部 正道</v>
          </cell>
          <cell r="E3832" t="str">
            <v>代表取締役</v>
          </cell>
          <cell r="F3832" t="str">
            <v>062-0931</v>
          </cell>
          <cell r="G3832" t="str">
            <v>豊平区平岸１－１３－４－１</v>
          </cell>
          <cell r="H3832" t="str">
            <v>812-2638</v>
          </cell>
          <cell r="I3832" t="str">
            <v>812-4884</v>
          </cell>
        </row>
        <row r="3833">
          <cell r="A3833" t="str">
            <v>64023T</v>
          </cell>
          <cell r="B3833" t="str">
            <v>ﾎｸﾄｳｾﾂﾋﾞ</v>
          </cell>
          <cell r="C3833" t="str">
            <v>（株）北東設備</v>
          </cell>
          <cell r="D3833" t="str">
            <v>鈴木 重治</v>
          </cell>
          <cell r="E3833" t="str">
            <v>代表取締役</v>
          </cell>
          <cell r="F3833" t="str">
            <v>007-0803</v>
          </cell>
          <cell r="G3833" t="str">
            <v>東区東苗穂３－３－１－９２</v>
          </cell>
          <cell r="H3833" t="str">
            <v>785-8550</v>
          </cell>
          <cell r="I3833" t="str">
            <v>785-8060</v>
          </cell>
        </row>
        <row r="3834">
          <cell r="A3834" t="str">
            <v>64025Z</v>
          </cell>
          <cell r="B3834" t="str">
            <v>ﾎｸﾄｺｳｷﾞｮｳ</v>
          </cell>
          <cell r="C3834" t="str">
            <v>（有）北都工業</v>
          </cell>
          <cell r="D3834" t="str">
            <v>本間 長男</v>
          </cell>
          <cell r="E3834" t="str">
            <v>代表取締役</v>
          </cell>
          <cell r="F3834" t="str">
            <v>062-0933</v>
          </cell>
          <cell r="G3834" t="str">
            <v>豊平区平岸３－１７－１－１４</v>
          </cell>
          <cell r="H3834" t="str">
            <v>824-2539</v>
          </cell>
          <cell r="I3834" t="str">
            <v>824-4519</v>
          </cell>
        </row>
        <row r="3835">
          <cell r="A3835" t="str">
            <v>64026X</v>
          </cell>
          <cell r="B3835" t="str">
            <v>ﾎｯｶｲﾒﾝﾃﾅﾝｽ</v>
          </cell>
          <cell r="C3835" t="str">
            <v>（株）北海メンテナンス</v>
          </cell>
          <cell r="D3835" t="str">
            <v>外塚 信吉</v>
          </cell>
          <cell r="E3835" t="str">
            <v>代表取締役</v>
          </cell>
          <cell r="F3835" t="str">
            <v>003-0829</v>
          </cell>
          <cell r="G3835" t="str">
            <v>白石区菊水元町９－２－４－１８</v>
          </cell>
          <cell r="H3835" t="str">
            <v>873-6119</v>
          </cell>
          <cell r="I3835" t="str">
            <v>873-6127</v>
          </cell>
        </row>
        <row r="3836">
          <cell r="A3836" t="str">
            <v>64027V</v>
          </cell>
          <cell r="B3836" t="str">
            <v>ﾎｯｶｲﾄﾞｳｿﾞｳｴﾝﾘｮｸｶ</v>
          </cell>
          <cell r="C3836" t="str">
            <v>北海道造園緑化（株）</v>
          </cell>
          <cell r="D3836" t="str">
            <v>嶋 豊司</v>
          </cell>
          <cell r="E3836" t="str">
            <v>代表取締役</v>
          </cell>
          <cell r="F3836" t="str">
            <v>065-0025</v>
          </cell>
          <cell r="G3836" t="str">
            <v>東区北２５東１８－７－３</v>
          </cell>
          <cell r="H3836" t="str">
            <v>783-3031</v>
          </cell>
          <cell r="I3836" t="str">
            <v>783-7603</v>
          </cell>
        </row>
        <row r="3837">
          <cell r="A3837" t="str">
            <v>64029P</v>
          </cell>
          <cell r="B3837" t="str">
            <v>ﾎｸﾄﾞｳｺｳｷﾞｮｳ</v>
          </cell>
          <cell r="C3837" t="str">
            <v>北道工業（株）</v>
          </cell>
          <cell r="D3837" t="str">
            <v>多畑 潤一</v>
          </cell>
          <cell r="E3837" t="str">
            <v>代表取締役</v>
          </cell>
          <cell r="F3837" t="str">
            <v>062-0921</v>
          </cell>
          <cell r="G3837" t="str">
            <v>豊平区中の島１－１０－１－１７</v>
          </cell>
          <cell r="H3837" t="str">
            <v>831-8844</v>
          </cell>
          <cell r="I3837" t="str">
            <v>814-2866</v>
          </cell>
        </row>
        <row r="3838">
          <cell r="A3838" t="str">
            <v>64031X</v>
          </cell>
          <cell r="B3838" t="str">
            <v>ﾎｸｿｳｹﾝｾﾂ</v>
          </cell>
          <cell r="C3838" t="str">
            <v>（株）北総建設</v>
          </cell>
          <cell r="D3838" t="str">
            <v>宮下 けいじ</v>
          </cell>
          <cell r="E3838" t="str">
            <v>代表取締役</v>
          </cell>
          <cell r="F3838" t="str">
            <v>001-0908</v>
          </cell>
          <cell r="G3838" t="str">
            <v>北区新琴似８－５－１－１０</v>
          </cell>
          <cell r="H3838" t="str">
            <v>763-6651</v>
          </cell>
          <cell r="I3838" t="str">
            <v>763-6652</v>
          </cell>
        </row>
        <row r="3839">
          <cell r="A3839" t="str">
            <v>64032V</v>
          </cell>
          <cell r="B3839" t="str">
            <v>ｶﾜｶﾐｹﾝｾﾂ</v>
          </cell>
          <cell r="C3839" t="str">
            <v>川上建設（株）</v>
          </cell>
          <cell r="D3839" t="str">
            <v>川上 堯</v>
          </cell>
          <cell r="E3839" t="str">
            <v>代表取締役</v>
          </cell>
          <cell r="F3839" t="str">
            <v>063-0062</v>
          </cell>
          <cell r="G3839" t="str">
            <v>西区西町南１４－３－１</v>
          </cell>
          <cell r="H3839" t="str">
            <v>663-1221</v>
          </cell>
          <cell r="I3839" t="str">
            <v>662-1555</v>
          </cell>
        </row>
        <row r="3840">
          <cell r="A3840" t="str">
            <v>64035Y</v>
          </cell>
          <cell r="B3840" t="str">
            <v>ﾎｯｺｳｿﾞｳｴﾝﾄﾞﾎﾞｸ</v>
          </cell>
          <cell r="C3840" t="str">
            <v>（株）北広造園土木</v>
          </cell>
          <cell r="D3840" t="str">
            <v>三浦 利紀</v>
          </cell>
          <cell r="E3840" t="str">
            <v>代表取締役</v>
          </cell>
          <cell r="F3840" t="str">
            <v>004-0055</v>
          </cell>
          <cell r="G3840" t="str">
            <v>厚別区厚別中央５－４－７－５</v>
          </cell>
          <cell r="H3840" t="str">
            <v>892-1930</v>
          </cell>
          <cell r="I3840" t="str">
            <v>372-0685</v>
          </cell>
        </row>
        <row r="3841">
          <cell r="A3841" t="str">
            <v>64039N</v>
          </cell>
          <cell r="B3841" t="str">
            <v>ﾎｯｺｳｴｲｾﾞﾝ</v>
          </cell>
          <cell r="C3841" t="str">
            <v>北光営繕（株）</v>
          </cell>
          <cell r="D3841" t="str">
            <v>渡部 治</v>
          </cell>
          <cell r="E3841" t="str">
            <v>代表取締役</v>
          </cell>
          <cell r="F3841" t="str">
            <v>065-0011</v>
          </cell>
          <cell r="G3841" t="str">
            <v>東区北１１東１０－７</v>
          </cell>
          <cell r="H3841" t="str">
            <v>741-4018</v>
          </cell>
          <cell r="I3841" t="str">
            <v>741-3051</v>
          </cell>
        </row>
        <row r="3842">
          <cell r="A3842" t="str">
            <v>64041W</v>
          </cell>
          <cell r="B3842" t="str">
            <v>ﾎｯｶｲﾄﾞｳﾆﾁﾚｷｺｳｼﾞ</v>
          </cell>
          <cell r="C3842" t="str">
            <v>北海道ニチレキ工事（株）</v>
          </cell>
          <cell r="D3842" t="str">
            <v>小橋 昌明</v>
          </cell>
          <cell r="E3842" t="str">
            <v>代表取締役</v>
          </cell>
          <cell r="F3842" t="str">
            <v>003-0826</v>
          </cell>
          <cell r="G3842" t="str">
            <v>白石区菊水元町６－４－２－１</v>
          </cell>
          <cell r="H3842" t="str">
            <v>872-2781</v>
          </cell>
          <cell r="I3842" t="str">
            <v>875-4436</v>
          </cell>
        </row>
        <row r="3843">
          <cell r="A3843" t="str">
            <v>64042T</v>
          </cell>
          <cell r="B3843" t="str">
            <v>ﾎｯｶｲﾄﾞｳｱｷﾔﾏｿﾞｳｴﾝ</v>
          </cell>
          <cell r="C3843" t="str">
            <v>北海道秋山造園（株）</v>
          </cell>
          <cell r="D3843" t="str">
            <v>秋山 寿信</v>
          </cell>
          <cell r="E3843" t="str">
            <v>代表取締役</v>
          </cell>
          <cell r="F3843" t="str">
            <v>065-0031</v>
          </cell>
          <cell r="G3843" t="str">
            <v>東区北３１東１－２－７</v>
          </cell>
          <cell r="H3843" t="str">
            <v>751-1155</v>
          </cell>
          <cell r="I3843" t="str">
            <v>751-8050</v>
          </cell>
        </row>
        <row r="3844">
          <cell r="A3844" t="str">
            <v>64043R</v>
          </cell>
          <cell r="B3844" t="str">
            <v>ﾎｯﾎﾟｳﾘｮｸｶｺｳｷﾞｮｳ</v>
          </cell>
          <cell r="C3844" t="str">
            <v>北方緑化工業（株）</v>
          </cell>
          <cell r="D3844" t="str">
            <v>鎌田 浩</v>
          </cell>
          <cell r="E3844" t="str">
            <v>代表取締役</v>
          </cell>
          <cell r="F3844" t="str">
            <v>062-0934</v>
          </cell>
          <cell r="G3844" t="str">
            <v>豊平区平岸４－３－６－５</v>
          </cell>
          <cell r="H3844" t="str">
            <v>811-3897</v>
          </cell>
          <cell r="I3844" t="str">
            <v>811-7390</v>
          </cell>
        </row>
        <row r="3845">
          <cell r="A3845" t="str">
            <v>64044N</v>
          </cell>
          <cell r="B3845" t="str">
            <v>ﾎｯｶｲｹﾝｾﾂ</v>
          </cell>
          <cell r="C3845" t="str">
            <v>北海建設（株）</v>
          </cell>
          <cell r="D3845" t="str">
            <v>堤 治人</v>
          </cell>
          <cell r="E3845" t="str">
            <v>代表取締役</v>
          </cell>
          <cell r="F3845" t="str">
            <v>062-0002</v>
          </cell>
          <cell r="G3845" t="str">
            <v>豊平区美園２－３－２６</v>
          </cell>
          <cell r="H3845" t="str">
            <v>821-1306</v>
          </cell>
          <cell r="I3845" t="str">
            <v>831-5186</v>
          </cell>
        </row>
        <row r="3846">
          <cell r="A3846" t="str">
            <v>64045X</v>
          </cell>
          <cell r="B3846" t="str">
            <v>ﾎｸｵｳｴｲｹﾝ</v>
          </cell>
          <cell r="C3846" t="str">
            <v>北央衛建（株）</v>
          </cell>
          <cell r="D3846" t="str">
            <v>佐々木 俊雄</v>
          </cell>
          <cell r="E3846" t="str">
            <v>代表取締役</v>
          </cell>
          <cell r="F3846" t="str">
            <v>062-0053</v>
          </cell>
          <cell r="G3846" t="str">
            <v>豊平区月寒東３－４－６－２１</v>
          </cell>
          <cell r="H3846" t="str">
            <v>852-0976</v>
          </cell>
          <cell r="I3846" t="str">
            <v>855-7622</v>
          </cell>
        </row>
        <row r="3847">
          <cell r="A3847" t="str">
            <v>64051V</v>
          </cell>
          <cell r="B3847" t="str">
            <v>ﾎｯｶｲﾃﾞﾝｷｺｳｼﾞ</v>
          </cell>
          <cell r="C3847" t="str">
            <v>北海電気工事（株）</v>
          </cell>
          <cell r="D3847" t="str">
            <v>遠藤 健</v>
          </cell>
          <cell r="E3847" t="str">
            <v>取締役社長</v>
          </cell>
          <cell r="F3847" t="str">
            <v>003-8531</v>
          </cell>
          <cell r="G3847" t="str">
            <v>白石区菊水２－１－８－２１</v>
          </cell>
          <cell r="H3847" t="str">
            <v>811-9411</v>
          </cell>
          <cell r="I3847" t="str">
            <v>811-6753</v>
          </cell>
        </row>
        <row r="3848">
          <cell r="A3848" t="str">
            <v>64052S</v>
          </cell>
          <cell r="B3848" t="str">
            <v>ﾎｸｾｲﾃﾞﾝｾﾂ</v>
          </cell>
          <cell r="C3848" t="str">
            <v>北盛電設（株）</v>
          </cell>
          <cell r="D3848" t="str">
            <v>中村 憲正</v>
          </cell>
          <cell r="E3848" t="str">
            <v>取締役社長</v>
          </cell>
          <cell r="F3848" t="str">
            <v>060-0808</v>
          </cell>
          <cell r="G3848" t="str">
            <v>北区北８西４－１３</v>
          </cell>
          <cell r="H3848" t="str">
            <v>716-5131</v>
          </cell>
          <cell r="I3848" t="str">
            <v>758-8764</v>
          </cell>
        </row>
        <row r="3849">
          <cell r="A3849" t="str">
            <v>64053P</v>
          </cell>
          <cell r="B3849" t="str">
            <v>ﾎｸｼﾝｺｳ</v>
          </cell>
          <cell r="C3849" t="str">
            <v>（株）北信工</v>
          </cell>
          <cell r="D3849" t="str">
            <v>近藤 保時</v>
          </cell>
          <cell r="E3849" t="str">
            <v>代表取締役</v>
          </cell>
          <cell r="F3849" t="str">
            <v>060-0005</v>
          </cell>
          <cell r="G3849" t="str">
            <v>中央区北５西９－３</v>
          </cell>
          <cell r="H3849" t="str">
            <v>221-5748</v>
          </cell>
          <cell r="I3849" t="str">
            <v>281-6088</v>
          </cell>
        </row>
        <row r="3850">
          <cell r="A3850" t="str">
            <v>64054Z</v>
          </cell>
          <cell r="B3850" t="str">
            <v>ﾎｯｶｲﾄﾞｳﾀﾂｦﾃﾞﾝｷ</v>
          </cell>
          <cell r="C3850" t="str">
            <v>北海道タツヲ電気（株）</v>
          </cell>
          <cell r="D3850" t="str">
            <v>住本 邦裕</v>
          </cell>
          <cell r="E3850" t="str">
            <v>代表取締役</v>
          </cell>
          <cell r="F3850" t="str">
            <v>060-0032</v>
          </cell>
          <cell r="G3850" t="str">
            <v>中央区北２東１０－１５－１</v>
          </cell>
          <cell r="H3850" t="str">
            <v>241-1015</v>
          </cell>
          <cell r="I3850" t="str">
            <v>241-1018</v>
          </cell>
        </row>
        <row r="3851">
          <cell r="A3851" t="str">
            <v>64056T</v>
          </cell>
          <cell r="B3851" t="str">
            <v>ﾎｯｶﾝﾃﾞﾝｷｺｳｼﾞ</v>
          </cell>
          <cell r="C3851" t="str">
            <v>北関電気工事（株）</v>
          </cell>
          <cell r="D3851" t="str">
            <v>岡崎 義勝</v>
          </cell>
          <cell r="E3851" t="str">
            <v>代表取締役</v>
          </cell>
          <cell r="F3851" t="str">
            <v>060-0006</v>
          </cell>
          <cell r="G3851" t="str">
            <v>中央区北６西１７－１７－６</v>
          </cell>
          <cell r="H3851" t="str">
            <v>616-2011</v>
          </cell>
          <cell r="I3851" t="str">
            <v>631-2500</v>
          </cell>
        </row>
        <row r="3852">
          <cell r="A3852" t="str">
            <v>64057R</v>
          </cell>
          <cell r="B3852" t="str">
            <v>ﾎｸﾖｳﾃﾞﾝｷｼｮｳｶｲ</v>
          </cell>
          <cell r="C3852" t="str">
            <v>（株）北洋電機商会</v>
          </cell>
          <cell r="D3852" t="str">
            <v>渡辺 凱子</v>
          </cell>
          <cell r="E3852" t="str">
            <v>代表取締役</v>
          </cell>
          <cell r="F3852" t="str">
            <v>003-0021</v>
          </cell>
          <cell r="G3852" t="str">
            <v>白石区栄通２－１－９</v>
          </cell>
          <cell r="H3852" t="str">
            <v>853-3511</v>
          </cell>
          <cell r="I3852" t="str">
            <v>853-3524</v>
          </cell>
        </row>
        <row r="3853">
          <cell r="A3853" t="str">
            <v>64063N</v>
          </cell>
          <cell r="B3853" t="str">
            <v>ﾎｸｴｲｷｿｳ</v>
          </cell>
          <cell r="C3853" t="str">
            <v>北栄機装（株）</v>
          </cell>
          <cell r="D3853" t="str">
            <v>川田 英夫</v>
          </cell>
          <cell r="E3853" t="str">
            <v>代表取締役</v>
          </cell>
          <cell r="F3853" t="str">
            <v>060-0061</v>
          </cell>
          <cell r="G3853" t="str">
            <v>中央区南１西１２－３２２ 新永ビル</v>
          </cell>
          <cell r="H3853" t="str">
            <v>251-6161</v>
          </cell>
          <cell r="I3853" t="str">
            <v>251-6197</v>
          </cell>
        </row>
        <row r="3854">
          <cell r="A3854" t="str">
            <v>64064Y</v>
          </cell>
          <cell r="B3854" t="str">
            <v>ﾎｳｽｲｺｳｷﾞｮｳ</v>
          </cell>
          <cell r="C3854" t="str">
            <v>豊水工業（株）</v>
          </cell>
          <cell r="D3854" t="str">
            <v>武井 茂</v>
          </cell>
          <cell r="E3854" t="str">
            <v>代表取締役社長</v>
          </cell>
          <cell r="F3854" t="str">
            <v>001-0023</v>
          </cell>
          <cell r="G3854" t="str">
            <v>北区北２３西７－１－３３</v>
          </cell>
          <cell r="H3854" t="str">
            <v>747-6010</v>
          </cell>
          <cell r="I3854" t="str">
            <v>747-6080</v>
          </cell>
        </row>
        <row r="3855">
          <cell r="A3855" t="str">
            <v>64065V</v>
          </cell>
          <cell r="B3855" t="str">
            <v>ﾎｸﾖｳｾﾂﾋﾞ</v>
          </cell>
          <cell r="C3855" t="str">
            <v>北洋設備（株）</v>
          </cell>
          <cell r="D3855" t="str">
            <v>上田 邦也</v>
          </cell>
          <cell r="E3855" t="str">
            <v>代表取締役</v>
          </cell>
          <cell r="F3855" t="str">
            <v>060-0033</v>
          </cell>
          <cell r="G3855" t="str">
            <v>中央区北３東３－１－２５</v>
          </cell>
          <cell r="H3855" t="str">
            <v>241-5486</v>
          </cell>
          <cell r="I3855" t="str">
            <v>222-6093</v>
          </cell>
        </row>
        <row r="3856">
          <cell r="A3856" t="str">
            <v>64067P</v>
          </cell>
          <cell r="B3856" t="str">
            <v>ﾎｯｶｲﾄﾞｳﾁｮｳｻｿｸﾘｮｳ</v>
          </cell>
          <cell r="C3856" t="str">
            <v>北海道調査測量（株）</v>
          </cell>
          <cell r="D3856" t="str">
            <v>鈴木 哲夫</v>
          </cell>
          <cell r="E3856" t="str">
            <v>代表取締役社長</v>
          </cell>
          <cell r="F3856" t="str">
            <v>047-0005</v>
          </cell>
          <cell r="G3856" t="str">
            <v>小樽市勝納町８－３９</v>
          </cell>
          <cell r="H3856" t="str">
            <v>0134-22-7710</v>
          </cell>
          <cell r="I3856" t="str">
            <v>0134-22-7696</v>
          </cell>
        </row>
        <row r="3857">
          <cell r="A3857" t="str">
            <v>64068Z</v>
          </cell>
          <cell r="B3857" t="str">
            <v>ﾎｸﾄﾞｾﾂﾋﾞ</v>
          </cell>
          <cell r="C3857" t="str">
            <v>北土設備（株）</v>
          </cell>
          <cell r="D3857" t="str">
            <v>砂田 美喜雄</v>
          </cell>
          <cell r="E3857" t="str">
            <v>取締役社長</v>
          </cell>
          <cell r="F3857" t="str">
            <v>064-0810</v>
          </cell>
          <cell r="G3857" t="str">
            <v>中央区南１０西１４－１－１２</v>
          </cell>
          <cell r="H3857" t="str">
            <v>561-8203</v>
          </cell>
          <cell r="I3857" t="str">
            <v>561-8258</v>
          </cell>
        </row>
        <row r="3858">
          <cell r="A3858" t="str">
            <v>64072P</v>
          </cell>
          <cell r="B3858" t="str">
            <v>ﾎｯｶｲｺｳｴｲｼｬ</v>
          </cell>
          <cell r="C3858" t="str">
            <v>（株）北海工営社</v>
          </cell>
          <cell r="D3858" t="str">
            <v>本多 俊司</v>
          </cell>
          <cell r="E3858" t="str">
            <v>代表取締役</v>
          </cell>
          <cell r="F3858" t="str">
            <v>064-0914</v>
          </cell>
          <cell r="G3858" t="str">
            <v>中央区南１４西１６－１－２</v>
          </cell>
          <cell r="H3858" t="str">
            <v>561-1407</v>
          </cell>
          <cell r="I3858" t="str">
            <v>551-9211</v>
          </cell>
        </row>
        <row r="3859">
          <cell r="A3859" t="str">
            <v>64077N</v>
          </cell>
          <cell r="B3859" t="str">
            <v>ﾎｯｶｲﾄﾞｳﾛｰﾄﾞｻｰﾋﾞｽ</v>
          </cell>
          <cell r="C3859" t="str">
            <v>（株）北海道ロードサービス</v>
          </cell>
          <cell r="D3859" t="str">
            <v>本多 誠司</v>
          </cell>
          <cell r="E3859" t="str">
            <v>代表取締役</v>
          </cell>
          <cell r="F3859" t="str">
            <v>004-0841</v>
          </cell>
          <cell r="G3859" t="str">
            <v>清田区清田１－３－７－５５</v>
          </cell>
          <cell r="H3859" t="str">
            <v>881-0671</v>
          </cell>
          <cell r="I3859" t="str">
            <v>881-0297</v>
          </cell>
        </row>
        <row r="3860">
          <cell r="A3860" t="str">
            <v>64080T</v>
          </cell>
          <cell r="B3860" t="str">
            <v>ﾎｯｶｲﾄﾞｳﾄﾞｳﾛｻﾝｷﾞｮｳ</v>
          </cell>
          <cell r="C3860" t="str">
            <v>北海道道路産業（株）</v>
          </cell>
          <cell r="D3860" t="str">
            <v>藤巻 俊雄</v>
          </cell>
          <cell r="E3860" t="str">
            <v>代表取締役</v>
          </cell>
          <cell r="F3860" t="str">
            <v>001-0931</v>
          </cell>
          <cell r="G3860" t="str">
            <v>北区新川西１－１－１－３０</v>
          </cell>
          <cell r="H3860" t="str">
            <v>765-5615</v>
          </cell>
          <cell r="I3860" t="str">
            <v>765-5617</v>
          </cell>
        </row>
        <row r="3861">
          <cell r="A3861" t="str">
            <v>64095R</v>
          </cell>
          <cell r="B3861" t="str">
            <v>ﾎｯｹﾝｾﾂﾋﾞ</v>
          </cell>
          <cell r="C3861" t="str">
            <v>北建設備（株）</v>
          </cell>
          <cell r="D3861" t="str">
            <v>杉本 弘志</v>
          </cell>
          <cell r="E3861" t="str">
            <v>代表取締役</v>
          </cell>
          <cell r="F3861" t="str">
            <v>065-0018</v>
          </cell>
          <cell r="G3861" t="str">
            <v>東区北１８東１３－１－５</v>
          </cell>
          <cell r="H3861" t="str">
            <v>741-3223</v>
          </cell>
          <cell r="I3861" t="str">
            <v>711-7262</v>
          </cell>
        </row>
        <row r="3862">
          <cell r="A3862" t="str">
            <v>64096N</v>
          </cell>
          <cell r="B3862" t="str">
            <v>ﾎｸｵｳﾃﾞﾝｾﾂ</v>
          </cell>
          <cell r="C3862" t="str">
            <v>北央電設（株）</v>
          </cell>
          <cell r="D3862" t="str">
            <v>大森 友幸</v>
          </cell>
          <cell r="E3862" t="str">
            <v>代表取締役社長</v>
          </cell>
          <cell r="F3862" t="str">
            <v>004-0815</v>
          </cell>
          <cell r="G3862" t="str">
            <v>清田区美しが丘５－６－１－１５</v>
          </cell>
          <cell r="H3862" t="str">
            <v>882-0791</v>
          </cell>
          <cell r="I3862" t="str">
            <v>883-1879</v>
          </cell>
        </row>
        <row r="3863">
          <cell r="A3863" t="str">
            <v>64098W</v>
          </cell>
          <cell r="B3863" t="str">
            <v>ｵﾑﾛﾝﾌｨｰﾙﾄﾞｴﾝｼﾞﾆｱﾘﾝｸﾞﾎｯｶｲﾄﾞｳ</v>
          </cell>
          <cell r="C3863" t="str">
            <v>オムロンフィールドエンジニアリング北海道</v>
          </cell>
          <cell r="D3863" t="str">
            <v>小林 正樹</v>
          </cell>
          <cell r="E3863" t="str">
            <v>代表取締役</v>
          </cell>
          <cell r="F3863" t="str">
            <v>060-0003</v>
          </cell>
          <cell r="G3863" t="str">
            <v>中央区北３西１－１ サンメモリア</v>
          </cell>
          <cell r="H3863" t="str">
            <v>281-5121</v>
          </cell>
          <cell r="I3863" t="str">
            <v>281-0917</v>
          </cell>
        </row>
        <row r="3864">
          <cell r="A3864" t="str">
            <v>64105Z</v>
          </cell>
          <cell r="B3864" t="str">
            <v>ﾏﾙﾔﾏｹﾝｾﾂ</v>
          </cell>
          <cell r="C3864" t="str">
            <v>円山建設（株）</v>
          </cell>
          <cell r="D3864" t="str">
            <v>青山 正義</v>
          </cell>
          <cell r="E3864" t="str">
            <v>代表取締役</v>
          </cell>
          <cell r="F3864" t="str">
            <v>006-0839</v>
          </cell>
          <cell r="G3864" t="str">
            <v>手稲区曙９－１－１－１２</v>
          </cell>
          <cell r="H3864" t="str">
            <v>685-3155</v>
          </cell>
          <cell r="I3864" t="str">
            <v>681-6089</v>
          </cell>
        </row>
        <row r="3865">
          <cell r="A3865" t="str">
            <v>64122T</v>
          </cell>
          <cell r="B3865" t="str">
            <v>ﾎｸﾃﾞﾝｴｲﾊｲｴﾝｼﾞﾆｱﾘﾝｸﾞ</v>
          </cell>
          <cell r="C3865" t="str">
            <v>北電営配エンジニアリング（株）</v>
          </cell>
          <cell r="D3865" t="str">
            <v>熊谷 直孝</v>
          </cell>
          <cell r="E3865" t="str">
            <v>取締役社長</v>
          </cell>
          <cell r="F3865" t="str">
            <v>060-0051</v>
          </cell>
          <cell r="G3865" t="str">
            <v>中央区南１東１－２－１</v>
          </cell>
          <cell r="H3865" t="str">
            <v>251-1141</v>
          </cell>
          <cell r="I3865" t="str">
            <v>251-1196</v>
          </cell>
        </row>
        <row r="3866">
          <cell r="A3866" t="str">
            <v>64128P</v>
          </cell>
          <cell r="B3866" t="str">
            <v>ﾎｯｶｲﾄﾞｳｼﾞｰｴｽｻｰﾋﾞｽ</v>
          </cell>
          <cell r="C3866" t="str">
            <v>北海道ジーエスサービス（株）</v>
          </cell>
          <cell r="D3866" t="str">
            <v>吉中 弘介</v>
          </cell>
          <cell r="E3866" t="str">
            <v>代表取締役</v>
          </cell>
          <cell r="F3866" t="str">
            <v>003-0807</v>
          </cell>
          <cell r="G3866" t="str">
            <v>白石区菊水７－２－８－１３</v>
          </cell>
          <cell r="H3866" t="str">
            <v>822-5910</v>
          </cell>
          <cell r="I3866" t="str">
            <v>822-0339</v>
          </cell>
        </row>
        <row r="3867">
          <cell r="A3867" t="str">
            <v>64141T</v>
          </cell>
          <cell r="B3867" t="str">
            <v>ﾎﾙｽ</v>
          </cell>
          <cell r="C3867" t="str">
            <v>（株）ホルス</v>
          </cell>
          <cell r="D3867" t="str">
            <v>山崎 勝明</v>
          </cell>
          <cell r="E3867" t="str">
            <v>代表取締役</v>
          </cell>
          <cell r="F3867" t="str">
            <v>060-0006</v>
          </cell>
          <cell r="G3867" t="str">
            <v>中央区北６西１６－１－２３</v>
          </cell>
          <cell r="H3867" t="str">
            <v>622-5813</v>
          </cell>
          <cell r="I3867" t="str">
            <v>622-5814</v>
          </cell>
        </row>
        <row r="3868">
          <cell r="A3868" t="str">
            <v>64142R</v>
          </cell>
          <cell r="B3868" t="str">
            <v>ﾎｸﾀﾝｶｾｲｺｳｷﾞｮｳ</v>
          </cell>
          <cell r="C3868" t="str">
            <v>北炭化成工業（株）札幌支店</v>
          </cell>
          <cell r="D3868" t="str">
            <v>熊倉 弘</v>
          </cell>
          <cell r="E3868" t="str">
            <v>支店長</v>
          </cell>
          <cell r="F3868" t="str">
            <v>003-0012</v>
          </cell>
          <cell r="G3868" t="str">
            <v>白石区中央２－１－５－５０ 浅沼ビル３Ｆ</v>
          </cell>
          <cell r="H3868" t="str">
            <v>833-1828</v>
          </cell>
          <cell r="I3868" t="str">
            <v>833-1838</v>
          </cell>
        </row>
        <row r="3869">
          <cell r="A3869" t="str">
            <v>64158Y</v>
          </cell>
          <cell r="B3869" t="str">
            <v>ﾎｯｶｲﾄﾞｳﾊﾟﾜｰｴﾝｼﾞﾆｱﾘﾝｸﾞ</v>
          </cell>
          <cell r="C3869" t="str">
            <v>北海道パワーエンジニアリング（株）</v>
          </cell>
          <cell r="D3869" t="str">
            <v>勝木 靖夫</v>
          </cell>
          <cell r="E3869" t="str">
            <v>代表取締役</v>
          </cell>
          <cell r="F3869" t="str">
            <v>060-0004</v>
          </cell>
          <cell r="G3869" t="str">
            <v>中央区北４西１－２－１</v>
          </cell>
          <cell r="H3869" t="str">
            <v>221-3921</v>
          </cell>
          <cell r="I3869" t="str">
            <v>231-5017</v>
          </cell>
        </row>
        <row r="3870">
          <cell r="A3870" t="str">
            <v>64162N</v>
          </cell>
          <cell r="B3870" t="str">
            <v>ﾎｯｶｲﾄﾞｳｹﾝｾﾂ</v>
          </cell>
          <cell r="C3870" t="str">
            <v>北海道建設（株）</v>
          </cell>
          <cell r="D3870" t="str">
            <v>佐々木 慶二</v>
          </cell>
          <cell r="E3870" t="str">
            <v>代表取締役</v>
          </cell>
          <cell r="F3870" t="str">
            <v>064-0822</v>
          </cell>
          <cell r="G3870" t="str">
            <v>中央区北２西２０－１－１０</v>
          </cell>
          <cell r="H3870" t="str">
            <v>643-8457</v>
          </cell>
          <cell r="I3870" t="str">
            <v>644-0864</v>
          </cell>
        </row>
        <row r="3871">
          <cell r="A3871" t="str">
            <v>64163Y</v>
          </cell>
          <cell r="B3871" t="str">
            <v>ﾎｸｿｳｺｳｷﾞｮｳ</v>
          </cell>
          <cell r="C3871" t="str">
            <v>北創工業（株）</v>
          </cell>
          <cell r="D3871" t="str">
            <v>角川 元朗</v>
          </cell>
          <cell r="E3871" t="str">
            <v>代表取締役</v>
          </cell>
          <cell r="F3871" t="str">
            <v>002-0856</v>
          </cell>
          <cell r="G3871" t="str">
            <v>北区屯田６－１１－３－１３</v>
          </cell>
          <cell r="H3871" t="str">
            <v>773-6601</v>
          </cell>
          <cell r="I3871" t="str">
            <v>773-5478</v>
          </cell>
        </row>
        <row r="3872">
          <cell r="A3872" t="str">
            <v>64167Z</v>
          </cell>
          <cell r="B3872" t="str">
            <v>ﾎｼﾉｿﾞｳｴﾝ</v>
          </cell>
          <cell r="C3872" t="str">
            <v>（株）星野造園</v>
          </cell>
          <cell r="D3872" t="str">
            <v>星野 一晴</v>
          </cell>
          <cell r="E3872" t="str">
            <v>代表取締役</v>
          </cell>
          <cell r="F3872" t="str">
            <v>003-0026</v>
          </cell>
          <cell r="G3872" t="str">
            <v>白石区本通９南５－１２</v>
          </cell>
          <cell r="H3872" t="str">
            <v>862-0055</v>
          </cell>
          <cell r="I3872" t="str">
            <v>861-5372</v>
          </cell>
        </row>
        <row r="3873">
          <cell r="A3873" t="str">
            <v>64168X</v>
          </cell>
          <cell r="B3873" t="str">
            <v>ﾎｸｵｳｼﾞｭｳﾀｸｾﾂﾋﾞ</v>
          </cell>
          <cell r="C3873" t="str">
            <v>北欧住宅設備（株）</v>
          </cell>
          <cell r="D3873" t="str">
            <v>辻 征男</v>
          </cell>
          <cell r="E3873" t="str">
            <v>代表取締役</v>
          </cell>
          <cell r="F3873" t="str">
            <v>063-0834</v>
          </cell>
          <cell r="G3873" t="str">
            <v>西区発寒１４－２－１－２２</v>
          </cell>
          <cell r="H3873" t="str">
            <v>663-3261</v>
          </cell>
          <cell r="I3873" t="str">
            <v>663-3262</v>
          </cell>
        </row>
        <row r="3874">
          <cell r="A3874" t="str">
            <v>64171P</v>
          </cell>
          <cell r="B3874" t="str">
            <v>ﾎｸｼﾝﾃﾞﾝｷｺｳｼﾞ</v>
          </cell>
          <cell r="C3874" t="str">
            <v>（株）北辰電気工事</v>
          </cell>
          <cell r="D3874" t="str">
            <v>岩谷 正志</v>
          </cell>
          <cell r="E3874" t="str">
            <v>代表取締役</v>
          </cell>
          <cell r="F3874" t="str">
            <v>007-0840</v>
          </cell>
          <cell r="G3874" t="str">
            <v>東区北４０東３－１－２</v>
          </cell>
          <cell r="H3874" t="str">
            <v>704-5030</v>
          </cell>
          <cell r="I3874" t="str">
            <v>704-5034</v>
          </cell>
        </row>
        <row r="3875">
          <cell r="A3875" t="str">
            <v>64172Z</v>
          </cell>
          <cell r="B3875" t="str">
            <v>ﾎﾞｲﾗｻｰﾋﾞｽ</v>
          </cell>
          <cell r="C3875" t="str">
            <v>ボイラサービス（株）</v>
          </cell>
          <cell r="D3875" t="str">
            <v>綿谷 政幸</v>
          </cell>
          <cell r="E3875" t="str">
            <v>代表取締役</v>
          </cell>
          <cell r="F3875" t="str">
            <v>065-0033</v>
          </cell>
          <cell r="G3875" t="str">
            <v>東区北３３東１２－２－１</v>
          </cell>
          <cell r="H3875" t="str">
            <v>704-3301</v>
          </cell>
          <cell r="I3875" t="str">
            <v>704-3303</v>
          </cell>
        </row>
        <row r="3876">
          <cell r="A3876" t="str">
            <v>64180R</v>
          </cell>
          <cell r="B3876" t="str">
            <v>ﾌﾞﾝｶｼｬｯﾀｰ</v>
          </cell>
          <cell r="C3876" t="str">
            <v>文化シャッター（株）札幌支店</v>
          </cell>
          <cell r="D3876" t="str">
            <v>但野 進</v>
          </cell>
          <cell r="E3876" t="str">
            <v>支店長</v>
          </cell>
          <cell r="F3876" t="str">
            <v>003-0022</v>
          </cell>
          <cell r="G3876" t="str">
            <v>白石区南郷通１６南１－２０</v>
          </cell>
          <cell r="H3876" t="str">
            <v>861-8841</v>
          </cell>
          <cell r="I3876" t="str">
            <v>861-3305</v>
          </cell>
        </row>
        <row r="3877">
          <cell r="A3877" t="str">
            <v>64188V</v>
          </cell>
          <cell r="B3877" t="str">
            <v>ﾎｸｴｲｾﾂﾋﾞｺｳｷﾞｮｳ</v>
          </cell>
          <cell r="C3877" t="str">
            <v>（株）北栄設備工業</v>
          </cell>
          <cell r="D3877" t="str">
            <v>橋本 修一</v>
          </cell>
          <cell r="E3877" t="str">
            <v>代表取締役</v>
          </cell>
          <cell r="F3877" t="str">
            <v>007-0834</v>
          </cell>
          <cell r="G3877" t="str">
            <v>東区北３４東１－３－３１</v>
          </cell>
          <cell r="H3877" t="str">
            <v>753-4384</v>
          </cell>
          <cell r="I3877" t="str">
            <v>753-4384</v>
          </cell>
        </row>
        <row r="3878">
          <cell r="A3878" t="str">
            <v>64211V</v>
          </cell>
          <cell r="B3878" t="str">
            <v>ﾎｯﾎﾟｳｳﾝﾕｹﾝｾﾂ</v>
          </cell>
          <cell r="C3878" t="str">
            <v>北方運輸建設（株）</v>
          </cell>
          <cell r="D3878" t="str">
            <v>柴原 廣守</v>
          </cell>
          <cell r="E3878" t="str">
            <v>代表取締役</v>
          </cell>
          <cell r="F3878" t="str">
            <v>003-0012</v>
          </cell>
          <cell r="G3878" t="str">
            <v>白石区中央２－３－９－２１</v>
          </cell>
          <cell r="H3878" t="str">
            <v>811-6666</v>
          </cell>
          <cell r="I3878" t="str">
            <v>811-6494</v>
          </cell>
        </row>
        <row r="3879">
          <cell r="A3879" t="str">
            <v>64220W</v>
          </cell>
          <cell r="B3879" t="str">
            <v>ﾎﾞｳｻｲｺﾝｻﾙﾀﾝﾄ</v>
          </cell>
          <cell r="C3879" t="str">
            <v>（株）防災コンサルタント</v>
          </cell>
          <cell r="D3879" t="str">
            <v>馬場 明美</v>
          </cell>
          <cell r="E3879" t="str">
            <v>代表取締役</v>
          </cell>
          <cell r="F3879" t="str">
            <v>062-0043</v>
          </cell>
          <cell r="G3879" t="str">
            <v>豊平区福住３－７－２３－１５</v>
          </cell>
          <cell r="H3879" t="str">
            <v>853-8471</v>
          </cell>
          <cell r="I3879" t="str">
            <v>853-3292</v>
          </cell>
        </row>
        <row r="3880">
          <cell r="A3880" t="str">
            <v>64225V</v>
          </cell>
          <cell r="B3880" t="str">
            <v>ﾎｸｼﾝｾﾂﾋﾞｺｳｷﾞｮｳ</v>
          </cell>
          <cell r="C3880" t="str">
            <v>（有）北進設備工業</v>
          </cell>
          <cell r="D3880" t="str">
            <v>宮田 紀</v>
          </cell>
          <cell r="E3880" t="str">
            <v>代表取締役</v>
          </cell>
          <cell r="F3880" t="str">
            <v>004-0862</v>
          </cell>
          <cell r="G3880" t="str">
            <v>清田区北野２－２－２０－５５</v>
          </cell>
          <cell r="H3880" t="str">
            <v>884-4888</v>
          </cell>
          <cell r="I3880" t="str">
            <v>884-4666</v>
          </cell>
        </row>
        <row r="3881">
          <cell r="A3881" t="str">
            <v>64226S</v>
          </cell>
          <cell r="B3881" t="str">
            <v>ﾎｯｶｲﾄﾞｳｵﾝｽｲﾀﾞﾝﾎﾞｳ</v>
          </cell>
          <cell r="C3881" t="str">
            <v>北海道温水暖房（株）</v>
          </cell>
          <cell r="D3881" t="str">
            <v>中原 秀敏</v>
          </cell>
          <cell r="E3881" t="str">
            <v>代表取締役</v>
          </cell>
          <cell r="F3881" t="str">
            <v>011-0910</v>
          </cell>
          <cell r="G3881" t="str">
            <v>北区新琴似１０－６－１－４</v>
          </cell>
          <cell r="H3881" t="str">
            <v>761-5230</v>
          </cell>
          <cell r="I3881" t="str">
            <v>761-5295</v>
          </cell>
        </row>
        <row r="3882">
          <cell r="A3882" t="str">
            <v>64240T</v>
          </cell>
          <cell r="B3882" t="str">
            <v>ﾎｸﾖｳｺｳｴｲ</v>
          </cell>
          <cell r="C3882" t="str">
            <v>北洋工営（株）</v>
          </cell>
          <cell r="D3882" t="str">
            <v>野口 國夫</v>
          </cell>
          <cell r="E3882" t="str">
            <v>代表取締役</v>
          </cell>
          <cell r="F3882" t="str">
            <v>003-0002</v>
          </cell>
          <cell r="G3882" t="str">
            <v>白石区東札幌２－２－１－９</v>
          </cell>
          <cell r="H3882" t="str">
            <v>823-7141</v>
          </cell>
          <cell r="I3882" t="str">
            <v>821-3341</v>
          </cell>
        </row>
        <row r="3883">
          <cell r="A3883" t="str">
            <v>64246P</v>
          </cell>
          <cell r="B3883" t="str">
            <v>ﾎｯｶｲﾁｭｳｵｳｸﾎﾞﾀ</v>
          </cell>
          <cell r="C3883" t="str">
            <v>（株）北海中央クボタ</v>
          </cell>
          <cell r="D3883" t="str">
            <v>渡邉 弥</v>
          </cell>
          <cell r="E3883" t="str">
            <v>代表取締役社長</v>
          </cell>
          <cell r="F3883" t="str">
            <v>068-2165</v>
          </cell>
          <cell r="G3883" t="str">
            <v>三笠市岡山１０６７－９</v>
          </cell>
          <cell r="H3883" t="str">
            <v>01267-2-5420</v>
          </cell>
          <cell r="I3883" t="str">
            <v>01267-2-5419</v>
          </cell>
        </row>
        <row r="3884">
          <cell r="A3884" t="str">
            <v>64255R</v>
          </cell>
          <cell r="B3884" t="str">
            <v>ﾎｯｶｲｼｾﾂ</v>
          </cell>
          <cell r="C3884" t="str">
            <v>（株）北海施設</v>
          </cell>
          <cell r="D3884" t="str">
            <v>芳賀 敏博</v>
          </cell>
          <cell r="E3884" t="str">
            <v>代表取締役</v>
          </cell>
          <cell r="F3884" t="str">
            <v>001-0924</v>
          </cell>
          <cell r="G3884" t="str">
            <v>北区新川４－１－５－７</v>
          </cell>
          <cell r="H3884" t="str">
            <v>726-0259</v>
          </cell>
          <cell r="I3884" t="str">
            <v>726-0497</v>
          </cell>
        </row>
        <row r="3885">
          <cell r="A3885" t="str">
            <v>64263W</v>
          </cell>
          <cell r="B3885" t="str">
            <v>ﾎｸｴｲﾃｸﾉ</v>
          </cell>
          <cell r="C3885" t="str">
            <v>ホクエイテクノ（株）</v>
          </cell>
          <cell r="D3885" t="str">
            <v>二階堂 芳夫</v>
          </cell>
          <cell r="E3885" t="str">
            <v>代表取締役</v>
          </cell>
          <cell r="F3885" t="str">
            <v>065-0025</v>
          </cell>
          <cell r="G3885" t="str">
            <v>東区北２５東１５－２－１</v>
          </cell>
          <cell r="H3885" t="str">
            <v>752-1861</v>
          </cell>
          <cell r="I3885" t="str">
            <v>752-2032</v>
          </cell>
        </row>
        <row r="3886">
          <cell r="A3886" t="str">
            <v>64294P</v>
          </cell>
          <cell r="B3886" t="str">
            <v>ﾎｸﾘｸｳﾝﾕｷｺｳ</v>
          </cell>
          <cell r="C3886" t="str">
            <v>（株）北陸運輸機工</v>
          </cell>
          <cell r="D3886" t="str">
            <v>鹿谷 貞幸</v>
          </cell>
          <cell r="E3886" t="str">
            <v>代表取締役</v>
          </cell>
          <cell r="F3886" t="str">
            <v>003-0863</v>
          </cell>
          <cell r="G3886" t="str">
            <v>白石区川下３－７－５－６</v>
          </cell>
          <cell r="H3886" t="str">
            <v>871-9344</v>
          </cell>
          <cell r="I3886" t="str">
            <v>871-9979</v>
          </cell>
        </row>
        <row r="3887">
          <cell r="A3887" t="str">
            <v>64295Y</v>
          </cell>
          <cell r="B3887" t="str">
            <v>ﾎｯｶｲｶｲﾊﾂｼﾞｷﾞｮｳ</v>
          </cell>
          <cell r="C3887" t="str">
            <v>北海開発事業（協）</v>
          </cell>
          <cell r="D3887" t="str">
            <v>山本 七郎</v>
          </cell>
          <cell r="E3887" t="str">
            <v>代表理事</v>
          </cell>
          <cell r="F3887" t="str">
            <v>063-0835</v>
          </cell>
          <cell r="G3887" t="str">
            <v>西区発寒１５－１－１－１６</v>
          </cell>
          <cell r="H3887" t="str">
            <v>661-7334</v>
          </cell>
          <cell r="I3887" t="str">
            <v>661-6899</v>
          </cell>
        </row>
        <row r="3888">
          <cell r="A3888" t="str">
            <v>64297T</v>
          </cell>
          <cell r="B3888" t="str">
            <v>ﾎｯｶｲﾄﾞｳｿｳｺﾞｳﾒﾝﾃﾅﾝｽ</v>
          </cell>
          <cell r="C3888" t="str">
            <v>北海道総合メンテナンス（株）</v>
          </cell>
          <cell r="D3888" t="str">
            <v>松浦 宏允</v>
          </cell>
          <cell r="E3888" t="str">
            <v>代表取締役</v>
          </cell>
          <cell r="F3888" t="str">
            <v>004-0834</v>
          </cell>
          <cell r="G3888" t="str">
            <v>清田区真栄４－３－４－１６</v>
          </cell>
          <cell r="H3888" t="str">
            <v>882-6001</v>
          </cell>
          <cell r="I3888" t="str">
            <v>882-2285</v>
          </cell>
        </row>
        <row r="3889">
          <cell r="A3889" t="str">
            <v>64301T</v>
          </cell>
          <cell r="B3889" t="str">
            <v>ﾎｯｶｲﾎﾞｲﾗｾﾝﾀｰ</v>
          </cell>
          <cell r="C3889" t="str">
            <v>北海ボイラセンター（株）</v>
          </cell>
          <cell r="D3889" t="str">
            <v>工藤 行男</v>
          </cell>
          <cell r="E3889" t="str">
            <v>代表取締役</v>
          </cell>
          <cell r="F3889" t="str">
            <v>003-0834</v>
          </cell>
          <cell r="G3889" t="str">
            <v>白石区北郷４－１２－６－２９</v>
          </cell>
          <cell r="H3889" t="str">
            <v>874-3820</v>
          </cell>
          <cell r="I3889" t="str">
            <v>874-3845</v>
          </cell>
        </row>
        <row r="3890">
          <cell r="A3890" t="str">
            <v>64340R</v>
          </cell>
          <cell r="B3890" t="str">
            <v>ﾎｳｴｲｾﾂﾋﾞｺｳｷﾞｮｳ</v>
          </cell>
          <cell r="C3890" t="str">
            <v>豊栄設備工業（株）</v>
          </cell>
          <cell r="D3890" t="str">
            <v>佐藤 芳昭</v>
          </cell>
          <cell r="E3890" t="str">
            <v>代表取締役</v>
          </cell>
          <cell r="F3890" t="str">
            <v>007-0837</v>
          </cell>
          <cell r="G3890" t="str">
            <v>東区北３７東２８－９－１２</v>
          </cell>
          <cell r="H3890" t="str">
            <v>781-9533</v>
          </cell>
          <cell r="I3890" t="str">
            <v>781-9410</v>
          </cell>
        </row>
        <row r="3891">
          <cell r="A3891" t="str">
            <v>64348V</v>
          </cell>
          <cell r="B3891" t="str">
            <v>ﾎｯｶｲﾄﾞｳｶｲﾊﾂｳﾝﾕｺｳｼｬ</v>
          </cell>
          <cell r="C3891" t="str">
            <v>（株）北海道開発運輸公社</v>
          </cell>
          <cell r="D3891" t="str">
            <v>土肥 保夫</v>
          </cell>
          <cell r="E3891" t="str">
            <v>代表取締役社長</v>
          </cell>
          <cell r="F3891" t="str">
            <v>062-0020</v>
          </cell>
          <cell r="G3891" t="str">
            <v>豊平区月寒中央通１１－１－３</v>
          </cell>
          <cell r="H3891" t="str">
            <v>855-0061</v>
          </cell>
          <cell r="I3891" t="str">
            <v>855-0064</v>
          </cell>
        </row>
        <row r="3892">
          <cell r="A3892" t="str">
            <v>64399Y</v>
          </cell>
          <cell r="B3892" t="str">
            <v>ﾎｯｶｲﾄﾞｳｻﾄﾐ</v>
          </cell>
          <cell r="C3892" t="str">
            <v>（株）北海道サトミ</v>
          </cell>
          <cell r="D3892" t="str">
            <v>藤森 妙子</v>
          </cell>
          <cell r="E3892" t="str">
            <v>代表取締役</v>
          </cell>
          <cell r="F3892" t="str">
            <v>061-2283</v>
          </cell>
          <cell r="G3892" t="str">
            <v>南区藤野３－７－１－１８</v>
          </cell>
          <cell r="H3892" t="str">
            <v>592-8739</v>
          </cell>
          <cell r="I3892" t="str">
            <v>592-7828</v>
          </cell>
        </row>
        <row r="3893">
          <cell r="A3893" t="str">
            <v>64400T</v>
          </cell>
          <cell r="B3893" t="str">
            <v>ﾎｯｶｲﾄﾞｳｻﾆﾀﾘｰ･ﾒﾝﾃﾅﾝｽ</v>
          </cell>
          <cell r="C3893" t="str">
            <v>（株）北海道サニタリー・メンテナンス</v>
          </cell>
          <cell r="D3893" t="str">
            <v>戸井 琢磨</v>
          </cell>
          <cell r="E3893" t="str">
            <v>代表取締役</v>
          </cell>
          <cell r="F3893" t="str">
            <v>060-0042</v>
          </cell>
          <cell r="G3893" t="str">
            <v>中央区大通西５－１１ 大五ビル</v>
          </cell>
          <cell r="H3893" t="str">
            <v>221-8398</v>
          </cell>
          <cell r="I3893" t="str">
            <v>221-8542</v>
          </cell>
        </row>
        <row r="3894">
          <cell r="A3894" t="str">
            <v>64403Y</v>
          </cell>
          <cell r="B3894" t="str">
            <v>ﾎｯｶｲﾄﾞｳﾘｮｶｸﾃﾂﾄﾞｳ</v>
          </cell>
          <cell r="C3894" t="str">
            <v>ＪＲ北海道法人旅行札幌支店</v>
          </cell>
          <cell r="D3894" t="str">
            <v>豊川 俊孝</v>
          </cell>
          <cell r="E3894" t="str">
            <v>支店長</v>
          </cell>
          <cell r="F3894" t="str">
            <v>060-0004</v>
          </cell>
          <cell r="G3894" t="str">
            <v>中央区北４西４ 伊藤ビル７階</v>
          </cell>
          <cell r="H3894" t="str">
            <v>223-5733</v>
          </cell>
          <cell r="I3894" t="str">
            <v>223-5734</v>
          </cell>
        </row>
        <row r="3895">
          <cell r="A3895" t="str">
            <v>64408X</v>
          </cell>
          <cell r="B3895" t="str">
            <v>ﾎｯｺｳ</v>
          </cell>
          <cell r="C3895" t="str">
            <v>（株）北幸</v>
          </cell>
          <cell r="D3895" t="str">
            <v>長谷川 道久</v>
          </cell>
          <cell r="E3895" t="str">
            <v>代表取締役</v>
          </cell>
          <cell r="F3895" t="str">
            <v>001-0907</v>
          </cell>
          <cell r="G3895" t="str">
            <v>北区新琴似７－１０－１－１</v>
          </cell>
          <cell r="H3895" t="str">
            <v>762-4835</v>
          </cell>
          <cell r="I3895" t="str">
            <v>762-4834</v>
          </cell>
        </row>
        <row r="3896">
          <cell r="A3896" t="str">
            <v>64416N</v>
          </cell>
          <cell r="B3896" t="str">
            <v>ﾎｯｶｲﾄﾞｳｿｳｺﾞｳｹﾝｷｭｳﾁｮｳｻｶｲ</v>
          </cell>
          <cell r="C3896" t="str">
            <v>（社）北海道総合研究調査会</v>
          </cell>
          <cell r="D3896" t="str">
            <v>廣畑 民雄</v>
          </cell>
          <cell r="E3896" t="str">
            <v>理事長</v>
          </cell>
          <cell r="F3896" t="str">
            <v>060-0004</v>
          </cell>
          <cell r="G3896" t="str">
            <v>中央区北４西６－１－１ 毎日札幌会館</v>
          </cell>
          <cell r="H3896" t="str">
            <v>222-3669</v>
          </cell>
          <cell r="I3896" t="str">
            <v>222-4105</v>
          </cell>
        </row>
        <row r="3897">
          <cell r="A3897" t="str">
            <v>64420R</v>
          </cell>
          <cell r="B3897" t="str">
            <v>ﾎﾞｳｾｲｾﾂﾋﾞｺｳｷﾞｮｳ</v>
          </cell>
          <cell r="C3897" t="str">
            <v>望星設備工業（株）</v>
          </cell>
          <cell r="D3897" t="str">
            <v>池田 幸裕</v>
          </cell>
          <cell r="E3897" t="str">
            <v>代表取締役</v>
          </cell>
          <cell r="F3897" t="str">
            <v>003-0002</v>
          </cell>
          <cell r="G3897" t="str">
            <v>白石区東札幌２－５－２－１</v>
          </cell>
          <cell r="H3897" t="str">
            <v>824-3421</v>
          </cell>
          <cell r="I3897" t="str">
            <v>824-3394</v>
          </cell>
        </row>
        <row r="3898">
          <cell r="A3898" t="str">
            <v>64448S</v>
          </cell>
          <cell r="B3898" t="str">
            <v>ﾎｸｽｲｺｳｷﾞｮｳ</v>
          </cell>
          <cell r="C3898" t="str">
            <v>（株）北水工業</v>
          </cell>
          <cell r="D3898" t="str">
            <v>成田 正治</v>
          </cell>
          <cell r="E3898" t="str">
            <v>代表取締役</v>
          </cell>
          <cell r="F3898" t="str">
            <v>001-0912</v>
          </cell>
          <cell r="G3898" t="str">
            <v>北区新琴似１２－１３－８－２２</v>
          </cell>
          <cell r="H3898" t="str">
            <v>764-8817</v>
          </cell>
          <cell r="I3898" t="str">
            <v>764-1609</v>
          </cell>
        </row>
        <row r="3899">
          <cell r="A3899" t="str">
            <v>64452V</v>
          </cell>
          <cell r="B3899" t="str">
            <v>ﾎｯｶｲﾄﾞｳｷﾝﾓﾝｺｳｼﾞ</v>
          </cell>
          <cell r="C3899" t="str">
            <v>北海道金門工事（株）</v>
          </cell>
          <cell r="D3899" t="str">
            <v>支部 英孝</v>
          </cell>
          <cell r="E3899" t="str">
            <v>代表取締役</v>
          </cell>
          <cell r="F3899" t="str">
            <v>007-0803</v>
          </cell>
          <cell r="G3899" t="str">
            <v>東区東苗穂３－３－２－８１</v>
          </cell>
          <cell r="H3899" t="str">
            <v>783-7770</v>
          </cell>
          <cell r="I3899" t="str">
            <v>784-7861</v>
          </cell>
        </row>
        <row r="3900">
          <cell r="A3900" t="str">
            <v>64453S</v>
          </cell>
          <cell r="B3900" t="str">
            <v>ｼﾞｰｱｲｴｽﾎｯｶｲﾄﾞｳ</v>
          </cell>
          <cell r="C3900" t="str">
            <v>（株）ＧＩＳ北海道</v>
          </cell>
          <cell r="D3900" t="str">
            <v>植田 秀一</v>
          </cell>
          <cell r="E3900" t="str">
            <v>代表取締役</v>
          </cell>
          <cell r="F3900" t="str">
            <v>064-0807</v>
          </cell>
          <cell r="G3900" t="str">
            <v>中央区南７西１－７３</v>
          </cell>
          <cell r="H3900" t="str">
            <v>521-6711</v>
          </cell>
          <cell r="I3900" t="str">
            <v>521-1916</v>
          </cell>
        </row>
        <row r="3901">
          <cell r="A3901" t="str">
            <v>64455Y</v>
          </cell>
          <cell r="B3901" t="str">
            <v>ﾎｯｶｲｽｲｺｳｺﾝｻﾙﾀﾝﾄ</v>
          </cell>
          <cell r="C3901" t="str">
            <v>（株）北開水工コンサルタント</v>
          </cell>
          <cell r="D3901" t="str">
            <v>福岡 正雄</v>
          </cell>
          <cell r="E3901" t="str">
            <v>代表取締役</v>
          </cell>
          <cell r="F3901" t="str">
            <v>080-0314</v>
          </cell>
          <cell r="G3901" t="str">
            <v>河東郡音更町共栄台西１１－１</v>
          </cell>
          <cell r="H3901" t="str">
            <v>0155-31-6171</v>
          </cell>
          <cell r="I3901" t="str">
            <v>0155-31-6214</v>
          </cell>
        </row>
        <row r="3902">
          <cell r="A3902" t="str">
            <v>64457T</v>
          </cell>
          <cell r="B3902" t="str">
            <v>ｼﾞｪｲｼｰｴﾝｼﾞﾆｱﾘﾝｸﾞ</v>
          </cell>
          <cell r="C3902" t="str">
            <v>（株）ジェイシーエンジニアリング</v>
          </cell>
          <cell r="D3902" t="str">
            <v>伊藤 知司</v>
          </cell>
          <cell r="E3902" t="str">
            <v>代表取締役</v>
          </cell>
          <cell r="F3902" t="str">
            <v>001-0045</v>
          </cell>
          <cell r="G3902" t="str">
            <v>北区麻生町３－１０－１２</v>
          </cell>
          <cell r="H3902" t="str">
            <v>716-7777</v>
          </cell>
          <cell r="I3902" t="str">
            <v>757-3649</v>
          </cell>
        </row>
        <row r="3903">
          <cell r="A3903" t="str">
            <v>64462T</v>
          </cell>
          <cell r="B3903" t="str">
            <v>ﾎｿﾔｼｽﾃﾑｽﾞ</v>
          </cell>
          <cell r="C3903" t="str">
            <v>（株）ホソヤシステムズ</v>
          </cell>
          <cell r="D3903" t="str">
            <v>細谷 良之助</v>
          </cell>
          <cell r="E3903" t="str">
            <v>代表取締役</v>
          </cell>
          <cell r="F3903" t="str">
            <v>060-0906</v>
          </cell>
          <cell r="G3903" t="str">
            <v>東区北７東６</v>
          </cell>
          <cell r="H3903" t="str">
            <v>712-0721</v>
          </cell>
          <cell r="I3903" t="str">
            <v>711-2715</v>
          </cell>
        </row>
        <row r="3904">
          <cell r="A3904" t="str">
            <v>64479Y</v>
          </cell>
          <cell r="B3904" t="str">
            <v>ﾎｸﾘｮｳｾﾂﾋﾞ</v>
          </cell>
          <cell r="C3904" t="str">
            <v>（有）ホクリョウ設備</v>
          </cell>
          <cell r="D3904" t="str">
            <v>小原 勝一</v>
          </cell>
          <cell r="E3904" t="str">
            <v>代表取締役</v>
          </cell>
          <cell r="F3904" t="str">
            <v>002-0861</v>
          </cell>
          <cell r="G3904" t="str">
            <v>北区屯田１１－２－８－３</v>
          </cell>
          <cell r="H3904" t="str">
            <v>771-4670</v>
          </cell>
          <cell r="I3904" t="str">
            <v>771-4689</v>
          </cell>
        </row>
        <row r="3905">
          <cell r="A3905" t="str">
            <v>64482R</v>
          </cell>
          <cell r="B3905" t="str">
            <v>ﾎｼﾉｳﾝﾕ</v>
          </cell>
          <cell r="C3905" t="str">
            <v>星野運輸（株）</v>
          </cell>
          <cell r="D3905" t="str">
            <v>星野 徹雄</v>
          </cell>
          <cell r="E3905" t="str">
            <v>代表取締役</v>
          </cell>
          <cell r="F3905" t="str">
            <v>004-0862</v>
          </cell>
          <cell r="G3905" t="str">
            <v>清田区北野２－１－３－４６</v>
          </cell>
          <cell r="H3905" t="str">
            <v>882-1821</v>
          </cell>
          <cell r="I3905" t="str">
            <v>881-6685</v>
          </cell>
        </row>
        <row r="3906">
          <cell r="A3906" t="str">
            <v>64492P</v>
          </cell>
          <cell r="B3906" t="str">
            <v>ﾎﾞｲﾗｼｽﾃﾑｻｰﾋﾞｽ</v>
          </cell>
          <cell r="C3906" t="str">
            <v>（有）ボイラシステムサービス</v>
          </cell>
          <cell r="D3906" t="str">
            <v>高須賀 建造</v>
          </cell>
          <cell r="E3906" t="str">
            <v>代表取締役</v>
          </cell>
          <cell r="F3906" t="str">
            <v>063-0034</v>
          </cell>
          <cell r="G3906" t="str">
            <v>西区西野４－４－９－１４</v>
          </cell>
          <cell r="H3906" t="str">
            <v>662-7566</v>
          </cell>
          <cell r="I3906" t="str">
            <v>662-7568</v>
          </cell>
        </row>
        <row r="3907">
          <cell r="A3907" t="str">
            <v>64494X</v>
          </cell>
          <cell r="B3907" t="str">
            <v>ﾎｯｶｲﾄﾞｳﾉｰﾐ</v>
          </cell>
          <cell r="C3907" t="str">
            <v>北海道ノーミ（株）</v>
          </cell>
          <cell r="D3907" t="str">
            <v>庄子 邦夫</v>
          </cell>
          <cell r="E3907" t="str">
            <v>代表取締役</v>
          </cell>
          <cell r="F3907" t="str">
            <v>001-0013</v>
          </cell>
          <cell r="G3907" t="str">
            <v>北区北１３西１－８</v>
          </cell>
          <cell r="H3907" t="str">
            <v>746-2511</v>
          </cell>
          <cell r="I3907" t="str">
            <v>746-2513</v>
          </cell>
        </row>
        <row r="3908">
          <cell r="A3908" t="str">
            <v>64501Z</v>
          </cell>
          <cell r="B3908" t="str">
            <v>ﾎｸｼﾝｼﾞｭｳｾﾂ</v>
          </cell>
          <cell r="C3908" t="str">
            <v>（有）北真住設</v>
          </cell>
          <cell r="D3908" t="str">
            <v>東 博之</v>
          </cell>
          <cell r="E3908" t="str">
            <v>代表取締役</v>
          </cell>
          <cell r="F3908" t="str">
            <v>062-0022</v>
          </cell>
          <cell r="G3908" t="str">
            <v>豊平区月寒西２－１０－２－６４</v>
          </cell>
          <cell r="H3908" t="str">
            <v>859-7455</v>
          </cell>
          <cell r="I3908" t="str">
            <v>859-7456</v>
          </cell>
        </row>
        <row r="3909">
          <cell r="A3909" t="str">
            <v>64509R</v>
          </cell>
          <cell r="B3909" t="str">
            <v>ﾎｯｶｲﾄﾞｳﾃﾞﾝﾘｮｸ</v>
          </cell>
          <cell r="C3909" t="str">
            <v>北海道電力（株）</v>
          </cell>
          <cell r="D3909" t="str">
            <v>近藤 龍夫</v>
          </cell>
          <cell r="E3909" t="str">
            <v>代表取締役社長</v>
          </cell>
          <cell r="F3909" t="str">
            <v>060-8677</v>
          </cell>
          <cell r="G3909" t="str">
            <v>中央区大通東１－２</v>
          </cell>
          <cell r="H3909" t="str">
            <v>251-1111</v>
          </cell>
          <cell r="I3909" t="str">
            <v>251-0425</v>
          </cell>
        </row>
        <row r="3910">
          <cell r="A3910" t="str">
            <v>64513T</v>
          </cell>
          <cell r="B3910" t="str">
            <v>ﾎｯｶｲｿﾞｳｴﾝ</v>
          </cell>
          <cell r="C3910" t="str">
            <v>北海造園（株）</v>
          </cell>
          <cell r="D3910" t="str">
            <v>杉村 郁</v>
          </cell>
          <cell r="E3910" t="str">
            <v>代表取締役</v>
          </cell>
          <cell r="F3910" t="str">
            <v>052-0101</v>
          </cell>
          <cell r="G3910" t="str">
            <v>有珠郡壮瞥町字滝之町２５１</v>
          </cell>
          <cell r="H3910" t="str">
            <v>0142-66-2077</v>
          </cell>
          <cell r="I3910" t="str">
            <v>0142-66-2108</v>
          </cell>
        </row>
        <row r="3911">
          <cell r="A3911" t="str">
            <v>64519P</v>
          </cell>
          <cell r="B3911" t="str">
            <v>ﾎｯｶｲﾄﾞｳｼｾﾞﾝｴﾈﾙｷﾞｰｹﾝｷｭｳｾﾝﾀｰ</v>
          </cell>
          <cell r="C3911" t="str">
            <v>（株）北海道自然エネルギー研究センター</v>
          </cell>
          <cell r="D3911" t="str">
            <v>吉野 正敏</v>
          </cell>
          <cell r="E3911" t="str">
            <v>代表取締役</v>
          </cell>
          <cell r="F3911" t="str">
            <v>060-0004</v>
          </cell>
          <cell r="G3911" t="str">
            <v>中央区北４西１６－１</v>
          </cell>
          <cell r="H3911" t="str">
            <v>644-7330</v>
          </cell>
          <cell r="I3911" t="str">
            <v>644-7335</v>
          </cell>
        </row>
        <row r="3912">
          <cell r="A3912" t="str">
            <v>64801S</v>
          </cell>
          <cell r="B3912" t="str">
            <v>ﾊﾟﾌﾞﾘｯｸｺﾝｻﾙﾀﾝﾄ</v>
          </cell>
          <cell r="C3912" t="str">
            <v>パブリックコンサルタント（株）</v>
          </cell>
          <cell r="D3912" t="str">
            <v>安田 益昌</v>
          </cell>
          <cell r="E3912" t="str">
            <v>代表取締役社長</v>
          </cell>
          <cell r="F3912" t="str">
            <v>060-0005</v>
          </cell>
          <cell r="G3912" t="str">
            <v>中央区北５西６－１－２３ 第２道通ビル</v>
          </cell>
          <cell r="H3912" t="str">
            <v>222-3338</v>
          </cell>
          <cell r="I3912" t="str">
            <v>251-3176</v>
          </cell>
        </row>
        <row r="3913">
          <cell r="A3913" t="str">
            <v>64802P</v>
          </cell>
          <cell r="B3913" t="str">
            <v>ﾎｸﾃﾂ</v>
          </cell>
          <cell r="C3913" t="str">
            <v>（株）ホクテツ</v>
          </cell>
          <cell r="D3913" t="str">
            <v>安藤 鉄男</v>
          </cell>
          <cell r="E3913" t="str">
            <v>代表取締役</v>
          </cell>
          <cell r="F3913" t="str">
            <v>001-0915</v>
          </cell>
          <cell r="G3913" t="str">
            <v>北区新琴似町１０２０－４</v>
          </cell>
          <cell r="H3913" t="str">
            <v>712-2461</v>
          </cell>
          <cell r="I3913" t="str">
            <v>751-5234</v>
          </cell>
        </row>
        <row r="3914">
          <cell r="A3914" t="str">
            <v>64803Z</v>
          </cell>
          <cell r="B3914" t="str">
            <v>ﾎﾛｷﾀﾋｸﾞﾁｳﾝﾕ</v>
          </cell>
          <cell r="C3914" t="str">
            <v>（株）幌北樋口運輸</v>
          </cell>
          <cell r="D3914" t="str">
            <v>樋口 勇</v>
          </cell>
          <cell r="E3914" t="str">
            <v>代表取締役</v>
          </cell>
          <cell r="F3914" t="str">
            <v>001-0915</v>
          </cell>
          <cell r="G3914" t="str">
            <v>北区新琴似町７８５－５</v>
          </cell>
          <cell r="H3914" t="str">
            <v>764-2451</v>
          </cell>
          <cell r="I3914" t="str">
            <v>763-2223</v>
          </cell>
        </row>
        <row r="3915">
          <cell r="A3915" t="str">
            <v>64805T</v>
          </cell>
          <cell r="B3915" t="str">
            <v>ｽﾞｺｰｼｬ</v>
          </cell>
          <cell r="C3915" t="str">
            <v>（株）ズコーシャ札幌支社</v>
          </cell>
          <cell r="D3915" t="str">
            <v>関本 裕至</v>
          </cell>
          <cell r="E3915" t="str">
            <v>常務取締役支社長</v>
          </cell>
          <cell r="F3915" t="str">
            <v>003-0022</v>
          </cell>
          <cell r="G3915" t="str">
            <v>白石区南郷通２南１１－９ 後藤ビル</v>
          </cell>
          <cell r="H3915" t="str">
            <v>862-0008</v>
          </cell>
          <cell r="I3915" t="str">
            <v>862-0177</v>
          </cell>
        </row>
        <row r="3916">
          <cell r="A3916" t="str">
            <v>64806R</v>
          </cell>
          <cell r="B3916" t="str">
            <v>ﾄﾞｰｺﾝ</v>
          </cell>
          <cell r="C3916" t="str">
            <v>（株）ドーコン</v>
          </cell>
          <cell r="D3916" t="str">
            <v>柳川 捷夫</v>
          </cell>
          <cell r="E3916" t="str">
            <v>代表取締役社長</v>
          </cell>
          <cell r="F3916" t="str">
            <v>004-8585</v>
          </cell>
          <cell r="G3916" t="str">
            <v>厚別区厚別中央１－５－４－１</v>
          </cell>
          <cell r="H3916" t="str">
            <v>801-1511</v>
          </cell>
          <cell r="I3916" t="str">
            <v>801-1512</v>
          </cell>
        </row>
        <row r="3917">
          <cell r="A3917" t="str">
            <v>64808Y</v>
          </cell>
          <cell r="B3917" t="str">
            <v>ﾎｸﾃﾞﾝｿｳｺﾞｳｾｯｹｲ</v>
          </cell>
          <cell r="C3917" t="str">
            <v>北電総合設計（株）</v>
          </cell>
          <cell r="D3917" t="str">
            <v>谷藤 和三</v>
          </cell>
          <cell r="E3917" t="str">
            <v>代表取締役社長</v>
          </cell>
          <cell r="F3917" t="str">
            <v>060-0031</v>
          </cell>
          <cell r="G3917" t="str">
            <v>中央区北１東３－１－１ 北電興業ビル</v>
          </cell>
          <cell r="H3917" t="str">
            <v>222-4420</v>
          </cell>
          <cell r="I3917" t="str">
            <v>222-4426</v>
          </cell>
        </row>
        <row r="3918">
          <cell r="A3918" t="str">
            <v>64814W</v>
          </cell>
          <cell r="B3918" t="str">
            <v>ﾎｸﾖｳｾﾂﾋﾞｾｯｹｲｼﾞﾑｼｮ</v>
          </cell>
          <cell r="C3918" t="str">
            <v>（株）北洋設備設計事務所</v>
          </cell>
          <cell r="D3918" t="str">
            <v>武井 正</v>
          </cell>
          <cell r="E3918" t="str">
            <v>代表取締役</v>
          </cell>
          <cell r="F3918" t="str">
            <v>060-0042</v>
          </cell>
          <cell r="G3918" t="str">
            <v>中央区大通西１８－１－９</v>
          </cell>
          <cell r="H3918" t="str">
            <v>641-5160</v>
          </cell>
          <cell r="I3918" t="str">
            <v>611-5875</v>
          </cell>
        </row>
        <row r="3919">
          <cell r="A3919" t="str">
            <v>64821P</v>
          </cell>
          <cell r="B3919" t="str">
            <v>ﾎｯｶｲﾄﾞｳﾄﾞｼﾂｺﾝｻﾙﾀﾝﾄ</v>
          </cell>
          <cell r="C3919" t="str">
            <v>北海道土質コンサルタント（株）</v>
          </cell>
          <cell r="D3919" t="str">
            <v>池田 晃一</v>
          </cell>
          <cell r="E3919" t="str">
            <v>代表取締役</v>
          </cell>
          <cell r="F3919" t="str">
            <v>062-0931</v>
          </cell>
          <cell r="G3919" t="str">
            <v>豊平区平岸１－２－５－１６</v>
          </cell>
          <cell r="H3919" t="str">
            <v>841-1466</v>
          </cell>
          <cell r="I3919" t="str">
            <v>841-5490</v>
          </cell>
        </row>
        <row r="3920">
          <cell r="A3920" t="str">
            <v>64824V</v>
          </cell>
          <cell r="B3920" t="str">
            <v>ﾎｸｾｲｺﾝｻﾙﾀﾝﾄ</v>
          </cell>
          <cell r="C3920" t="str">
            <v>北成コンサルタント（株）</v>
          </cell>
          <cell r="D3920" t="str">
            <v>八丁 博成</v>
          </cell>
          <cell r="E3920" t="str">
            <v>代表取締役</v>
          </cell>
          <cell r="F3920" t="str">
            <v>003-0003</v>
          </cell>
          <cell r="G3920" t="str">
            <v>白石区東札幌３－４－４－２２</v>
          </cell>
          <cell r="H3920" t="str">
            <v>823-0483</v>
          </cell>
          <cell r="I3920" t="str">
            <v>824-2826</v>
          </cell>
        </row>
        <row r="3921">
          <cell r="A3921" t="str">
            <v>64846Y</v>
          </cell>
          <cell r="B3921" t="str">
            <v>ﾎｯｶｲﾄﾞｳﾄﾞｳﾛｴﾝｼﾞﾆｱﾘﾝｸﾞ</v>
          </cell>
          <cell r="C3921" t="str">
            <v>北海道道路エンジニアリング（株）</v>
          </cell>
          <cell r="D3921" t="str">
            <v>信太 昭夫</v>
          </cell>
          <cell r="E3921" t="str">
            <v>代表取締役社長</v>
          </cell>
          <cell r="F3921" t="str">
            <v>003-0013</v>
          </cell>
          <cell r="G3921" t="str">
            <v>白石区中央３－２－１－４０</v>
          </cell>
          <cell r="H3921" t="str">
            <v>824-2511</v>
          </cell>
          <cell r="I3921" t="str">
            <v>824-2584</v>
          </cell>
        </row>
        <row r="3922">
          <cell r="A3922" t="str">
            <v>64847W</v>
          </cell>
          <cell r="B3922" t="str">
            <v>ﾎｸﾖｳｺﾝｻﾙﾀﾝﾄ</v>
          </cell>
          <cell r="C3922" t="str">
            <v>北洋コンサルタント（株）</v>
          </cell>
          <cell r="D3922" t="str">
            <v>吉迫 勝意</v>
          </cell>
          <cell r="E3922" t="str">
            <v>代表取締役</v>
          </cell>
          <cell r="F3922" t="str">
            <v>053-0811</v>
          </cell>
          <cell r="G3922" t="str">
            <v>苫小牧市光洋町１－２－２</v>
          </cell>
          <cell r="H3922" t="str">
            <v>0144-74-1515</v>
          </cell>
          <cell r="I3922" t="str">
            <v>0144-74-1550</v>
          </cell>
        </row>
        <row r="3923">
          <cell r="A3923" t="str">
            <v>64851Y</v>
          </cell>
          <cell r="B3923" t="str">
            <v>ﾎｸｽｲｾｯｹｲｺﾝｻﾙ</v>
          </cell>
          <cell r="C3923" t="str">
            <v>（株）ホクスイセッケイコンサル</v>
          </cell>
          <cell r="D3923" t="str">
            <v>高野 義昭</v>
          </cell>
          <cell r="E3923" t="str">
            <v>代表取締役</v>
          </cell>
          <cell r="F3923" t="str">
            <v>060-0806</v>
          </cell>
          <cell r="G3923" t="str">
            <v>北区北６西９－２</v>
          </cell>
          <cell r="H3923" t="str">
            <v>737-6232</v>
          </cell>
          <cell r="I3923" t="str">
            <v>708-5286</v>
          </cell>
        </row>
        <row r="3924">
          <cell r="A3924" t="str">
            <v>64859P</v>
          </cell>
          <cell r="B3924" t="str">
            <v>ﾎｯｶｲﾄﾞｳｺｳｸｳ</v>
          </cell>
          <cell r="C3924" t="str">
            <v>北海道航空（株）</v>
          </cell>
          <cell r="D3924" t="str">
            <v>岩崎 信義</v>
          </cell>
          <cell r="E3924" t="str">
            <v>代表取締役</v>
          </cell>
          <cell r="F3924" t="str">
            <v>007-0880</v>
          </cell>
          <cell r="G3924" t="str">
            <v>東区丘珠町６３ 札幌空港内</v>
          </cell>
          <cell r="H3924" t="str">
            <v>781-1247</v>
          </cell>
          <cell r="I3924" t="str">
            <v>780-2711</v>
          </cell>
        </row>
        <row r="3925">
          <cell r="A3925" t="str">
            <v>65005N</v>
          </cell>
          <cell r="B3925" t="str">
            <v>ﾏﾙﾕｳﾘｮｳｾ</v>
          </cell>
          <cell r="C3925" t="str">
            <v>（株）丸雄リョウセ</v>
          </cell>
          <cell r="D3925" t="str">
            <v>両瀬 秀雄</v>
          </cell>
          <cell r="E3925" t="str">
            <v>代表取締役</v>
          </cell>
          <cell r="F3925" t="str">
            <v>003-0833</v>
          </cell>
          <cell r="G3925" t="str">
            <v>白石区北郷３－９－５－１４</v>
          </cell>
          <cell r="H3925" t="str">
            <v>873-7893</v>
          </cell>
          <cell r="I3925" t="str">
            <v>873-7890</v>
          </cell>
        </row>
        <row r="3926">
          <cell r="A3926" t="str">
            <v>65008T</v>
          </cell>
          <cell r="B3926" t="str">
            <v>ﾏﾙｴｲﾔﾏｼﾀｹﾝｾﾂ</v>
          </cell>
          <cell r="C3926" t="str">
            <v>丸栄山下建設（株）</v>
          </cell>
          <cell r="D3926" t="str">
            <v>山下 公一</v>
          </cell>
          <cell r="E3926" t="str">
            <v>代表取締役</v>
          </cell>
          <cell r="F3926" t="str">
            <v>003-0013</v>
          </cell>
          <cell r="G3926" t="str">
            <v>白石区中央３－１－１－２</v>
          </cell>
          <cell r="H3926" t="str">
            <v>823-1288</v>
          </cell>
          <cell r="I3926" t="str">
            <v>821-0048</v>
          </cell>
        </row>
        <row r="3927">
          <cell r="A3927" t="str">
            <v>65015Z</v>
          </cell>
          <cell r="B3927" t="str">
            <v>ﾏﾙﾏﾂﾄﾞｾｷ</v>
          </cell>
          <cell r="C3927" t="str">
            <v>丸松土石（有）</v>
          </cell>
          <cell r="D3927" t="str">
            <v>吉田 典雄</v>
          </cell>
          <cell r="E3927" t="str">
            <v>代表取締役</v>
          </cell>
          <cell r="F3927" t="str">
            <v>005-0801</v>
          </cell>
          <cell r="G3927" t="str">
            <v>南区川沿１－３－１－２</v>
          </cell>
          <cell r="H3927" t="str">
            <v>571-8656</v>
          </cell>
          <cell r="I3927" t="str">
            <v>571-7762</v>
          </cell>
        </row>
        <row r="3928">
          <cell r="A3928" t="str">
            <v>65019P</v>
          </cell>
          <cell r="B3928" t="str">
            <v>ｻﾝｶﾈｹﾝｾﾂｺｳｷﾞｮｳ</v>
          </cell>
          <cell r="C3928" t="str">
            <v>三兼建設工業（株）</v>
          </cell>
          <cell r="D3928" t="str">
            <v>安田 謙一</v>
          </cell>
          <cell r="E3928" t="str">
            <v>代表取締役</v>
          </cell>
          <cell r="F3928" t="str">
            <v>007-0803</v>
          </cell>
          <cell r="G3928" t="str">
            <v>東区東苗穂３－１－８－１４</v>
          </cell>
          <cell r="H3928" t="str">
            <v>784-1353</v>
          </cell>
          <cell r="I3928" t="str">
            <v>781-5160</v>
          </cell>
        </row>
        <row r="3929">
          <cell r="A3929" t="str">
            <v>65029N</v>
          </cell>
          <cell r="B3929" t="str">
            <v>ﾏﾙｺｳﾃﾞﾝｷｺｳｷﾞｮｳ</v>
          </cell>
          <cell r="C3929" t="str">
            <v>丸晃電気工業（株）</v>
          </cell>
          <cell r="D3929" t="str">
            <v>種田 光秀</v>
          </cell>
          <cell r="E3929" t="str">
            <v>代表取締役</v>
          </cell>
          <cell r="F3929" t="str">
            <v>062-0052</v>
          </cell>
          <cell r="G3929" t="str">
            <v>豊平区月寒東２－１９－９－１０</v>
          </cell>
          <cell r="H3929" t="str">
            <v>836-7500</v>
          </cell>
          <cell r="I3929" t="str">
            <v>836-7501</v>
          </cell>
        </row>
        <row r="3930">
          <cell r="A3930" t="str">
            <v>65030Y</v>
          </cell>
          <cell r="B3930" t="str">
            <v>ﾏﾙｵｶｻﾝﾘﾂﾃﾞﾝｷｺｳｷﾞｮｳ</v>
          </cell>
          <cell r="C3930" t="str">
            <v>丸岡三立電気工業（株）</v>
          </cell>
          <cell r="D3930" t="str">
            <v>岡本 義晴</v>
          </cell>
          <cell r="E3930" t="str">
            <v>代表取締役</v>
          </cell>
          <cell r="F3930" t="str">
            <v>001-0905</v>
          </cell>
          <cell r="G3930" t="str">
            <v>北区新琴似５－１－４－１９</v>
          </cell>
          <cell r="H3930" t="str">
            <v>746-1441</v>
          </cell>
          <cell r="I3930" t="str">
            <v>746-5980</v>
          </cell>
        </row>
        <row r="3931">
          <cell r="A3931" t="str">
            <v>65038P</v>
          </cell>
          <cell r="B3931" t="str">
            <v>ﾏﾙｺｳﾀﾆｸﾞﾁﾃﾞﾝｾﾂ</v>
          </cell>
          <cell r="C3931" t="str">
            <v>丸光谷口電設（株）</v>
          </cell>
          <cell r="D3931" t="str">
            <v>谷口 伸光</v>
          </cell>
          <cell r="E3931" t="str">
            <v>代表取締役</v>
          </cell>
          <cell r="F3931" t="str">
            <v>065-0026</v>
          </cell>
          <cell r="G3931" t="str">
            <v>東区北２６東２１－３－１３</v>
          </cell>
          <cell r="H3931" t="str">
            <v>781-4843</v>
          </cell>
          <cell r="I3931" t="str">
            <v>783-9873</v>
          </cell>
        </row>
        <row r="3932">
          <cell r="A3932" t="str">
            <v>65039Z</v>
          </cell>
          <cell r="B3932" t="str">
            <v>ﾏﾙｻｻﾄｳｾﾂﾋﾞｼｮｳｶｲ</v>
          </cell>
          <cell r="C3932" t="str">
            <v>（株）丸サ佐藤設備商会</v>
          </cell>
          <cell r="D3932" t="str">
            <v>佐藤 安幸</v>
          </cell>
          <cell r="E3932" t="str">
            <v>代表取締役</v>
          </cell>
          <cell r="F3932" t="str">
            <v>062-0931</v>
          </cell>
          <cell r="G3932" t="str">
            <v>豊平区平岸１－１４－６－１</v>
          </cell>
          <cell r="H3932" t="str">
            <v>822-4185</v>
          </cell>
          <cell r="I3932" t="str">
            <v>822-4224</v>
          </cell>
        </row>
        <row r="3933">
          <cell r="A3933" t="str">
            <v>65041V</v>
          </cell>
          <cell r="B3933" t="str">
            <v>ﾏﾙﾌｼﾞｿﾞｳｴﾝ</v>
          </cell>
          <cell r="C3933" t="str">
            <v>丸藤造園（株）</v>
          </cell>
          <cell r="D3933" t="str">
            <v>藤居 貢</v>
          </cell>
          <cell r="E3933" t="str">
            <v>代表取締役</v>
          </cell>
          <cell r="F3933" t="str">
            <v>006-0804</v>
          </cell>
          <cell r="G3933" t="str">
            <v>手稲区新発寒４－５－６－８</v>
          </cell>
          <cell r="H3933" t="str">
            <v>684-4468</v>
          </cell>
          <cell r="I3933" t="str">
            <v>684-4469</v>
          </cell>
        </row>
        <row r="3934">
          <cell r="A3934" t="str">
            <v>65043P</v>
          </cell>
          <cell r="B3934" t="str">
            <v>ｼﾞｵﾒｯｸ</v>
          </cell>
          <cell r="C3934" t="str">
            <v>（株）ジオメック</v>
          </cell>
          <cell r="D3934" t="str">
            <v>佐藤 秀和</v>
          </cell>
          <cell r="E3934" t="str">
            <v>代表取締役</v>
          </cell>
          <cell r="F3934" t="str">
            <v>060-0032</v>
          </cell>
          <cell r="G3934" t="str">
            <v>中央区北２東９－１３－３１</v>
          </cell>
          <cell r="H3934" t="str">
            <v>231-9367</v>
          </cell>
          <cell r="I3934" t="str">
            <v>231-1925</v>
          </cell>
        </row>
        <row r="3935">
          <cell r="A3935" t="str">
            <v>65045W</v>
          </cell>
          <cell r="B3935" t="str">
            <v>ﾏﾙｷﾀﾎｸﾖｳｾﾂﾋﾞｺｳｷﾞｮｳ</v>
          </cell>
          <cell r="C3935" t="str">
            <v>丸北北洋設備工業（株）</v>
          </cell>
          <cell r="D3935" t="str">
            <v>大澤 司</v>
          </cell>
          <cell r="E3935" t="str">
            <v>代表取締役</v>
          </cell>
          <cell r="F3935" t="str">
            <v>004-0865</v>
          </cell>
          <cell r="G3935" t="str">
            <v>清田区北野５－１－９－４５</v>
          </cell>
          <cell r="H3935" t="str">
            <v>881-1101</v>
          </cell>
          <cell r="I3935" t="str">
            <v>881-4258</v>
          </cell>
        </row>
        <row r="3936">
          <cell r="A3936" t="str">
            <v>65050W</v>
          </cell>
          <cell r="B3936" t="str">
            <v>ﾏﾙｷﾅｶﾀｼｮｳﾃﾝ</v>
          </cell>
          <cell r="C3936" t="str">
            <v>丸紀中田商店</v>
          </cell>
          <cell r="D3936" t="str">
            <v>中田 義一</v>
          </cell>
          <cell r="E3936" t="str">
            <v>代表者</v>
          </cell>
          <cell r="F3936" t="str">
            <v>001-0014</v>
          </cell>
          <cell r="G3936" t="str">
            <v>北区北１４西１－４</v>
          </cell>
          <cell r="H3936" t="str">
            <v>716-1323</v>
          </cell>
          <cell r="I3936" t="str">
            <v>716-1369</v>
          </cell>
        </row>
        <row r="3937">
          <cell r="A3937" t="str">
            <v>65054Y</v>
          </cell>
          <cell r="B3937" t="str">
            <v>ﾏﾙｼﾝｼﾝﾜｾﾂﾋﾞｺｳｷﾞｮｳ</v>
          </cell>
          <cell r="C3937" t="str">
            <v>丸信信和設備工業（株）</v>
          </cell>
          <cell r="D3937" t="str">
            <v>佐藤 信一</v>
          </cell>
          <cell r="E3937" t="str">
            <v>代表取締役</v>
          </cell>
          <cell r="F3937" t="str">
            <v>065-0030</v>
          </cell>
          <cell r="G3937" t="str">
            <v>東区北３０東９－３－２４</v>
          </cell>
          <cell r="H3937" t="str">
            <v>752-4375</v>
          </cell>
          <cell r="I3937" t="str">
            <v>752-3339</v>
          </cell>
        </row>
        <row r="3938">
          <cell r="A3938" t="str">
            <v>65064X</v>
          </cell>
          <cell r="B3938" t="str">
            <v>ﾏｼﾞﾏｿﾞｳｴﾝﾄﾞﾎﾞｸ</v>
          </cell>
          <cell r="C3938" t="str">
            <v>（株）マジマ造園土木</v>
          </cell>
          <cell r="D3938" t="str">
            <v>間嶋 努</v>
          </cell>
          <cell r="E3938" t="str">
            <v>代表取締役</v>
          </cell>
          <cell r="F3938" t="str">
            <v>062-0009</v>
          </cell>
          <cell r="G3938" t="str">
            <v>豊平区美園９－３－１－３０</v>
          </cell>
          <cell r="H3938" t="str">
            <v>821-5497</v>
          </cell>
          <cell r="I3938" t="str">
            <v>811-2653</v>
          </cell>
        </row>
        <row r="3939">
          <cell r="A3939" t="str">
            <v>65082Z</v>
          </cell>
          <cell r="B3939" t="str">
            <v>ﾏﾙﾓﾃﾞﾝｷ</v>
          </cell>
          <cell r="C3939" t="str">
            <v>丸茂電機（株）札幌営業所</v>
          </cell>
          <cell r="D3939" t="str">
            <v>遠藤 幸二</v>
          </cell>
          <cell r="E3939" t="str">
            <v>所長</v>
          </cell>
          <cell r="F3939" t="str">
            <v>060-0061</v>
          </cell>
          <cell r="G3939" t="str">
            <v>中央区南１西７－１２ 都市ビル内</v>
          </cell>
          <cell r="H3939" t="str">
            <v>261-0321</v>
          </cell>
          <cell r="I3939" t="str">
            <v>261-2728</v>
          </cell>
        </row>
        <row r="3940">
          <cell r="A3940" t="str">
            <v>65085R</v>
          </cell>
          <cell r="B3940" t="str">
            <v>ﾏﾙﾁｬ</v>
          </cell>
          <cell r="C3940" t="str">
            <v>丸茶（株）北海道営業所</v>
          </cell>
          <cell r="D3940" t="str">
            <v>浜師 正明</v>
          </cell>
          <cell r="E3940" t="str">
            <v>所長</v>
          </cell>
          <cell r="F3940" t="str">
            <v>060-0003</v>
          </cell>
          <cell r="G3940" t="str">
            <v>中央区北３西２－１</v>
          </cell>
          <cell r="H3940" t="str">
            <v>241-9334</v>
          </cell>
          <cell r="I3940" t="str">
            <v>222-7706</v>
          </cell>
        </row>
        <row r="3941">
          <cell r="A3941" t="str">
            <v>65094T</v>
          </cell>
          <cell r="B3941" t="str">
            <v>ﾏﾙｻﾝﾐｳﾗｼｮｳｼﾞ</v>
          </cell>
          <cell r="C3941" t="str">
            <v>丸三三浦商事（株）</v>
          </cell>
          <cell r="D3941" t="str">
            <v>刈田 晋弥</v>
          </cell>
          <cell r="E3941" t="str">
            <v>代表取締役</v>
          </cell>
          <cell r="F3941" t="str">
            <v>002-8023</v>
          </cell>
          <cell r="G3941" t="str">
            <v>北区篠路３－７－５－１４</v>
          </cell>
          <cell r="H3941" t="str">
            <v>771-2438</v>
          </cell>
          <cell r="I3941" t="str">
            <v>771-2181</v>
          </cell>
        </row>
        <row r="3942">
          <cell r="A3942" t="str">
            <v>65098V</v>
          </cell>
          <cell r="B3942" t="str">
            <v>ﾏﾙﾄﾐﾄｷﾜｻﾝｷﾞｮｳ</v>
          </cell>
          <cell r="C3942" t="str">
            <v>（株）丸富常盤産業</v>
          </cell>
          <cell r="D3942" t="str">
            <v>二階堂 巌</v>
          </cell>
          <cell r="E3942" t="str">
            <v>代表取締役</v>
          </cell>
          <cell r="F3942" t="str">
            <v>005-0855</v>
          </cell>
          <cell r="G3942" t="str">
            <v>南区常盤５－２－１０３</v>
          </cell>
          <cell r="H3942" t="str">
            <v>591-7735</v>
          </cell>
          <cell r="I3942" t="str">
            <v>591-6939</v>
          </cell>
        </row>
        <row r="3943">
          <cell r="A3943" t="str">
            <v>65099S</v>
          </cell>
          <cell r="B3943" t="str">
            <v>ﾑﾄｳｹﾝｾﾂｺｳｷﾞｮｳ</v>
          </cell>
          <cell r="C3943" t="str">
            <v>ムトウ建設工業（株）</v>
          </cell>
          <cell r="D3943" t="str">
            <v>武藤 征一</v>
          </cell>
          <cell r="E3943" t="str">
            <v>代表取締役</v>
          </cell>
          <cell r="F3943" t="str">
            <v>003-0024</v>
          </cell>
          <cell r="G3943" t="str">
            <v>白石区本郷通１３南４－１</v>
          </cell>
          <cell r="H3943" t="str">
            <v>862-4408</v>
          </cell>
          <cell r="I3943" t="str">
            <v>862-4442</v>
          </cell>
        </row>
        <row r="3944">
          <cell r="A3944" t="str">
            <v>65102V</v>
          </cell>
          <cell r="B3944" t="str">
            <v>ﾏﾙﾄﾖｶﾄｳｺｳｷﾞｮｳ</v>
          </cell>
          <cell r="C3944" t="str">
            <v>丸豊カトウ工業（株）</v>
          </cell>
          <cell r="D3944" t="str">
            <v>加藤 道夫</v>
          </cell>
          <cell r="E3944" t="str">
            <v>代表取締役</v>
          </cell>
          <cell r="F3944" t="str">
            <v>063-0827</v>
          </cell>
          <cell r="G3944" t="str">
            <v>西区発寒７－１４－１４－２６</v>
          </cell>
          <cell r="H3944" t="str">
            <v>662-8336</v>
          </cell>
          <cell r="I3944" t="str">
            <v>665-1195</v>
          </cell>
        </row>
        <row r="3945">
          <cell r="A3945" t="str">
            <v>65104P</v>
          </cell>
          <cell r="B3945" t="str">
            <v>ﾏﾙﾅｶ･ﾅｶﾉｺｳｷﾞｮｳ</v>
          </cell>
          <cell r="C3945" t="str">
            <v>（株）マルナカ・ナカノ工業</v>
          </cell>
          <cell r="D3945" t="str">
            <v>中野 信弘</v>
          </cell>
          <cell r="E3945" t="str">
            <v>代表取締役</v>
          </cell>
          <cell r="F3945" t="str">
            <v>004-0803</v>
          </cell>
          <cell r="G3945" t="str">
            <v>清田区里塚３－４－１－２６</v>
          </cell>
          <cell r="H3945" t="str">
            <v>886-2324</v>
          </cell>
          <cell r="I3945" t="str">
            <v>883-0951</v>
          </cell>
        </row>
        <row r="3946">
          <cell r="A3946" t="str">
            <v>65124Z</v>
          </cell>
          <cell r="B3946" t="str">
            <v>ﾏﾂｵﾏｸｼｮｳｶｲ</v>
          </cell>
          <cell r="C3946" t="str">
            <v>（株）松尾幕商会</v>
          </cell>
          <cell r="D3946" t="str">
            <v>松尾 守康</v>
          </cell>
          <cell r="E3946" t="str">
            <v>代表取締役</v>
          </cell>
          <cell r="F3946" t="str">
            <v>064-0919</v>
          </cell>
          <cell r="G3946" t="str">
            <v>中央区南１９西１１－１－７</v>
          </cell>
          <cell r="H3946" t="str">
            <v>561-0604</v>
          </cell>
          <cell r="I3946" t="str">
            <v>562-2702</v>
          </cell>
        </row>
        <row r="3947">
          <cell r="A3947" t="str">
            <v>65129Y</v>
          </cell>
          <cell r="B3947" t="str">
            <v>ﾏﾙｷﾀｻﾝｹﾝｺｳｷﾞｮｳ</v>
          </cell>
          <cell r="C3947" t="str">
            <v>丸北三建工業（株）</v>
          </cell>
          <cell r="D3947" t="str">
            <v>森下 敏夫</v>
          </cell>
          <cell r="E3947" t="str">
            <v>代表取締役</v>
          </cell>
          <cell r="F3947" t="str">
            <v>064-0808</v>
          </cell>
          <cell r="G3947" t="str">
            <v>中央区南８西２２－４－８</v>
          </cell>
          <cell r="H3947" t="str">
            <v>562-5111</v>
          </cell>
          <cell r="I3947" t="str">
            <v>562-5222</v>
          </cell>
        </row>
        <row r="3948">
          <cell r="A3948" t="str">
            <v>65131T</v>
          </cell>
          <cell r="B3948" t="str">
            <v>ﾄｳｺｳｾﾂﾋﾞ</v>
          </cell>
          <cell r="C3948" t="str">
            <v>（有）東晃設備</v>
          </cell>
          <cell r="D3948" t="str">
            <v>佐野 順司</v>
          </cell>
          <cell r="E3948" t="str">
            <v>代表取締役</v>
          </cell>
          <cell r="F3948" t="str">
            <v>007-0841</v>
          </cell>
          <cell r="G3948" t="str">
            <v>東区北４１東８－１－２１</v>
          </cell>
          <cell r="H3948" t="str">
            <v>753-0174</v>
          </cell>
          <cell r="I3948" t="str">
            <v>753-3099</v>
          </cell>
        </row>
        <row r="3949">
          <cell r="A3949" t="str">
            <v>65161P</v>
          </cell>
          <cell r="B3949" t="str">
            <v>ﾏｴﾔｾﾂﾋﾞ</v>
          </cell>
          <cell r="C3949" t="str">
            <v>前谷設備（株）</v>
          </cell>
          <cell r="D3949" t="str">
            <v>前谷 要吉</v>
          </cell>
          <cell r="E3949" t="str">
            <v>代表取締役</v>
          </cell>
          <cell r="F3949" t="str">
            <v>065-0030</v>
          </cell>
          <cell r="G3949" t="str">
            <v>東区北３０東１６－３－２５</v>
          </cell>
          <cell r="H3949" t="str">
            <v>782-6461</v>
          </cell>
          <cell r="I3949" t="str">
            <v>781-1483</v>
          </cell>
        </row>
        <row r="3950">
          <cell r="A3950" t="str">
            <v>65164V</v>
          </cell>
          <cell r="B3950" t="str">
            <v>ﾏﾙﾐｸﾄﾞｳｹﾝｾﾂ</v>
          </cell>
          <cell r="C3950" t="str">
            <v>（株）丸実工藤建設</v>
          </cell>
          <cell r="D3950" t="str">
            <v>工藤 直實</v>
          </cell>
          <cell r="E3950" t="str">
            <v>代表取締役</v>
          </cell>
          <cell r="F3950" t="str">
            <v>003-0834</v>
          </cell>
          <cell r="G3950" t="str">
            <v>白石区北郷４－２－４－５</v>
          </cell>
          <cell r="H3950" t="str">
            <v>871-7552</v>
          </cell>
          <cell r="I3950" t="str">
            <v>871-7562</v>
          </cell>
        </row>
        <row r="3951">
          <cell r="A3951" t="str">
            <v>65183V</v>
          </cell>
          <cell r="B3951" t="str">
            <v>ﾏﾙﾃﾞﾝﾐｳﾗﾃﾞﾝｷ</v>
          </cell>
          <cell r="C3951" t="str">
            <v>（株）丸電三浦電機</v>
          </cell>
          <cell r="D3951" t="str">
            <v>三浦 義男</v>
          </cell>
          <cell r="E3951" t="str">
            <v>代表取締役</v>
          </cell>
          <cell r="F3951" t="str">
            <v>007-0874</v>
          </cell>
          <cell r="G3951" t="str">
            <v>東区伏古１４－３－１１</v>
          </cell>
          <cell r="H3951" t="str">
            <v>782-1910</v>
          </cell>
          <cell r="I3951" t="str">
            <v>783-3225</v>
          </cell>
        </row>
        <row r="3952">
          <cell r="A3952" t="str">
            <v>65218Z</v>
          </cell>
          <cell r="B3952" t="str">
            <v>ﾏｴﾀｾｲｶﾝ</v>
          </cell>
          <cell r="C3952" t="str">
            <v>前田製管（株）札幌支店</v>
          </cell>
          <cell r="D3952" t="str">
            <v>小池 禎一</v>
          </cell>
          <cell r="E3952" t="str">
            <v>支店長</v>
          </cell>
          <cell r="F3952" t="str">
            <v>062-0935</v>
          </cell>
          <cell r="G3952" t="str">
            <v>豊平区平岸５－７－８－２２ 第２平岸ｸﾞﾗﾝﾄﾞﾋﾙ6F</v>
          </cell>
          <cell r="H3952" t="str">
            <v>812-1443</v>
          </cell>
          <cell r="I3952" t="str">
            <v>813-6494</v>
          </cell>
        </row>
        <row r="3953">
          <cell r="A3953" t="str">
            <v>65222P</v>
          </cell>
          <cell r="B3953" t="str">
            <v>ﾄｳﾖｳｺｳｷﾞｮｳ</v>
          </cell>
          <cell r="C3953" t="str">
            <v>（株）東陽工業</v>
          </cell>
          <cell r="D3953" t="str">
            <v>内館 哲二郎</v>
          </cell>
          <cell r="E3953" t="str">
            <v>代表取締役</v>
          </cell>
          <cell r="F3953" t="str">
            <v>004-0849</v>
          </cell>
          <cell r="G3953" t="str">
            <v>清田区清田９－３－１３－１０</v>
          </cell>
          <cell r="H3953" t="str">
            <v>882-2309</v>
          </cell>
          <cell r="I3953" t="str">
            <v>882-2310</v>
          </cell>
        </row>
        <row r="3954">
          <cell r="A3954" t="str">
            <v>65230T</v>
          </cell>
          <cell r="B3954" t="str">
            <v>ｼｽﾃﾑｻﾎﾟｰﾄ</v>
          </cell>
          <cell r="C3954" t="str">
            <v>（株）システム・サポート</v>
          </cell>
          <cell r="D3954" t="str">
            <v>佐々木 宏</v>
          </cell>
          <cell r="E3954" t="str">
            <v>代表取締役</v>
          </cell>
          <cell r="F3954" t="str">
            <v>002-0852</v>
          </cell>
          <cell r="G3954" t="str">
            <v>北区屯田２－３－１３－２３</v>
          </cell>
          <cell r="H3954" t="str">
            <v>772-7911</v>
          </cell>
          <cell r="I3954" t="str">
            <v>771-4395</v>
          </cell>
        </row>
        <row r="3955">
          <cell r="A3955" t="str">
            <v>65231R</v>
          </cell>
          <cell r="B3955" t="str">
            <v>ﾏﾙｼﾝﾀｲﾄｳｺｳｷﾞｮｳ</v>
          </cell>
          <cell r="C3955" t="str">
            <v>円眞泰東工業（株）</v>
          </cell>
          <cell r="D3955" t="str">
            <v>村上 眞行</v>
          </cell>
          <cell r="E3955" t="str">
            <v>代表取締役</v>
          </cell>
          <cell r="F3955" t="str">
            <v>005-0813</v>
          </cell>
          <cell r="G3955" t="str">
            <v>南区川沿１３－３－４－３２－２</v>
          </cell>
          <cell r="H3955" t="str">
            <v>572-1122</v>
          </cell>
          <cell r="I3955" t="str">
            <v>572-1180</v>
          </cell>
        </row>
        <row r="3956">
          <cell r="A3956" t="str">
            <v>65274R</v>
          </cell>
          <cell r="B3956" t="str">
            <v>ﾏﾙｶﾒｻﾝｼﾝｹﾝｾﾂ</v>
          </cell>
          <cell r="C3956" t="str">
            <v>丸亀三真建設（株）</v>
          </cell>
          <cell r="D3956" t="str">
            <v>田中 勝也</v>
          </cell>
          <cell r="E3956" t="str">
            <v>代表取締役</v>
          </cell>
          <cell r="F3956" t="str">
            <v>062-0908</v>
          </cell>
          <cell r="G3956" t="str">
            <v>豊平区豊平８－１０－４</v>
          </cell>
          <cell r="H3956" t="str">
            <v>661-3400</v>
          </cell>
          <cell r="I3956" t="str">
            <v>661-3650</v>
          </cell>
        </row>
        <row r="3957">
          <cell r="A3957" t="str">
            <v>65322Z</v>
          </cell>
          <cell r="B3957" t="str">
            <v>ﾏﾙﾄﾖﾎｳﾜｹﾝｾﾂ</v>
          </cell>
          <cell r="C3957" t="str">
            <v>（株）丸豊豊和建設</v>
          </cell>
          <cell r="D3957" t="str">
            <v>渡邊 豊明</v>
          </cell>
          <cell r="E3957" t="str">
            <v>代表取締役</v>
          </cell>
          <cell r="F3957" t="str">
            <v>002-8008</v>
          </cell>
          <cell r="G3957" t="str">
            <v>北区太平８－７－１－１３</v>
          </cell>
          <cell r="H3957" t="str">
            <v>772-6824</v>
          </cell>
          <cell r="I3957" t="str">
            <v>784-6524</v>
          </cell>
        </row>
        <row r="3958">
          <cell r="A3958" t="str">
            <v>65335P</v>
          </cell>
          <cell r="B3958" t="str">
            <v>ﾏﾙｺｳｷｮｳｴｲｺｳｷﾞｮｳ</v>
          </cell>
          <cell r="C3958" t="str">
            <v>丸功協栄工業（株）</v>
          </cell>
          <cell r="D3958" t="str">
            <v>丸山 有弘</v>
          </cell>
          <cell r="E3958" t="str">
            <v>代表取締役</v>
          </cell>
          <cell r="F3958" t="str">
            <v>007-0848</v>
          </cell>
          <cell r="G3958" t="str">
            <v>東区北４８東７－２－２２</v>
          </cell>
          <cell r="H3958" t="str">
            <v>721-7775</v>
          </cell>
          <cell r="I3958" t="str">
            <v>721-5816</v>
          </cell>
        </row>
        <row r="3959">
          <cell r="A3959" t="str">
            <v>65344S</v>
          </cell>
          <cell r="B3959" t="str">
            <v>ﾋﾗｹﾝｺｳｷﾞｮｳ</v>
          </cell>
          <cell r="C3959" t="str">
            <v>（株）ヒラケン工業</v>
          </cell>
          <cell r="D3959" t="str">
            <v>平松 正志</v>
          </cell>
          <cell r="E3959" t="str">
            <v>代表取締役</v>
          </cell>
          <cell r="F3959" t="str">
            <v>003-0853</v>
          </cell>
          <cell r="G3959" t="str">
            <v>白石区川北３－１－５－３０</v>
          </cell>
          <cell r="H3959" t="str">
            <v>873-1198</v>
          </cell>
          <cell r="I3959" t="str">
            <v>873-1199</v>
          </cell>
        </row>
        <row r="3960">
          <cell r="A3960" t="str">
            <v>65359P</v>
          </cell>
          <cell r="B3960" t="str">
            <v>ﾏﾙｲﾁｺﾝﾄﾞｳｺｳｷﾞｮｳ</v>
          </cell>
          <cell r="C3960" t="str">
            <v>（株）マルイチ近藤工業</v>
          </cell>
          <cell r="D3960" t="str">
            <v>近藤 一雄</v>
          </cell>
          <cell r="E3960" t="str">
            <v>代表取締役</v>
          </cell>
          <cell r="F3960" t="str">
            <v>006-0034</v>
          </cell>
          <cell r="G3960" t="str">
            <v>手稲区稲穂４－７－１１－１７</v>
          </cell>
          <cell r="H3960" t="str">
            <v>682-1921</v>
          </cell>
          <cell r="I3960" t="str">
            <v>682-1949</v>
          </cell>
        </row>
        <row r="3961">
          <cell r="A3961" t="str">
            <v>65380X</v>
          </cell>
          <cell r="B3961" t="str">
            <v>ﾏﾂﾊﾞﾗｹﾝｿｳ</v>
          </cell>
          <cell r="C3961" t="str">
            <v>（株）松原建装</v>
          </cell>
          <cell r="D3961" t="str">
            <v>江畑 昭浩</v>
          </cell>
          <cell r="E3961" t="str">
            <v>代表取締役</v>
          </cell>
          <cell r="F3961" t="str">
            <v>062-0922</v>
          </cell>
          <cell r="G3961" t="str">
            <v>豊平区中の島２－５－１－２４</v>
          </cell>
          <cell r="H3961" t="str">
            <v>823-8472</v>
          </cell>
          <cell r="I3961" t="str">
            <v>813-5490</v>
          </cell>
        </row>
        <row r="3962">
          <cell r="A3962" t="str">
            <v>65409T</v>
          </cell>
          <cell r="B3962" t="str">
            <v>ﾏﾙｴｲﾎｸｼﾝﾃﾞﾝｾﾂ</v>
          </cell>
          <cell r="C3962" t="str">
            <v>丸栄北新電設（株）</v>
          </cell>
          <cell r="D3962" t="str">
            <v>新海 勇治</v>
          </cell>
          <cell r="E3962" t="str">
            <v>代表取締役</v>
          </cell>
          <cell r="F3962" t="str">
            <v>002-8021</v>
          </cell>
          <cell r="G3962" t="str">
            <v>北区篠路１－５－９－１０</v>
          </cell>
          <cell r="H3962" t="str">
            <v>772-1314</v>
          </cell>
          <cell r="I3962" t="str">
            <v>772-0804</v>
          </cell>
        </row>
        <row r="3963">
          <cell r="A3963" t="str">
            <v>65411N</v>
          </cell>
          <cell r="B3963" t="str">
            <v>ﾏﾂｼﾀﾃﾞﾝｺｳ</v>
          </cell>
          <cell r="C3963" t="str">
            <v>松下電工（株）北海道営業所</v>
          </cell>
          <cell r="D3963" t="str">
            <v>大沢 充男</v>
          </cell>
          <cell r="E3963" t="str">
            <v>所長</v>
          </cell>
          <cell r="F3963" t="str">
            <v>060-0809</v>
          </cell>
          <cell r="G3963" t="str">
            <v>北区北９西２－１</v>
          </cell>
          <cell r="H3963" t="str">
            <v>736-4081</v>
          </cell>
          <cell r="I3963" t="str">
            <v>736-2325</v>
          </cell>
        </row>
        <row r="3964">
          <cell r="A3964" t="str">
            <v>65427W</v>
          </cell>
          <cell r="B3964" t="str">
            <v>ﾏｴｻﾞﾜｴﾝｼﾞﾆｱﾘﾝｸﾞｻｰﾋﾞｽ</v>
          </cell>
          <cell r="C3964" t="str">
            <v>（株）前澤エンジニアリングサービス</v>
          </cell>
          <cell r="D3964" t="str">
            <v>長谷川 紀紘</v>
          </cell>
          <cell r="E3964" t="str">
            <v>代表取締役</v>
          </cell>
          <cell r="F3964" t="str">
            <v>104-8351</v>
          </cell>
          <cell r="G3964" t="str">
            <v>東京都中央区八重洲２－７－２</v>
          </cell>
          <cell r="H3964" t="str">
            <v>03-5202-2571</v>
          </cell>
          <cell r="I3964" t="str">
            <v>048-255-1229</v>
          </cell>
        </row>
        <row r="3965">
          <cell r="A3965" t="str">
            <v>65429R</v>
          </cell>
          <cell r="B3965" t="str">
            <v>ﾎｯｺｳｺｳﾑﾃﾝ</v>
          </cell>
          <cell r="C3965" t="str">
            <v>（有）北廣工務店</v>
          </cell>
          <cell r="D3965" t="str">
            <v>我妻 喜美廣</v>
          </cell>
          <cell r="E3965" t="str">
            <v>取締役</v>
          </cell>
          <cell r="F3965" t="str">
            <v>062-0053</v>
          </cell>
          <cell r="G3965" t="str">
            <v>豊平区月寒東３－７－１－３</v>
          </cell>
          <cell r="H3965" t="str">
            <v>852-8169</v>
          </cell>
          <cell r="I3965" t="str">
            <v>852-8190</v>
          </cell>
        </row>
        <row r="3966">
          <cell r="A3966" t="str">
            <v>65460X</v>
          </cell>
          <cell r="B3966" t="str">
            <v>ﾏｲﾃｨｰ</v>
          </cell>
          <cell r="C3966" t="str">
            <v>（株）マイティー</v>
          </cell>
          <cell r="D3966" t="str">
            <v>稲見 薫</v>
          </cell>
          <cell r="E3966" t="str">
            <v>代表取締役</v>
          </cell>
          <cell r="F3966" t="str">
            <v>003-0822</v>
          </cell>
          <cell r="G3966" t="str">
            <v>白石区菊水元町２－４－４－１０</v>
          </cell>
          <cell r="H3966" t="str">
            <v>875-7030</v>
          </cell>
          <cell r="I3966" t="str">
            <v>875-7031</v>
          </cell>
        </row>
        <row r="3967">
          <cell r="A3967" t="str">
            <v>65801R</v>
          </cell>
          <cell r="B3967" t="str">
            <v>ﾘﾌﾞﾃｯｸ</v>
          </cell>
          <cell r="C3967" t="str">
            <v>（株）リブテック</v>
          </cell>
          <cell r="D3967" t="str">
            <v>原田 輝雄</v>
          </cell>
          <cell r="E3967" t="str">
            <v>代表取締役</v>
          </cell>
          <cell r="F3967" t="str">
            <v>065-0018</v>
          </cell>
          <cell r="G3967" t="str">
            <v>東区北１８東１－３－３</v>
          </cell>
          <cell r="H3967" t="str">
            <v>722-0483</v>
          </cell>
          <cell r="I3967" t="str">
            <v>722-0487</v>
          </cell>
        </row>
        <row r="3968">
          <cell r="A3968" t="str">
            <v>65803Y</v>
          </cell>
          <cell r="B3968" t="str">
            <v>ﾏﾂｷｿｸﾘｮｳ</v>
          </cell>
          <cell r="C3968" t="str">
            <v>（株）松木測量</v>
          </cell>
          <cell r="D3968" t="str">
            <v>松木 昭</v>
          </cell>
          <cell r="E3968" t="str">
            <v>代表取締役</v>
          </cell>
          <cell r="F3968" t="str">
            <v>065-0023</v>
          </cell>
          <cell r="G3968" t="str">
            <v>東区北２３東１５－５－２５</v>
          </cell>
          <cell r="H3968" t="str">
            <v>742-7333</v>
          </cell>
          <cell r="I3968" t="str">
            <v>742-7277</v>
          </cell>
        </row>
        <row r="3969">
          <cell r="A3969" t="str">
            <v>65823W</v>
          </cell>
          <cell r="B3969" t="str">
            <v>ﾏﾂｼﾀｳﾝﾕ</v>
          </cell>
          <cell r="C3969" t="str">
            <v>松下運輸（株）</v>
          </cell>
          <cell r="D3969" t="str">
            <v>松下 直樹</v>
          </cell>
          <cell r="E3969" t="str">
            <v>代表取締役</v>
          </cell>
          <cell r="F3969" t="str">
            <v>061-1274</v>
          </cell>
          <cell r="G3969" t="str">
            <v>北広島市大曲工業団地５－３－２</v>
          </cell>
          <cell r="H3969" t="str">
            <v>377-2377</v>
          </cell>
          <cell r="I3969" t="str">
            <v>377-2378</v>
          </cell>
        </row>
        <row r="3970">
          <cell r="A3970" t="str">
            <v>65824T</v>
          </cell>
          <cell r="B3970" t="str">
            <v>ﾏﾂﾋﾗｻﾝｷﾞｮｳ</v>
          </cell>
          <cell r="C3970" t="str">
            <v>（株）松平産業</v>
          </cell>
          <cell r="D3970" t="str">
            <v>松平 晃</v>
          </cell>
          <cell r="E3970" t="str">
            <v>代表取締役</v>
          </cell>
          <cell r="F3970" t="str">
            <v>003-0869</v>
          </cell>
          <cell r="G3970" t="str">
            <v>白石区川下２１１５－５０</v>
          </cell>
          <cell r="H3970" t="str">
            <v>874-0917</v>
          </cell>
          <cell r="I3970" t="str">
            <v>874-3112</v>
          </cell>
        </row>
        <row r="3971">
          <cell r="A3971" t="str">
            <v>65825P</v>
          </cell>
          <cell r="B3971" t="str">
            <v>ﾏﾙｶﾜｼﾝｺｳｳﾝﾕｿｳｺ</v>
          </cell>
          <cell r="C3971" t="str">
            <v>（株）マルカワ新港運輸倉庫</v>
          </cell>
          <cell r="D3971" t="str">
            <v>長尾 喜八</v>
          </cell>
          <cell r="E3971" t="str">
            <v>代表取締役</v>
          </cell>
          <cell r="F3971" t="str">
            <v>065-0012</v>
          </cell>
          <cell r="G3971" t="str">
            <v>東区北１２東１７－１－２３</v>
          </cell>
          <cell r="H3971" t="str">
            <v>752-4188</v>
          </cell>
          <cell r="I3971" t="str">
            <v>721-7088</v>
          </cell>
        </row>
        <row r="3972">
          <cell r="A3972" t="str">
            <v>65826Z</v>
          </cell>
          <cell r="B3972" t="str">
            <v>ﾏﾙﾅｶｳﾝﾕｳ</v>
          </cell>
          <cell r="C3972" t="str">
            <v>（株）丸仲運輸</v>
          </cell>
          <cell r="D3972" t="str">
            <v>中鉢 光雄</v>
          </cell>
          <cell r="E3972" t="str">
            <v>代表取締役</v>
          </cell>
          <cell r="F3972" t="str">
            <v>003-0021</v>
          </cell>
          <cell r="G3972" t="str">
            <v>白石区平和通１４－北２－１０</v>
          </cell>
          <cell r="H3972" t="str">
            <v>862-6455</v>
          </cell>
          <cell r="I3972" t="str">
            <v>862-7912</v>
          </cell>
        </row>
        <row r="3973">
          <cell r="A3973" t="str">
            <v>65827X</v>
          </cell>
          <cell r="B3973" t="str">
            <v>ﾏﾙｷﾀｹﾝｾﾂｳﾝﾕ</v>
          </cell>
          <cell r="C3973" t="str">
            <v>丸北建設運輸（株）</v>
          </cell>
          <cell r="D3973" t="str">
            <v>堀川 和雄</v>
          </cell>
          <cell r="E3973" t="str">
            <v>代表取締役</v>
          </cell>
          <cell r="F3973" t="str">
            <v>061-0215</v>
          </cell>
          <cell r="G3973" t="str">
            <v>石狩郡当別町対雁３２</v>
          </cell>
          <cell r="H3973" t="str">
            <v>0133-23-2636</v>
          </cell>
          <cell r="I3973" t="str">
            <v>0133-23-1736</v>
          </cell>
        </row>
        <row r="3974">
          <cell r="A3974" t="str">
            <v>65828V</v>
          </cell>
          <cell r="B3974" t="str">
            <v>ﾏﾙｼﾝｳﾝﾕ</v>
          </cell>
          <cell r="C3974" t="str">
            <v>丸真運輸（有）</v>
          </cell>
          <cell r="D3974" t="str">
            <v>牧野 信行</v>
          </cell>
          <cell r="E3974" t="str">
            <v>代表取締役</v>
          </cell>
          <cell r="F3974" t="str">
            <v>003-0828</v>
          </cell>
          <cell r="G3974" t="str">
            <v>白石区菊水元町８－１－５－３２</v>
          </cell>
          <cell r="H3974" t="str">
            <v>872-5437</v>
          </cell>
          <cell r="I3974" t="str">
            <v>872-5449</v>
          </cell>
        </row>
        <row r="3975">
          <cell r="A3975" t="str">
            <v>65829S</v>
          </cell>
          <cell r="B3975" t="str">
            <v>ﾏﾙｼﾝｻﾝｷﾞｮｳ</v>
          </cell>
          <cell r="C3975" t="str">
            <v>丸新産業（株）</v>
          </cell>
          <cell r="D3975" t="str">
            <v>久保 和也</v>
          </cell>
          <cell r="E3975" t="str">
            <v>代表取締役</v>
          </cell>
          <cell r="F3975" t="str">
            <v>002-8004</v>
          </cell>
          <cell r="G3975" t="str">
            <v>北区太平４－４－７－２６</v>
          </cell>
          <cell r="H3975" t="str">
            <v>771-2244</v>
          </cell>
          <cell r="I3975" t="str">
            <v>771-2549</v>
          </cell>
        </row>
        <row r="3976">
          <cell r="A3976" t="str">
            <v>65830P</v>
          </cell>
          <cell r="B3976" t="str">
            <v>ﾏﾙﾄﾐﾄｷﾜｹﾝｾﾂｳﾝﾕ</v>
          </cell>
          <cell r="C3976" t="str">
            <v>丸富常盤建設運輸（株）</v>
          </cell>
          <cell r="D3976" t="str">
            <v>二階堂 巌</v>
          </cell>
          <cell r="E3976" t="str">
            <v>代表取締役</v>
          </cell>
          <cell r="F3976" t="str">
            <v>005-0855</v>
          </cell>
          <cell r="G3976" t="str">
            <v>南区常盤５－２－１０３</v>
          </cell>
          <cell r="H3976" t="str">
            <v>591-7735</v>
          </cell>
          <cell r="I3976" t="str">
            <v>591-6939</v>
          </cell>
        </row>
        <row r="3977">
          <cell r="A3977" t="str">
            <v>65831Z</v>
          </cell>
          <cell r="B3977" t="str">
            <v>ﾏﾙﾀﾂﾎｸﾄｹﾝｻﾞｲ</v>
          </cell>
          <cell r="C3977" t="str">
            <v>（有）丸辰北斗建材</v>
          </cell>
          <cell r="D3977" t="str">
            <v>尾ヶ瀬 浩二</v>
          </cell>
          <cell r="E3977" t="str">
            <v>代表取締役</v>
          </cell>
          <cell r="F3977" t="str">
            <v>007-0843</v>
          </cell>
          <cell r="G3977" t="str">
            <v>東区北４３東９－１－２７</v>
          </cell>
          <cell r="H3977" t="str">
            <v>752-4885</v>
          </cell>
          <cell r="I3977" t="str">
            <v>731-6420</v>
          </cell>
        </row>
        <row r="3978">
          <cell r="A3978" t="str">
            <v>65832X</v>
          </cell>
          <cell r="B3978" t="str">
            <v>ﾏﾙﾔﾏｺｳｷﾞｮｳ</v>
          </cell>
          <cell r="C3978" t="str">
            <v>（有）マルヤマ工業</v>
          </cell>
          <cell r="D3978" t="str">
            <v>丸山 晃弘</v>
          </cell>
          <cell r="E3978" t="str">
            <v>代表取締役</v>
          </cell>
          <cell r="F3978" t="str">
            <v>062-0053</v>
          </cell>
          <cell r="G3978" t="str">
            <v>豊平区月寒東３－５－３－１４</v>
          </cell>
          <cell r="H3978" t="str">
            <v>852-0076</v>
          </cell>
          <cell r="I3978" t="str">
            <v>852-0144</v>
          </cell>
        </row>
        <row r="3979">
          <cell r="A3979" t="str">
            <v>66005Z</v>
          </cell>
          <cell r="B3979" t="str">
            <v>ﾐﾏｽｺｳｷﾞｮｳ</v>
          </cell>
          <cell r="C3979" t="str">
            <v>三益工業（株）</v>
          </cell>
          <cell r="D3979" t="str">
            <v>斉藤 明</v>
          </cell>
          <cell r="E3979" t="str">
            <v>代表取締役</v>
          </cell>
          <cell r="F3979" t="str">
            <v>062-0937</v>
          </cell>
          <cell r="G3979" t="str">
            <v>豊平区平岸７－１５－１－５４</v>
          </cell>
          <cell r="H3979" t="str">
            <v>811-5171</v>
          </cell>
          <cell r="I3979" t="str">
            <v>811-5159</v>
          </cell>
        </row>
        <row r="3980">
          <cell r="A3980" t="str">
            <v>66006X</v>
          </cell>
          <cell r="B3980" t="str">
            <v>ﾐｽﾞﾀﾆｸﾞﾐ</v>
          </cell>
          <cell r="C3980" t="str">
            <v>（株）水谷組</v>
          </cell>
          <cell r="D3980" t="str">
            <v>水谷 修</v>
          </cell>
          <cell r="E3980" t="str">
            <v>代表取締役</v>
          </cell>
          <cell r="F3980" t="str">
            <v>064-0929</v>
          </cell>
          <cell r="G3980" t="str">
            <v>中央区南２９西１１－４－１３</v>
          </cell>
          <cell r="H3980" t="str">
            <v>561-0787</v>
          </cell>
          <cell r="I3980" t="str">
            <v>561-0723</v>
          </cell>
        </row>
        <row r="3981">
          <cell r="A3981" t="str">
            <v>66013S</v>
          </cell>
          <cell r="B3981" t="str">
            <v>ﾐｿﾉｳﾝﾕｹﾝｾﾂ</v>
          </cell>
          <cell r="C3981" t="str">
            <v>美園運輸建設（株）</v>
          </cell>
          <cell r="D3981" t="str">
            <v>袴田 勇一</v>
          </cell>
          <cell r="E3981" t="str">
            <v>代表取締役</v>
          </cell>
          <cell r="F3981" t="str">
            <v>062-0004</v>
          </cell>
          <cell r="G3981" t="str">
            <v>豊平区美園４－２－２－３</v>
          </cell>
          <cell r="H3981" t="str">
            <v>831-7584</v>
          </cell>
          <cell r="I3981" t="str">
            <v>813-7770</v>
          </cell>
        </row>
        <row r="3982">
          <cell r="A3982" t="str">
            <v>66016W</v>
          </cell>
          <cell r="B3982" t="str">
            <v>ﾆｯｹﾝｴﾝｼﾞﾆｱﾘﾝｸﾞｺｳｷﾞｮｳ</v>
          </cell>
          <cell r="C3982" t="str">
            <v>ニッケンエンジニアリング工業（株）</v>
          </cell>
          <cell r="D3982" t="str">
            <v>遠藤 二郎</v>
          </cell>
          <cell r="E3982" t="str">
            <v>代表取締役</v>
          </cell>
          <cell r="F3982" t="str">
            <v>060-0041</v>
          </cell>
          <cell r="G3982" t="str">
            <v>中央区大通東８－１</v>
          </cell>
          <cell r="H3982" t="str">
            <v>241-8766</v>
          </cell>
          <cell r="I3982" t="str">
            <v>241-8740</v>
          </cell>
        </row>
        <row r="3983">
          <cell r="A3983" t="str">
            <v>66017T</v>
          </cell>
          <cell r="B3983" t="str">
            <v>ﾐﾔﾀｶﾝｷｮｳｾｷｻﾞｲ</v>
          </cell>
          <cell r="C3983" t="str">
            <v>（株）宮田環境石材</v>
          </cell>
          <cell r="D3983" t="str">
            <v>宮田 力</v>
          </cell>
          <cell r="E3983" t="str">
            <v>代表取締役</v>
          </cell>
          <cell r="F3983" t="str">
            <v>062-0054</v>
          </cell>
          <cell r="G3983" t="str">
            <v>豊平区月寒東４－１６－２－１１</v>
          </cell>
          <cell r="H3983" t="str">
            <v>885-8311</v>
          </cell>
          <cell r="I3983" t="str">
            <v>885-0313</v>
          </cell>
        </row>
        <row r="3984">
          <cell r="A3984" t="str">
            <v>66028P</v>
          </cell>
          <cell r="B3984" t="str">
            <v>ﾏﾙﾌｼﾞｻﾝｷｮｳ</v>
          </cell>
          <cell r="C3984" t="str">
            <v>丸藤三共（株）</v>
          </cell>
          <cell r="D3984" t="str">
            <v>藤井 政信</v>
          </cell>
          <cell r="E3984" t="str">
            <v>代表取締役</v>
          </cell>
          <cell r="F3984" t="str">
            <v>003-0827</v>
          </cell>
          <cell r="G3984" t="str">
            <v>白石区菊水元町７－２－８－８</v>
          </cell>
          <cell r="H3984" t="str">
            <v>873-8833</v>
          </cell>
          <cell r="I3984" t="str">
            <v>873-7233</v>
          </cell>
        </row>
        <row r="3985">
          <cell r="A3985" t="str">
            <v>66036T</v>
          </cell>
          <cell r="B3985" t="str">
            <v>ﾐﾂｲｿﾞｳｾﾝ</v>
          </cell>
          <cell r="C3985" t="str">
            <v>三井造船（株）北海道支社</v>
          </cell>
          <cell r="D3985" t="str">
            <v>末村 茂之</v>
          </cell>
          <cell r="E3985" t="str">
            <v>支社長</v>
          </cell>
          <cell r="F3985" t="str">
            <v>060-0002</v>
          </cell>
          <cell r="G3985" t="str">
            <v>中央区北２西４</v>
          </cell>
          <cell r="H3985" t="str">
            <v>261-0036</v>
          </cell>
          <cell r="I3985" t="str">
            <v>231-5358</v>
          </cell>
        </row>
        <row r="3986">
          <cell r="A3986" t="str">
            <v>66047P</v>
          </cell>
          <cell r="B3986" t="str">
            <v>ﾐﾔﾓﾄ</v>
          </cell>
          <cell r="C3986" t="str">
            <v>（株）みやもと</v>
          </cell>
          <cell r="D3986" t="str">
            <v>宮本 基秀</v>
          </cell>
          <cell r="E3986" t="str">
            <v>代表取締役</v>
          </cell>
          <cell r="F3986" t="str">
            <v>060-0062</v>
          </cell>
          <cell r="G3986" t="str">
            <v>中央区南２西１</v>
          </cell>
          <cell r="H3986" t="str">
            <v>231-3065</v>
          </cell>
          <cell r="I3986" t="str">
            <v>221-1022</v>
          </cell>
        </row>
        <row r="3987">
          <cell r="A3987" t="str">
            <v>66059W</v>
          </cell>
          <cell r="B3987" t="str">
            <v>ｷﾀﾆﾎﾝﾄﾞｳﾛｷｷﾞｮｳ</v>
          </cell>
          <cell r="C3987" t="str">
            <v>北日本道路企業（株）</v>
          </cell>
          <cell r="D3987" t="str">
            <v>湊 靖雄</v>
          </cell>
          <cell r="E3987" t="str">
            <v>代表取締役</v>
          </cell>
          <cell r="F3987" t="str">
            <v>067-0014</v>
          </cell>
          <cell r="G3987" t="str">
            <v>江別市４－１－２０</v>
          </cell>
          <cell r="H3987" t="str">
            <v>385-6155</v>
          </cell>
          <cell r="I3987" t="str">
            <v>385-6141</v>
          </cell>
        </row>
        <row r="3988">
          <cell r="A3988" t="str">
            <v>66060T</v>
          </cell>
          <cell r="B3988" t="str">
            <v>ﾐﾂｲﾐｲｹｾｲｻｸｼｮ</v>
          </cell>
          <cell r="C3988" t="str">
            <v>（株）三井三池製作所札幌支店</v>
          </cell>
          <cell r="D3988" t="str">
            <v>水野 敏彦</v>
          </cell>
          <cell r="E3988" t="str">
            <v>支店長</v>
          </cell>
          <cell r="F3988" t="str">
            <v>060-0001</v>
          </cell>
          <cell r="G3988" t="str">
            <v>中央区北１西５－２－９ 北１条三井ビル５</v>
          </cell>
          <cell r="H3988" t="str">
            <v>251-5211</v>
          </cell>
          <cell r="I3988" t="str">
            <v>221-3704</v>
          </cell>
        </row>
        <row r="3989">
          <cell r="A3989" t="str">
            <v>66063Y</v>
          </cell>
          <cell r="B3989" t="str">
            <v>ﾐﾅﾐｻｻｷｾﾂﾋﾞ</v>
          </cell>
          <cell r="C3989" t="str">
            <v>（有）南佐々木設備</v>
          </cell>
          <cell r="D3989" t="str">
            <v>佐々木 敏彦</v>
          </cell>
          <cell r="E3989" t="str">
            <v>代表取締役</v>
          </cell>
          <cell r="F3989" t="str">
            <v>005-0807</v>
          </cell>
          <cell r="G3989" t="str">
            <v>南区川沿７－２－３－１７</v>
          </cell>
          <cell r="H3989" t="str">
            <v>571-8057</v>
          </cell>
          <cell r="I3989" t="str">
            <v>571-8054</v>
          </cell>
        </row>
        <row r="3990">
          <cell r="A3990" t="str">
            <v>66092X</v>
          </cell>
          <cell r="B3990" t="str">
            <v>ﾐﾔﾋﾞｹﾝｿｳ</v>
          </cell>
          <cell r="C3990" t="str">
            <v>雅建装（株）</v>
          </cell>
          <cell r="D3990" t="str">
            <v>篠田 賢二</v>
          </cell>
          <cell r="E3990" t="str">
            <v>代表取締役</v>
          </cell>
          <cell r="F3990" t="str">
            <v>062-0032</v>
          </cell>
          <cell r="G3990" t="str">
            <v>豊平区西岡２－５－２－１９</v>
          </cell>
          <cell r="H3990" t="str">
            <v>851-0786</v>
          </cell>
          <cell r="I3990" t="str">
            <v>851-0699</v>
          </cell>
        </row>
        <row r="3991">
          <cell r="A3991" t="str">
            <v>66094S</v>
          </cell>
          <cell r="B3991" t="str">
            <v>ﾐﾁｼﾀﾀﾀﾐﾃﾝ</v>
          </cell>
          <cell r="C3991" t="str">
            <v>（有）道下畳店</v>
          </cell>
          <cell r="D3991" t="str">
            <v>道下 豊</v>
          </cell>
          <cell r="E3991" t="str">
            <v>代表取締役</v>
          </cell>
          <cell r="F3991" t="str">
            <v>001-0902</v>
          </cell>
          <cell r="G3991" t="str">
            <v>北区新琴似２－２－９－１０</v>
          </cell>
          <cell r="H3991" t="str">
            <v>761-9774</v>
          </cell>
          <cell r="I3991" t="str">
            <v>761-9780</v>
          </cell>
        </row>
        <row r="3992">
          <cell r="A3992" t="str">
            <v>66117R</v>
          </cell>
          <cell r="B3992" t="str">
            <v>ﾐﾗｲｶｲﾊﾂｺﾝｻﾙﾀﾝﾄ</v>
          </cell>
          <cell r="C3992" t="str">
            <v>（株）未来開発コンサルタント</v>
          </cell>
          <cell r="D3992" t="str">
            <v>米通 猛</v>
          </cell>
          <cell r="E3992" t="str">
            <v>代表取締役</v>
          </cell>
          <cell r="F3992" t="str">
            <v>060-0032</v>
          </cell>
          <cell r="G3992" t="str">
            <v>中央区北２東２－１－１６キョウエイ札幌ビル５階</v>
          </cell>
          <cell r="H3992" t="str">
            <v>231-6078</v>
          </cell>
          <cell r="I3992" t="str">
            <v>231-4506</v>
          </cell>
        </row>
        <row r="3993">
          <cell r="A3993" t="str">
            <v>66135T</v>
          </cell>
          <cell r="B3993" t="str">
            <v>ﾐｽﾞﾉｼﾞｭｳﾀｸｾﾂﾋﾞ</v>
          </cell>
          <cell r="C3993" t="str">
            <v>（株）みずの住宅設備</v>
          </cell>
          <cell r="D3993" t="str">
            <v>水野 修</v>
          </cell>
          <cell r="E3993" t="str">
            <v>代表取締役</v>
          </cell>
          <cell r="F3993" t="str">
            <v>062-0903</v>
          </cell>
          <cell r="G3993" t="str">
            <v>豊平区豊平３－７－２－１１</v>
          </cell>
          <cell r="H3993" t="str">
            <v>841-3954</v>
          </cell>
          <cell r="I3993" t="str">
            <v>812-3118</v>
          </cell>
        </row>
        <row r="3994">
          <cell r="A3994" t="str">
            <v>66142N</v>
          </cell>
          <cell r="B3994" t="str">
            <v>ﾐｿﾞﾌﾞﾁｹﾝｾﾂ</v>
          </cell>
          <cell r="C3994" t="str">
            <v>（株）溝淵建設</v>
          </cell>
          <cell r="D3994" t="str">
            <v>溝淵 公一</v>
          </cell>
          <cell r="E3994" t="str">
            <v>代表取締役</v>
          </cell>
          <cell r="F3994" t="str">
            <v>002-8035</v>
          </cell>
          <cell r="G3994" t="str">
            <v>北区西茨戸５－１－２－１７</v>
          </cell>
          <cell r="H3994" t="str">
            <v>774-2754</v>
          </cell>
          <cell r="I3994" t="str">
            <v>774-9950</v>
          </cell>
        </row>
        <row r="3995">
          <cell r="A3995" t="str">
            <v>66149V</v>
          </cell>
          <cell r="B3995" t="str">
            <v>ﾐﾕｷｺｳｻﾝ</v>
          </cell>
          <cell r="C3995" t="str">
            <v>（有）ミユキ興産</v>
          </cell>
          <cell r="D3995" t="str">
            <v>岡田 久利</v>
          </cell>
          <cell r="E3995" t="str">
            <v>代表取締役</v>
          </cell>
          <cell r="F3995" t="str">
            <v>001-0923</v>
          </cell>
          <cell r="G3995" t="str">
            <v>北区新川３－４－８－３７</v>
          </cell>
          <cell r="H3995" t="str">
            <v>768-2915</v>
          </cell>
          <cell r="I3995" t="str">
            <v>768-2916</v>
          </cell>
        </row>
        <row r="3996">
          <cell r="A3996" t="str">
            <v>66812Y</v>
          </cell>
          <cell r="B3996" t="str">
            <v>ﾐﾀﾑﾗｼﾞｭｳｹﾝｺｳｷﾞｮｳ</v>
          </cell>
          <cell r="C3996" t="str">
            <v>（有）三田村重建興業</v>
          </cell>
          <cell r="D3996" t="str">
            <v>三田村 洋司</v>
          </cell>
          <cell r="E3996" t="str">
            <v>取締役</v>
          </cell>
          <cell r="F3996" t="str">
            <v>061-2286</v>
          </cell>
          <cell r="G3996" t="str">
            <v>南区藤野６－４－３－１１</v>
          </cell>
          <cell r="H3996" t="str">
            <v>592-4661</v>
          </cell>
          <cell r="I3996" t="str">
            <v>592-4662</v>
          </cell>
        </row>
        <row r="3997">
          <cell r="A3997" t="str">
            <v>66813W</v>
          </cell>
          <cell r="B3997" t="str">
            <v>ﾐﾂﾄﾐｹﾝｾﾂ</v>
          </cell>
          <cell r="C3997" t="str">
            <v>光富建設（株）</v>
          </cell>
          <cell r="D3997" t="str">
            <v>光富 弘行</v>
          </cell>
          <cell r="E3997" t="str">
            <v>代表取締役</v>
          </cell>
          <cell r="F3997" t="str">
            <v>003-0876</v>
          </cell>
          <cell r="G3997" t="str">
            <v>白石区東米里２０４０－１６５</v>
          </cell>
          <cell r="H3997" t="str">
            <v>871-8933</v>
          </cell>
          <cell r="I3997" t="str">
            <v>871-8932</v>
          </cell>
        </row>
        <row r="3998">
          <cell r="A3998" t="str">
            <v>67001X</v>
          </cell>
          <cell r="B3998" t="str">
            <v>ﾑﾗｲﾄﾞﾎﾞｸ</v>
          </cell>
          <cell r="C3998" t="str">
            <v>村井土木（株）</v>
          </cell>
          <cell r="D3998" t="str">
            <v>菅井 誠二</v>
          </cell>
          <cell r="E3998" t="str">
            <v>代表取締役</v>
          </cell>
          <cell r="F3998" t="str">
            <v>063-0836</v>
          </cell>
          <cell r="G3998" t="str">
            <v>西区発寒１６－１２－１－２０</v>
          </cell>
          <cell r="H3998" t="str">
            <v>661-2356</v>
          </cell>
          <cell r="I3998" t="str">
            <v>661-2379</v>
          </cell>
        </row>
        <row r="3999">
          <cell r="A3999" t="str">
            <v>67003S</v>
          </cell>
          <cell r="B3999" t="str">
            <v>ﾑﾗﾀﾀﾞﾝﾎﾞｳｺｳｷﾞｮｳ</v>
          </cell>
          <cell r="C3999" t="str">
            <v>村田煖房工業（株）</v>
          </cell>
          <cell r="D3999" t="str">
            <v>村田 和久</v>
          </cell>
          <cell r="E3999" t="str">
            <v>代表取締役</v>
          </cell>
          <cell r="F3999" t="str">
            <v>064-0822</v>
          </cell>
          <cell r="G3999" t="str">
            <v>中央区北２西２０－２－２４</v>
          </cell>
          <cell r="H3999" t="str">
            <v>611-7141</v>
          </cell>
          <cell r="I3999" t="str">
            <v>611-7146</v>
          </cell>
        </row>
        <row r="4000">
          <cell r="A4000" t="str">
            <v>67005Y</v>
          </cell>
          <cell r="B4000" t="str">
            <v>ﾑﾗｵｾﾂﾋﾞ</v>
          </cell>
          <cell r="C4000" t="str">
            <v>（有）村尾設備</v>
          </cell>
          <cell r="D4000" t="str">
            <v>村尾 慶和</v>
          </cell>
          <cell r="E4000" t="str">
            <v>代表取締役</v>
          </cell>
          <cell r="F4000" t="str">
            <v>062-0042</v>
          </cell>
          <cell r="G4000" t="str">
            <v>豊平区福住２－８－１３－７</v>
          </cell>
          <cell r="H4000" t="str">
            <v>854-2012</v>
          </cell>
          <cell r="I4000" t="str">
            <v>854-7244</v>
          </cell>
        </row>
        <row r="4001">
          <cell r="A4001" t="str">
            <v>67014N</v>
          </cell>
          <cell r="B4001" t="str">
            <v>ﾑﾂｹﾝｾﾂ</v>
          </cell>
          <cell r="C4001" t="str">
            <v>陸奥建設（株）</v>
          </cell>
          <cell r="D4001" t="str">
            <v>夏井 孝</v>
          </cell>
          <cell r="E4001" t="str">
            <v>代表取締役</v>
          </cell>
          <cell r="F4001" t="str">
            <v>004-0004</v>
          </cell>
          <cell r="G4001" t="str">
            <v>厚別区厚別東４－８－１５－２０</v>
          </cell>
          <cell r="H4001" t="str">
            <v>897-3897</v>
          </cell>
          <cell r="I4001" t="str">
            <v>894-5357</v>
          </cell>
        </row>
        <row r="4002">
          <cell r="A4002" t="str">
            <v>67018P</v>
          </cell>
          <cell r="B4002" t="str">
            <v>ﾑﾗﾓﾄｿｳｺﾞｳｾﾂﾋﾞ</v>
          </cell>
          <cell r="C4002" t="str">
            <v>村本総合設備（株）</v>
          </cell>
          <cell r="D4002" t="str">
            <v>村本 己喜男</v>
          </cell>
          <cell r="E4002" t="str">
            <v>代表取締役</v>
          </cell>
          <cell r="F4002" t="str">
            <v>004-0054</v>
          </cell>
          <cell r="G4002" t="str">
            <v>厚別区厚別中央４－２－２１－２７</v>
          </cell>
          <cell r="H4002" t="str">
            <v>892-3561</v>
          </cell>
          <cell r="I4002" t="str">
            <v>894-5141</v>
          </cell>
        </row>
        <row r="4003">
          <cell r="A4003" t="str">
            <v>67019Z</v>
          </cell>
          <cell r="B4003" t="str">
            <v>ﾑﾂﾐｼﾞｭｳﾀｸｾﾂﾋﾞ</v>
          </cell>
          <cell r="C4003" t="str">
            <v>むつみ住宅設備（株）</v>
          </cell>
          <cell r="D4003" t="str">
            <v>林 茂和</v>
          </cell>
          <cell r="E4003" t="str">
            <v>代表取締役</v>
          </cell>
          <cell r="F4003" t="str">
            <v>004-0831</v>
          </cell>
          <cell r="G4003" t="str">
            <v>清田区真栄１－１－１－１８</v>
          </cell>
          <cell r="H4003" t="str">
            <v>881-6997</v>
          </cell>
          <cell r="I4003" t="str">
            <v>881-2493</v>
          </cell>
        </row>
        <row r="4004">
          <cell r="A4004" t="str">
            <v>67040V</v>
          </cell>
          <cell r="B4004" t="str">
            <v>ﾑﾗｵｶｹﾝｾﾂ</v>
          </cell>
          <cell r="C4004" t="str">
            <v>むらおか建設（株）</v>
          </cell>
          <cell r="D4004" t="str">
            <v>村岡 治雄</v>
          </cell>
          <cell r="E4004" t="str">
            <v>代表取締役</v>
          </cell>
          <cell r="F4004" t="str">
            <v>002-8006</v>
          </cell>
          <cell r="G4004" t="str">
            <v>北区太平６－１－２－１５</v>
          </cell>
          <cell r="H4004" t="str">
            <v>771-5225</v>
          </cell>
          <cell r="I4004" t="str">
            <v>771-7007</v>
          </cell>
        </row>
        <row r="4005">
          <cell r="A4005" t="str">
            <v>67402X</v>
          </cell>
          <cell r="B4005" t="str">
            <v>ﾒｲﾃﾞﾝｺｳｷﾞｮｳ</v>
          </cell>
          <cell r="C4005" t="str">
            <v>明電興業（株）</v>
          </cell>
          <cell r="D4005" t="str">
            <v>佐々木 登久朗</v>
          </cell>
          <cell r="E4005" t="str">
            <v>代表取締役</v>
          </cell>
          <cell r="F4005" t="str">
            <v>064-0913</v>
          </cell>
          <cell r="G4005" t="str">
            <v>中央区南１３西１５－１－２１</v>
          </cell>
          <cell r="H4005" t="str">
            <v>561-0117</v>
          </cell>
          <cell r="I4005" t="str">
            <v>561-0119</v>
          </cell>
        </row>
        <row r="4006">
          <cell r="A4006" t="str">
            <v>67405N</v>
          </cell>
          <cell r="B4006" t="str">
            <v>ﾒｲｼﾞｺﾝｻﾙﾀﾝﾄ</v>
          </cell>
          <cell r="C4006" t="str">
            <v>明治コンサルタント（株）北海道支社</v>
          </cell>
          <cell r="D4006" t="str">
            <v>中村 隆昭</v>
          </cell>
          <cell r="E4006" t="str">
            <v>取締役支社長</v>
          </cell>
          <cell r="F4006" t="str">
            <v>064-0807</v>
          </cell>
          <cell r="G4006" t="str">
            <v>中央区南７西１－１３ 第３弘安ビル７Ｆ</v>
          </cell>
          <cell r="H4006" t="str">
            <v>562-3066</v>
          </cell>
          <cell r="I4006" t="str">
            <v>562-3199</v>
          </cell>
        </row>
        <row r="4007">
          <cell r="A4007" t="str">
            <v>67406Y</v>
          </cell>
          <cell r="B4007" t="str">
            <v>ﾒｲﾃﾞﾝｼｬ</v>
          </cell>
          <cell r="C4007" t="str">
            <v>（株）明電舎北海道支店</v>
          </cell>
          <cell r="D4007" t="str">
            <v>池土 康治</v>
          </cell>
          <cell r="E4007" t="str">
            <v>支店長</v>
          </cell>
          <cell r="F4007" t="str">
            <v>060-0002</v>
          </cell>
          <cell r="G4007" t="str">
            <v>中央区北２西１－１</v>
          </cell>
          <cell r="H4007" t="str">
            <v>261-5531</v>
          </cell>
          <cell r="I4007" t="str">
            <v>222-4419</v>
          </cell>
        </row>
        <row r="4008">
          <cell r="A4008" t="str">
            <v>67426W</v>
          </cell>
          <cell r="B4008" t="str">
            <v>ﾒｲﾜｺｳｷﾞｮｳ</v>
          </cell>
          <cell r="C4008" t="str">
            <v>明和工業（株）</v>
          </cell>
          <cell r="D4008" t="str">
            <v>西川 明敏</v>
          </cell>
          <cell r="E4008" t="str">
            <v>代表取締役</v>
          </cell>
          <cell r="F4008" t="str">
            <v>005-0825</v>
          </cell>
          <cell r="G4008" t="str">
            <v>南区南沢５－４－７－６</v>
          </cell>
          <cell r="H4008" t="str">
            <v>571-2770</v>
          </cell>
          <cell r="I4008" t="str">
            <v>572-1843</v>
          </cell>
        </row>
        <row r="4009">
          <cell r="A4009" t="str">
            <v>67435X</v>
          </cell>
          <cell r="B4009" t="str">
            <v>ﾐﾂﾋﾞｼﾃﾞﾝｷｲﾝﾌｫﾒｰｼｮﾝﾃｸﾉﾛｼﾞｰ</v>
          </cell>
          <cell r="C4009" t="str">
            <v>三菱電機インフォメーションテクノロジー（株） 北海道支店</v>
          </cell>
          <cell r="D4009" t="str">
            <v>小野寺 悦夫</v>
          </cell>
          <cell r="E4009" t="str">
            <v>支店長</v>
          </cell>
          <cell r="F4009" t="str">
            <v>060-0002</v>
          </cell>
          <cell r="G4009" t="str">
            <v>中央区北２西３－１－１３ ５７山京ビル３Ｆ</v>
          </cell>
          <cell r="H4009" t="str">
            <v>271-1792</v>
          </cell>
          <cell r="I4009" t="str">
            <v>221-9222</v>
          </cell>
        </row>
        <row r="4010">
          <cell r="A4010" t="str">
            <v>67501W</v>
          </cell>
          <cell r="B4010" t="str">
            <v>ﾒｸﾞﾐｳﾝﾕ</v>
          </cell>
          <cell r="C4010" t="str">
            <v>恵運輸（株）</v>
          </cell>
          <cell r="D4010" t="str">
            <v>斎藤 詔征</v>
          </cell>
          <cell r="E4010" t="str">
            <v>代表取締役</v>
          </cell>
          <cell r="F4010" t="str">
            <v>003-0869</v>
          </cell>
          <cell r="G4010" t="str">
            <v>白石区川下２０６６－６</v>
          </cell>
          <cell r="H4010" t="str">
            <v>874-8393</v>
          </cell>
          <cell r="I4010" t="str">
            <v>873-2378</v>
          </cell>
        </row>
        <row r="4011">
          <cell r="A4011" t="str">
            <v>67502T</v>
          </cell>
          <cell r="B4011" t="str">
            <v>ﾒｲｾｲﾃﾞﾝｷ</v>
          </cell>
          <cell r="C4011" t="str">
            <v>明星電気（株）札幌支店</v>
          </cell>
          <cell r="D4011" t="str">
            <v>三宅 清介</v>
          </cell>
          <cell r="E4011" t="str">
            <v>支店長</v>
          </cell>
          <cell r="F4011" t="str">
            <v>060-0003</v>
          </cell>
          <cell r="G4011" t="str">
            <v>中央区北３西２－１－２８</v>
          </cell>
          <cell r="H4011" t="str">
            <v>231-7117</v>
          </cell>
          <cell r="I4011" t="str">
            <v>231-7140</v>
          </cell>
        </row>
        <row r="4012">
          <cell r="A4012" t="str">
            <v>67601T</v>
          </cell>
          <cell r="B4012" t="str">
            <v>ﾓﾘｿﾞｳｴﾝ</v>
          </cell>
          <cell r="C4012" t="str">
            <v>（株）森造園</v>
          </cell>
          <cell r="D4012" t="str">
            <v>森 正志</v>
          </cell>
          <cell r="E4012" t="str">
            <v>代表取締役</v>
          </cell>
          <cell r="F4012" t="str">
            <v>062-0052</v>
          </cell>
          <cell r="G4012" t="str">
            <v>豊平区月寒東２－２０－８－５</v>
          </cell>
          <cell r="H4012" t="str">
            <v>851-8534</v>
          </cell>
          <cell r="I4012" t="str">
            <v>851-3164</v>
          </cell>
        </row>
        <row r="4013">
          <cell r="A4013" t="str">
            <v>67603N</v>
          </cell>
          <cell r="B4013" t="str">
            <v>ﾄﾞｳﾎｳｺｳｷﾞｮｳ</v>
          </cell>
          <cell r="C4013" t="str">
            <v>道邦工業（株）</v>
          </cell>
          <cell r="D4013" t="str">
            <v>浅川 幸博</v>
          </cell>
          <cell r="E4013" t="str">
            <v>代表取締役</v>
          </cell>
          <cell r="F4013" t="str">
            <v>007-0805</v>
          </cell>
          <cell r="G4013" t="str">
            <v>東区東苗穂５－１－６－３６</v>
          </cell>
          <cell r="H4013" t="str">
            <v>782-1511</v>
          </cell>
          <cell r="I4013" t="str">
            <v>782-6262</v>
          </cell>
        </row>
        <row r="4014">
          <cell r="A4014" t="str">
            <v>67605V</v>
          </cell>
          <cell r="B4014" t="str">
            <v>ﾓﾘｾﾂﾋﾞ</v>
          </cell>
          <cell r="C4014" t="str">
            <v>（株）森設備</v>
          </cell>
          <cell r="D4014" t="str">
            <v>吉田 勝美</v>
          </cell>
          <cell r="E4014" t="str">
            <v>代表取締役</v>
          </cell>
          <cell r="F4014" t="str">
            <v>064-0915</v>
          </cell>
          <cell r="G4014" t="str">
            <v>中央区南１５西１６－１－４０</v>
          </cell>
          <cell r="H4014" t="str">
            <v>563-3611</v>
          </cell>
          <cell r="I4014" t="str">
            <v>551-6014</v>
          </cell>
        </row>
        <row r="4015">
          <cell r="A4015" t="str">
            <v>67608Z</v>
          </cell>
          <cell r="B4015" t="str">
            <v>ﾓｸｺｳｴﾝ</v>
          </cell>
          <cell r="C4015" t="str">
            <v>（株）木公園</v>
          </cell>
          <cell r="D4015" t="str">
            <v>角田 孝純</v>
          </cell>
          <cell r="E4015" t="str">
            <v>代表取締役</v>
          </cell>
          <cell r="F4015" t="str">
            <v>065-0006</v>
          </cell>
          <cell r="G4015" t="str">
            <v>東区北６東２０－１－１２</v>
          </cell>
          <cell r="H4015" t="str">
            <v>723-4618</v>
          </cell>
          <cell r="I4015" t="str">
            <v>711-8169</v>
          </cell>
        </row>
        <row r="4016">
          <cell r="A4016" t="str">
            <v>67611S</v>
          </cell>
          <cell r="B4016" t="str">
            <v>ﾓﾘﾍｲﾌﾞﾀｲｷｺｳ</v>
          </cell>
          <cell r="C4016" t="str">
            <v>森平舞台機構（株）</v>
          </cell>
          <cell r="D4016" t="str">
            <v>森 榮</v>
          </cell>
          <cell r="E4016" t="str">
            <v>代表取締役</v>
          </cell>
          <cell r="F4016" t="str">
            <v>111-0033</v>
          </cell>
          <cell r="G4016" t="str">
            <v>東京都台東区花川戸２－１１－２</v>
          </cell>
          <cell r="H4016" t="str">
            <v>03-3842-1621</v>
          </cell>
          <cell r="I4016" t="str">
            <v>03-3845-1766</v>
          </cell>
        </row>
        <row r="4017">
          <cell r="A4017" t="str">
            <v>67612P</v>
          </cell>
          <cell r="B4017" t="str">
            <v>ﾓﾘｿﾞｳｴﾝﾄﾞﾎﾞｸ</v>
          </cell>
          <cell r="C4017" t="str">
            <v>（株）森造園土木</v>
          </cell>
          <cell r="D4017" t="str">
            <v>森 正男</v>
          </cell>
          <cell r="E4017" t="str">
            <v>代表取締役</v>
          </cell>
          <cell r="F4017" t="str">
            <v>061-2284</v>
          </cell>
          <cell r="G4017" t="str">
            <v>南区藤野４－８－２６７</v>
          </cell>
          <cell r="H4017" t="str">
            <v>591-8435</v>
          </cell>
          <cell r="I4017" t="str">
            <v>591-8676</v>
          </cell>
        </row>
        <row r="4018">
          <cell r="A4018" t="str">
            <v>67615T</v>
          </cell>
          <cell r="B4018" t="str">
            <v>ﾓﾘｼﾏﾘｮｸｾｲｴﾝ</v>
          </cell>
          <cell r="C4018" t="str">
            <v>（有）森島緑成園</v>
          </cell>
          <cell r="D4018" t="str">
            <v>森島 德夫</v>
          </cell>
          <cell r="E4018" t="str">
            <v>代表取締役</v>
          </cell>
          <cell r="F4018" t="str">
            <v>004-0849</v>
          </cell>
          <cell r="G4018" t="str">
            <v>清田区清田９－３－１６－１９</v>
          </cell>
          <cell r="H4018" t="str">
            <v>881-8456</v>
          </cell>
          <cell r="I4018" t="str">
            <v>881-9201</v>
          </cell>
        </row>
        <row r="4019">
          <cell r="A4019" t="str">
            <v>67901Y</v>
          </cell>
          <cell r="B4019" t="str">
            <v>ﾓﾘｷﾞｼﾞｭﾂｺﾝｻﾙ</v>
          </cell>
          <cell r="C4019" t="str">
            <v>（株）モリ技術コンサル</v>
          </cell>
          <cell r="D4019" t="str">
            <v>槇 昭憲</v>
          </cell>
          <cell r="E4019" t="str">
            <v>代表取締役</v>
          </cell>
          <cell r="F4019" t="str">
            <v>063-0037</v>
          </cell>
          <cell r="G4019" t="str">
            <v>西区西野７－１０－２０－６</v>
          </cell>
          <cell r="H4019" t="str">
            <v>663-1260</v>
          </cell>
          <cell r="I4019" t="str">
            <v>664-2830</v>
          </cell>
        </row>
        <row r="4020">
          <cell r="A4020" t="str">
            <v>67905Z</v>
          </cell>
          <cell r="B4020" t="str">
            <v>ﾓﾘｼﾀｹﾝｻﾞｲ</v>
          </cell>
          <cell r="C4020" t="str">
            <v>森下建材（株）</v>
          </cell>
          <cell r="D4020" t="str">
            <v>林 清美</v>
          </cell>
          <cell r="E4020" t="str">
            <v>代表取締役</v>
          </cell>
          <cell r="F4020" t="str">
            <v>006-0829</v>
          </cell>
          <cell r="G4020" t="str">
            <v>手稲区手稲山口２２５－１</v>
          </cell>
          <cell r="H4020" t="str">
            <v>682-1991</v>
          </cell>
          <cell r="I4020" t="str">
            <v>683-8224</v>
          </cell>
        </row>
        <row r="4021">
          <cell r="A4021" t="str">
            <v>68005X</v>
          </cell>
          <cell r="B4021" t="str">
            <v>ﾔﾅｷﾞﾊﾗｹﾝｾﾂ</v>
          </cell>
          <cell r="C4021" t="str">
            <v>柳原建設（株）</v>
          </cell>
          <cell r="D4021" t="str">
            <v>柳原 敏之</v>
          </cell>
          <cell r="E4021" t="str">
            <v>代表取締役</v>
          </cell>
          <cell r="F4021" t="str">
            <v>062-0034</v>
          </cell>
          <cell r="G4021" t="str">
            <v>豊平区西岡４－９－１１－３</v>
          </cell>
          <cell r="H4021" t="str">
            <v>852-0094</v>
          </cell>
          <cell r="I4021" t="str">
            <v>851-7735</v>
          </cell>
        </row>
        <row r="4022">
          <cell r="A4022" t="str">
            <v>68008P</v>
          </cell>
          <cell r="B4022" t="str">
            <v>ﾔﾏﾀﾞｿﾞｳｴﾝ</v>
          </cell>
          <cell r="C4022" t="str">
            <v>山田造園（株）</v>
          </cell>
          <cell r="D4022" t="str">
            <v>山田 健</v>
          </cell>
          <cell r="E4022" t="str">
            <v>取締役社長</v>
          </cell>
          <cell r="F4022" t="str">
            <v>060-0042</v>
          </cell>
          <cell r="G4022" t="str">
            <v>中央区大通西１４－１</v>
          </cell>
          <cell r="H4022" t="str">
            <v>261-2305</v>
          </cell>
          <cell r="I4022" t="str">
            <v>281-4390</v>
          </cell>
        </row>
        <row r="4023">
          <cell r="A4023" t="str">
            <v>68009Z</v>
          </cell>
          <cell r="B4023" t="str">
            <v>ﾔﾏﾖｼﾀｶｼﾏｿﾞｳｴﾝ</v>
          </cell>
          <cell r="C4023" t="str">
            <v>（株）山吉髙島造園</v>
          </cell>
          <cell r="D4023" t="str">
            <v>髙島 利夫</v>
          </cell>
          <cell r="E4023" t="str">
            <v>代表取締役</v>
          </cell>
          <cell r="F4023" t="str">
            <v>007-0867</v>
          </cell>
          <cell r="G4023" t="str">
            <v>東区伏古７－２－２－５</v>
          </cell>
          <cell r="H4023" t="str">
            <v>781-2235</v>
          </cell>
          <cell r="I4023" t="str">
            <v>781-2219</v>
          </cell>
        </row>
        <row r="4024">
          <cell r="A4024" t="str">
            <v>68016T</v>
          </cell>
          <cell r="B4024" t="str">
            <v>ﾔﾏﾅｶﾊｲｶﾝｺｳｷﾞｮｳｼｮ</v>
          </cell>
          <cell r="C4024" t="str">
            <v>（株）山中配管工業所</v>
          </cell>
          <cell r="D4024" t="str">
            <v>山中 純一郎</v>
          </cell>
          <cell r="E4024" t="str">
            <v>代表取締役</v>
          </cell>
          <cell r="F4024" t="str">
            <v>064-0913</v>
          </cell>
          <cell r="G4024" t="str">
            <v>中央区南１３西１３－１－４０</v>
          </cell>
          <cell r="H4024" t="str">
            <v>561-1233</v>
          </cell>
          <cell r="I4024" t="str">
            <v>561-1234</v>
          </cell>
        </row>
        <row r="4025">
          <cell r="A4025" t="str">
            <v>68021T</v>
          </cell>
          <cell r="B4025" t="str">
            <v>ﾔﾊﾗｼｮｳﾎﾞｳｾﾂﾋﾞ</v>
          </cell>
          <cell r="C4025" t="str">
            <v>ヤハラ消防設備（株）</v>
          </cell>
          <cell r="D4025" t="str">
            <v>矢原 芳蔵</v>
          </cell>
          <cell r="E4025" t="str">
            <v>代表取締役</v>
          </cell>
          <cell r="F4025" t="str">
            <v>064-0914</v>
          </cell>
          <cell r="G4025" t="str">
            <v>中央区南１４西１６－２－２５</v>
          </cell>
          <cell r="H4025" t="str">
            <v>551-1551</v>
          </cell>
          <cell r="I4025" t="str">
            <v>563-5575</v>
          </cell>
        </row>
        <row r="4026">
          <cell r="A4026" t="str">
            <v>68024Y</v>
          </cell>
          <cell r="B4026" t="str">
            <v>ﾔﾏﾁｭｳﾉｻｶｾｲｻｸｼｮ</v>
          </cell>
          <cell r="C4026" t="str">
            <v>（有）山忠ノサカ製作所</v>
          </cell>
          <cell r="D4026" t="str">
            <v>野坂 隆幸</v>
          </cell>
          <cell r="E4026" t="str">
            <v>代表取締役</v>
          </cell>
          <cell r="F4026" t="str">
            <v>003-0002</v>
          </cell>
          <cell r="G4026" t="str">
            <v>白石区東札幌２－５－２－１</v>
          </cell>
          <cell r="H4026" t="str">
            <v>831-3356</v>
          </cell>
          <cell r="I4026" t="str">
            <v>831-2048</v>
          </cell>
        </row>
        <row r="4027">
          <cell r="A4027" t="str">
            <v>68032P</v>
          </cell>
          <cell r="B4027" t="str">
            <v>ﾔｽﾀﾞｾﾂﾋﾞｺｳｷﾞｮｳ</v>
          </cell>
          <cell r="C4027" t="str">
            <v>安田設備工業（株）</v>
          </cell>
          <cell r="D4027" t="str">
            <v>安田 崇</v>
          </cell>
          <cell r="E4027" t="str">
            <v>代表取締役</v>
          </cell>
          <cell r="F4027" t="str">
            <v>001-0905</v>
          </cell>
          <cell r="G4027" t="str">
            <v>北区新琴似５－４－１－２２</v>
          </cell>
          <cell r="H4027" t="str">
            <v>762-1740</v>
          </cell>
          <cell r="I4027" t="str">
            <v>762-5435</v>
          </cell>
        </row>
        <row r="4028">
          <cell r="A4028" t="str">
            <v>68079R</v>
          </cell>
          <cell r="B4028" t="str">
            <v>ﾔﾏﾓﾄｿﾞｳｴﾝ</v>
          </cell>
          <cell r="C4028" t="str">
            <v>（株）山本造園</v>
          </cell>
          <cell r="D4028" t="str">
            <v>山本 博幸</v>
          </cell>
          <cell r="E4028" t="str">
            <v>代表取締役</v>
          </cell>
          <cell r="F4028" t="str">
            <v>004-0069</v>
          </cell>
          <cell r="G4028" t="str">
            <v>厚別区厚別町山本１０６６－１</v>
          </cell>
          <cell r="H4028" t="str">
            <v>891-7811</v>
          </cell>
          <cell r="I4028" t="str">
            <v>895-0493</v>
          </cell>
        </row>
        <row r="4029">
          <cell r="A4029" t="str">
            <v>68111S</v>
          </cell>
          <cell r="B4029" t="str">
            <v>ﾔﾏﾄｹﾝｾﾂｳﾝﾕ</v>
          </cell>
          <cell r="C4029" t="str">
            <v>大和建設運輸（株）</v>
          </cell>
          <cell r="D4029" t="str">
            <v>岡本 厚三</v>
          </cell>
          <cell r="E4029" t="str">
            <v>代表取締役</v>
          </cell>
          <cell r="F4029" t="str">
            <v>005-8585</v>
          </cell>
          <cell r="G4029" t="str">
            <v>南区真駒内本町１－１－１</v>
          </cell>
          <cell r="H4029" t="str">
            <v>811-1255</v>
          </cell>
          <cell r="I4029" t="str">
            <v>812-0743</v>
          </cell>
        </row>
        <row r="4030">
          <cell r="A4030" t="str">
            <v>68133X</v>
          </cell>
          <cell r="B4030" t="str">
            <v>ﾔｼﾏｷﾃﾞﾝ</v>
          </cell>
          <cell r="C4030" t="str">
            <v>（株）八洲機電</v>
          </cell>
          <cell r="D4030" t="str">
            <v>押切 勇</v>
          </cell>
          <cell r="E4030" t="str">
            <v>代表取締役</v>
          </cell>
          <cell r="F4030" t="str">
            <v>063-0812</v>
          </cell>
          <cell r="G4030" t="str">
            <v>西区琴似２－２－４－１０</v>
          </cell>
          <cell r="H4030" t="str">
            <v>611-6968</v>
          </cell>
          <cell r="I4030" t="str">
            <v>611-6994</v>
          </cell>
        </row>
        <row r="4031">
          <cell r="A4031" t="str">
            <v>68153V</v>
          </cell>
          <cell r="B4031" t="str">
            <v>ﾔﾏﾀﾞｾﾂﾋﾞｺｳｷﾞｮｳ</v>
          </cell>
          <cell r="C4031" t="str">
            <v>（有）山田設備工業</v>
          </cell>
          <cell r="D4031" t="str">
            <v>山田 修</v>
          </cell>
          <cell r="E4031" t="str">
            <v>代表取締役</v>
          </cell>
          <cell r="F4031" t="str">
            <v>003-0834</v>
          </cell>
          <cell r="G4031" t="str">
            <v>白石区北郷４－８－５－４</v>
          </cell>
          <cell r="H4031" t="str">
            <v>872-5559</v>
          </cell>
          <cell r="I4031" t="str">
            <v>872-4066</v>
          </cell>
        </row>
        <row r="4032">
          <cell r="A4032" t="str">
            <v>68301N</v>
          </cell>
          <cell r="B4032" t="str">
            <v>ﾔﾉｾｯｹｲ</v>
          </cell>
          <cell r="C4032" t="str">
            <v>矢野設計（株）</v>
          </cell>
          <cell r="D4032" t="str">
            <v>矢野 匠市郎</v>
          </cell>
          <cell r="E4032" t="str">
            <v>代表取締役</v>
          </cell>
          <cell r="F4032" t="str">
            <v>062-0935</v>
          </cell>
          <cell r="G4032" t="str">
            <v>豊平区平岸５－８－３－２６</v>
          </cell>
          <cell r="H4032" t="str">
            <v>821-5557</v>
          </cell>
          <cell r="I4032" t="str">
            <v>823-6522</v>
          </cell>
        </row>
        <row r="4033">
          <cell r="A4033" t="str">
            <v>68302Y</v>
          </cell>
          <cell r="B4033" t="str">
            <v>ﾔﾏﾁｮｳｼﾞｭｳｹﾝ</v>
          </cell>
          <cell r="C4033" t="str">
            <v>（株）山調住建コンサルタント</v>
          </cell>
          <cell r="D4033" t="str">
            <v>山本 敏夫</v>
          </cell>
          <cell r="E4033" t="str">
            <v>代表取締役</v>
          </cell>
          <cell r="F4033" t="str">
            <v>060-0001</v>
          </cell>
          <cell r="G4033" t="str">
            <v>中央区北１西１９－２</v>
          </cell>
          <cell r="H4033" t="str">
            <v>644-8031</v>
          </cell>
          <cell r="I4033" t="str">
            <v>612-0749</v>
          </cell>
        </row>
        <row r="4034">
          <cell r="A4034" t="str">
            <v>68303W</v>
          </cell>
          <cell r="B4034" t="str">
            <v>ﾔﾁﾖｴﾝｼﾞﾆﾔﾘﾝｸﾞ</v>
          </cell>
          <cell r="C4034" t="str">
            <v>八千代エンジニヤリング（株）北海道事務所</v>
          </cell>
          <cell r="D4034" t="str">
            <v>木村 勇</v>
          </cell>
          <cell r="E4034" t="str">
            <v>所長</v>
          </cell>
          <cell r="F4034" t="str">
            <v>060-0001</v>
          </cell>
          <cell r="G4034" t="str">
            <v>中央区北１西３－３－２７</v>
          </cell>
          <cell r="H4034" t="str">
            <v>252-6031</v>
          </cell>
          <cell r="I4034" t="str">
            <v>252-6032</v>
          </cell>
        </row>
        <row r="4035">
          <cell r="A4035" t="str">
            <v>68307X</v>
          </cell>
          <cell r="B4035" t="str">
            <v>ﾔﾏﾔｻﾝｷﾞｮｳ</v>
          </cell>
          <cell r="C4035" t="str">
            <v>（有）山谷産業</v>
          </cell>
          <cell r="D4035" t="str">
            <v>山谷 岩雄</v>
          </cell>
          <cell r="E4035" t="str">
            <v>代表取締役</v>
          </cell>
          <cell r="F4035" t="str">
            <v>061-3248</v>
          </cell>
          <cell r="G4035" t="str">
            <v>石狩市花川東１－８</v>
          </cell>
          <cell r="H4035" t="str">
            <v>0133-73-4988</v>
          </cell>
          <cell r="I4035" t="str">
            <v>0133-72-4542</v>
          </cell>
        </row>
        <row r="4036">
          <cell r="A4036" t="str">
            <v>68321Y</v>
          </cell>
          <cell r="B4036" t="str">
            <v>ｲｼﾂﾞｶｹｲｶｸﾃﾞｻﾞｲﾝｼﾞﾑｼｮ</v>
          </cell>
          <cell r="C4036" t="str">
            <v>（株）石塚計画デザイン事務所</v>
          </cell>
          <cell r="D4036" t="str">
            <v>石塚 雅明</v>
          </cell>
          <cell r="E4036" t="str">
            <v>代表取締役</v>
          </cell>
          <cell r="F4036" t="str">
            <v>063-0813</v>
          </cell>
          <cell r="G4036" t="str">
            <v>西区琴似３－４－４－５</v>
          </cell>
          <cell r="H4036" t="str">
            <v>613-7573</v>
          </cell>
          <cell r="I4036" t="str">
            <v>613-7587</v>
          </cell>
        </row>
        <row r="4037">
          <cell r="A4037" t="str">
            <v>68402W</v>
          </cell>
          <cell r="B4037" t="str">
            <v>ﾕｳｷﾃﾞﾝｷｺｳｼﾞ</v>
          </cell>
          <cell r="C4037" t="str">
            <v>（株）結城電気工事</v>
          </cell>
          <cell r="D4037" t="str">
            <v>結城 政広</v>
          </cell>
          <cell r="E4037" t="str">
            <v>代表取締役</v>
          </cell>
          <cell r="F4037" t="str">
            <v>007-0835</v>
          </cell>
          <cell r="G4037" t="str">
            <v>東区北３５東１８－４－１１</v>
          </cell>
          <cell r="H4037" t="str">
            <v>781-5779</v>
          </cell>
          <cell r="I4037" t="str">
            <v>782-2731</v>
          </cell>
        </row>
        <row r="4038">
          <cell r="A4038" t="str">
            <v>68404R</v>
          </cell>
          <cell r="B4038" t="str">
            <v>ﾕｶﾜｿﾞｳｴﾝ</v>
          </cell>
          <cell r="C4038" t="str">
            <v>（株）湯川造園</v>
          </cell>
          <cell r="D4038" t="str">
            <v>湯川 淳</v>
          </cell>
          <cell r="E4038" t="str">
            <v>代表取締役</v>
          </cell>
          <cell r="F4038" t="str">
            <v>004-0842</v>
          </cell>
          <cell r="G4038" t="str">
            <v>清田区清田２－２－１４－３７</v>
          </cell>
          <cell r="H4038" t="str">
            <v>884-7071</v>
          </cell>
          <cell r="I4038" t="str">
            <v>884-7081</v>
          </cell>
        </row>
        <row r="4039">
          <cell r="A4039" t="str">
            <v>68411X</v>
          </cell>
          <cell r="B4039" t="str">
            <v>ﾕﾆｵﾝﾃﾞｰﾀｰｼｽﾃﾑ</v>
          </cell>
          <cell r="C4039" t="str">
            <v>ユニオンデーターシステム（株）</v>
          </cell>
          <cell r="D4039" t="str">
            <v>小池 正夫</v>
          </cell>
          <cell r="E4039" t="str">
            <v>代表取締役</v>
          </cell>
          <cell r="F4039" t="str">
            <v>003-0024</v>
          </cell>
          <cell r="G4039" t="str">
            <v>白石区本郷通１３南５－９</v>
          </cell>
          <cell r="H4039" t="str">
            <v>862-7330</v>
          </cell>
          <cell r="I4039" t="str">
            <v>863-5965</v>
          </cell>
        </row>
        <row r="4040">
          <cell r="A4040" t="str">
            <v>68429Z</v>
          </cell>
          <cell r="B4040" t="str">
            <v>ﾕﾆｵﾝﾃﾞﾝｹﾝ</v>
          </cell>
          <cell r="C4040" t="str">
            <v>ユニオン電建（株）</v>
          </cell>
          <cell r="D4040" t="str">
            <v>田村 俊男</v>
          </cell>
          <cell r="E4040" t="str">
            <v>代表取締役</v>
          </cell>
          <cell r="F4040" t="str">
            <v>001-0027</v>
          </cell>
          <cell r="G4040" t="str">
            <v>北区北２７西１５－２－１９</v>
          </cell>
          <cell r="H4040" t="str">
            <v>726-1868</v>
          </cell>
          <cell r="I4040" t="str">
            <v>727-5891</v>
          </cell>
        </row>
        <row r="4041">
          <cell r="A4041" t="str">
            <v>68617Z</v>
          </cell>
          <cell r="B4041" t="str">
            <v>ﾖｳｺｳｷﾞｹﾝ</v>
          </cell>
          <cell r="C4041" t="str">
            <v>陽光技研（株）</v>
          </cell>
          <cell r="D4041" t="str">
            <v>山崎 修</v>
          </cell>
          <cell r="E4041" t="str">
            <v>代表取締役</v>
          </cell>
          <cell r="F4041" t="str">
            <v>065-0028</v>
          </cell>
          <cell r="G4041" t="str">
            <v>東区北２８東２０－３－１０</v>
          </cell>
          <cell r="H4041" t="str">
            <v>782-5311</v>
          </cell>
          <cell r="I4041" t="str">
            <v>782-5392</v>
          </cell>
        </row>
        <row r="4042">
          <cell r="A4042" t="str">
            <v>68628W</v>
          </cell>
          <cell r="B4042" t="str">
            <v>ﾖｼﾀﾞｼﾞｭｳﾀｸｾﾂﾋﾞｺｳｷﾞｮｳ</v>
          </cell>
          <cell r="C4042" t="str">
            <v>（株）吉田住宅設備工業</v>
          </cell>
          <cell r="D4042" t="str">
            <v>吉田 享</v>
          </cell>
          <cell r="E4042" t="str">
            <v>代表取締役</v>
          </cell>
          <cell r="F4042" t="str">
            <v>002-8063</v>
          </cell>
          <cell r="G4042" t="str">
            <v>北区拓北３－４－５－１２</v>
          </cell>
          <cell r="H4042" t="str">
            <v>772-6063</v>
          </cell>
          <cell r="I4042" t="str">
            <v>771-9192</v>
          </cell>
        </row>
        <row r="4043">
          <cell r="A4043" t="str">
            <v>68640P</v>
          </cell>
          <cell r="B4043" t="str">
            <v>ﾖﾈﾔﾏﾄﾞｹﾝ</v>
          </cell>
          <cell r="C4043" t="str">
            <v>（株）米山土建</v>
          </cell>
          <cell r="D4043" t="str">
            <v>米山 重徳</v>
          </cell>
          <cell r="E4043" t="str">
            <v>代表取締役</v>
          </cell>
          <cell r="F4043" t="str">
            <v>001-0904</v>
          </cell>
          <cell r="G4043" t="str">
            <v>北区新琴似４－１３－４－２３</v>
          </cell>
          <cell r="H4043" t="str">
            <v>763-3103</v>
          </cell>
          <cell r="I4043" t="str">
            <v>763-3692</v>
          </cell>
        </row>
        <row r="4044">
          <cell r="A4044" t="str">
            <v>68807W</v>
          </cell>
          <cell r="B4044" t="str">
            <v>ﾗﾝﾄﾞ･ｽﾍﾟｰｽ･ﾜｰｸｽ</v>
          </cell>
          <cell r="C4044" t="str">
            <v>ランド・スペース・ワークス（株）</v>
          </cell>
          <cell r="D4044" t="str">
            <v>森 翼男</v>
          </cell>
          <cell r="E4044" t="str">
            <v>代表取締役</v>
          </cell>
          <cell r="F4044" t="str">
            <v>060-0001</v>
          </cell>
          <cell r="G4044" t="str">
            <v>中央区北１西１８－１</v>
          </cell>
          <cell r="H4044" t="str">
            <v>622-5630</v>
          </cell>
          <cell r="I4044" t="str">
            <v>622-5631</v>
          </cell>
        </row>
        <row r="4045">
          <cell r="A4045" t="str">
            <v>68815Z</v>
          </cell>
          <cell r="B4045" t="str">
            <v>ﾗﾝﾃｯｸｽ</v>
          </cell>
          <cell r="C4045" t="str">
            <v>（有）ランテックス</v>
          </cell>
          <cell r="D4045" t="str">
            <v>森 雅也</v>
          </cell>
          <cell r="E4045" t="str">
            <v>代表取締役</v>
          </cell>
          <cell r="F4045" t="str">
            <v>060-0001</v>
          </cell>
          <cell r="G4045" t="str">
            <v>中央区北１西１８－１</v>
          </cell>
          <cell r="H4045" t="str">
            <v>632-9080</v>
          </cell>
          <cell r="I4045" t="str">
            <v>632-9081</v>
          </cell>
        </row>
        <row r="4046">
          <cell r="A4046" t="str">
            <v>68902V</v>
          </cell>
          <cell r="B4046" t="str">
            <v>ﾗｲｳﾞｶﾝｷｮｳｹｲｶｸ</v>
          </cell>
          <cell r="C4046" t="str">
            <v>（株）ライヴ環境計画</v>
          </cell>
          <cell r="D4046" t="str">
            <v>有山 忠男</v>
          </cell>
          <cell r="E4046" t="str">
            <v>代表取締役</v>
          </cell>
          <cell r="F4046" t="str">
            <v>060-0042</v>
          </cell>
          <cell r="G4046" t="str">
            <v>中央区大通西１４－１－１３北日本南大通ビル</v>
          </cell>
          <cell r="H4046" t="str">
            <v>204-7922</v>
          </cell>
          <cell r="I4046" t="str">
            <v>204-7955</v>
          </cell>
        </row>
        <row r="4047">
          <cell r="A4047" t="str">
            <v>69008N</v>
          </cell>
          <cell r="B4047" t="str">
            <v>ﾘｮｳﾃﾞﾝｴﾚﾍﾞｰﾀｼｾﾂ</v>
          </cell>
          <cell r="C4047" t="str">
            <v>菱電エレベータ施設（株）北海道営業所</v>
          </cell>
          <cell r="D4047" t="str">
            <v>木田 善之</v>
          </cell>
          <cell r="E4047" t="str">
            <v>所長</v>
          </cell>
          <cell r="F4047" t="str">
            <v>060-0033</v>
          </cell>
          <cell r="G4047" t="str">
            <v>中央区北３東８ 砂子ビル３Ｆ</v>
          </cell>
          <cell r="H4047" t="str">
            <v>271-2468</v>
          </cell>
          <cell r="I4047" t="str">
            <v>221-0047</v>
          </cell>
        </row>
        <row r="4048">
          <cell r="A4048" t="str">
            <v>69016S</v>
          </cell>
          <cell r="B4048" t="str">
            <v>ﾘｮｯｶﾘｻｰﾁ</v>
          </cell>
          <cell r="C4048" t="str">
            <v>（株）緑化リサーチ</v>
          </cell>
          <cell r="D4048" t="str">
            <v>宮田 健亮</v>
          </cell>
          <cell r="E4048" t="str">
            <v>代表取締役</v>
          </cell>
          <cell r="F4048" t="str">
            <v>005-0850</v>
          </cell>
          <cell r="G4048" t="str">
            <v>南区石山東３－２－１３</v>
          </cell>
          <cell r="H4048" t="str">
            <v>591-8345</v>
          </cell>
          <cell r="I4048" t="str">
            <v>591-5912</v>
          </cell>
        </row>
        <row r="4049">
          <cell r="A4049" t="str">
            <v>69018Z</v>
          </cell>
          <cell r="B4049" t="str">
            <v>ﾘｯｷｮｳｺｳｷﾞｮｳ</v>
          </cell>
          <cell r="C4049" t="str">
            <v>立協工業（株）</v>
          </cell>
          <cell r="D4049" t="str">
            <v>大村 芳弘</v>
          </cell>
          <cell r="E4049" t="str">
            <v>代表取締役</v>
          </cell>
          <cell r="F4049" t="str">
            <v>004-0065</v>
          </cell>
          <cell r="G4049" t="str">
            <v>厚別区厚別西５－２－１７－３３</v>
          </cell>
          <cell r="H4049" t="str">
            <v>892-3408</v>
          </cell>
          <cell r="I4049" t="str">
            <v>894-3774</v>
          </cell>
        </row>
        <row r="4050">
          <cell r="A4050" t="str">
            <v>69102P</v>
          </cell>
          <cell r="B4050" t="str">
            <v>ﾘﾝﾔｺｳｻｲｶｲ</v>
          </cell>
          <cell r="C4050" t="str">
            <v>（財）林野弘済会札幌支部</v>
          </cell>
          <cell r="D4050" t="str">
            <v>田上 之弘</v>
          </cell>
          <cell r="E4050" t="str">
            <v>支部長理事</v>
          </cell>
          <cell r="F4050" t="str">
            <v>064-0954</v>
          </cell>
          <cell r="G4050" t="str">
            <v>中央区宮の森４－４－１－５</v>
          </cell>
          <cell r="H4050" t="str">
            <v>622-5253</v>
          </cell>
          <cell r="I4050" t="str">
            <v>622-5254</v>
          </cell>
        </row>
        <row r="4051">
          <cell r="A4051" t="str">
            <v>69601R</v>
          </cell>
          <cell r="B4051" t="str">
            <v>ﾛｯｺｳﾂｳｼﾝｺｳｷﾞｮｳ</v>
          </cell>
          <cell r="C4051" t="str">
            <v>六興通信工業（株）</v>
          </cell>
          <cell r="D4051" t="str">
            <v>永山 勝教</v>
          </cell>
          <cell r="E4051" t="str">
            <v>代表取締役社長</v>
          </cell>
          <cell r="F4051" t="str">
            <v>007-0805</v>
          </cell>
          <cell r="G4051" t="str">
            <v>東区東苗穂５－１－７－１３</v>
          </cell>
          <cell r="H4051" t="str">
            <v>784-1171</v>
          </cell>
          <cell r="I4051" t="str">
            <v>784-3260</v>
          </cell>
        </row>
        <row r="4052">
          <cell r="A4052" t="str">
            <v>69603Y</v>
          </cell>
          <cell r="B4052" t="str">
            <v>ﾛｰﾄﾞｷﾞｹﾝ</v>
          </cell>
          <cell r="C4052" t="str">
            <v>（株）ロード技研</v>
          </cell>
          <cell r="D4052" t="str">
            <v>都澤 欽一</v>
          </cell>
          <cell r="E4052" t="str">
            <v>代表取締役</v>
          </cell>
          <cell r="F4052" t="str">
            <v>005-0832</v>
          </cell>
          <cell r="G4052" t="str">
            <v>南区北ノ沢８－７－４５</v>
          </cell>
          <cell r="H4052" t="str">
            <v>571-7004</v>
          </cell>
          <cell r="I4052" t="str">
            <v>572-5925</v>
          </cell>
        </row>
        <row r="4053">
          <cell r="A4053" t="str">
            <v>69608X</v>
          </cell>
          <cell r="B4053" t="str">
            <v>ﾛｰﾄﾞｸﾘｴｲﾃｨﾌﾞ</v>
          </cell>
          <cell r="C4053" t="str">
            <v>（株）ロードクリエイティブ</v>
          </cell>
          <cell r="D4053" t="str">
            <v>田中 幸郎</v>
          </cell>
          <cell r="E4053" t="str">
            <v>代表取締役</v>
          </cell>
          <cell r="F4053" t="str">
            <v>006-0034</v>
          </cell>
          <cell r="G4053" t="str">
            <v>手稲区稲穂４－６－７－１</v>
          </cell>
          <cell r="H4053" t="str">
            <v>681-6704</v>
          </cell>
          <cell r="I4053" t="str">
            <v>681-6704</v>
          </cell>
        </row>
        <row r="4054">
          <cell r="A4054" t="str">
            <v>69701N</v>
          </cell>
          <cell r="B4054" t="str">
            <v>ﾛｲﾔﾙｺﾝｻﾙﾀﾝﾄ</v>
          </cell>
          <cell r="C4054" t="str">
            <v>ロイヤルコンサルタント（株）</v>
          </cell>
          <cell r="D4054" t="str">
            <v>飯島 弘之</v>
          </cell>
          <cell r="E4054" t="str">
            <v>代表取締役</v>
          </cell>
          <cell r="F4054" t="str">
            <v>063-0062</v>
          </cell>
          <cell r="G4054" t="str">
            <v>西区西町南８－２－２１</v>
          </cell>
          <cell r="H4054" t="str">
            <v>663-1005</v>
          </cell>
          <cell r="I4054" t="str">
            <v>662-7756</v>
          </cell>
        </row>
        <row r="4055">
          <cell r="A4055" t="str">
            <v>69801Y</v>
          </cell>
          <cell r="B4055" t="str">
            <v>ﾜｶﾏﾂｹﾝｾﾂ</v>
          </cell>
          <cell r="C4055" t="str">
            <v>若松建設（株）</v>
          </cell>
          <cell r="D4055" t="str">
            <v>遠藤 俊昭</v>
          </cell>
          <cell r="E4055" t="str">
            <v>代表取締役</v>
          </cell>
          <cell r="F4055" t="str">
            <v>005-0004</v>
          </cell>
          <cell r="G4055" t="str">
            <v>南区澄川４－６－４２３</v>
          </cell>
          <cell r="H4055" t="str">
            <v>821-2337</v>
          </cell>
          <cell r="I4055" t="str">
            <v>832-8719</v>
          </cell>
        </row>
        <row r="4056">
          <cell r="A4056" t="str">
            <v>69803T</v>
          </cell>
          <cell r="B4056" t="str">
            <v>ﾜｺｳﾘｮｸｶ</v>
          </cell>
          <cell r="C4056" t="str">
            <v>和光緑化（株）</v>
          </cell>
          <cell r="D4056" t="str">
            <v>滝沢 保夫</v>
          </cell>
          <cell r="E4056" t="str">
            <v>代表取締役</v>
          </cell>
          <cell r="F4056" t="str">
            <v>001-0903</v>
          </cell>
          <cell r="G4056" t="str">
            <v>北区新琴似３－１３－５－１５</v>
          </cell>
          <cell r="H4056" t="str">
            <v>763-1583</v>
          </cell>
          <cell r="I4056" t="str">
            <v>763-1513</v>
          </cell>
        </row>
        <row r="4057">
          <cell r="A4057" t="str">
            <v>69807V</v>
          </cell>
          <cell r="B4057" t="str">
            <v>ﾜﾀﾞｾﾂﾋﾞｹﾝｾﾂｺｳｷﾞｮｳ</v>
          </cell>
          <cell r="C4057" t="str">
            <v>和田設備建設工業（株）</v>
          </cell>
          <cell r="D4057" t="str">
            <v>山際 雅司</v>
          </cell>
          <cell r="E4057" t="str">
            <v>代表取締役</v>
          </cell>
          <cell r="F4057" t="str">
            <v>001-0032</v>
          </cell>
          <cell r="G4057" t="str">
            <v>北区北３２西２－２－３</v>
          </cell>
          <cell r="H4057" t="str">
            <v>757-0241</v>
          </cell>
          <cell r="I4057" t="str">
            <v>757-0244</v>
          </cell>
        </row>
        <row r="4058">
          <cell r="A4058" t="str">
            <v>69815Y</v>
          </cell>
          <cell r="B4058" t="str">
            <v>ﾜｾﾀﾞｷﾞｹﾝ</v>
          </cell>
          <cell r="C4058" t="str">
            <v>ワセダ技研（株）札幌営業所</v>
          </cell>
          <cell r="D4058" t="str">
            <v>佐藤 浩</v>
          </cell>
          <cell r="E4058" t="str">
            <v>所長</v>
          </cell>
          <cell r="F4058" t="str">
            <v>060-0002</v>
          </cell>
          <cell r="G4058" t="str">
            <v>中央区北２西１ ピア２・１ビル</v>
          </cell>
          <cell r="H4058" t="str">
            <v>290-6730</v>
          </cell>
          <cell r="I4058" t="str">
            <v>290-6740</v>
          </cell>
        </row>
        <row r="4059">
          <cell r="A4059" t="str">
            <v>69819N</v>
          </cell>
          <cell r="B4059" t="str">
            <v>ﾜﾀﾅﾍﾞｾﾂﾋﾞｺｳｷﾞｮｳｼｮ</v>
          </cell>
          <cell r="C4059" t="str">
            <v>（株）渡辺設備工業所</v>
          </cell>
          <cell r="D4059" t="str">
            <v>渡辺 寛美</v>
          </cell>
          <cell r="E4059" t="str">
            <v>代表取締役</v>
          </cell>
          <cell r="F4059" t="str">
            <v>004-0022</v>
          </cell>
          <cell r="G4059" t="str">
            <v>厚別区厚別南３－２－２６</v>
          </cell>
          <cell r="H4059" t="str">
            <v>892-4011</v>
          </cell>
          <cell r="I4059" t="str">
            <v>892-4002</v>
          </cell>
        </row>
        <row r="4060">
          <cell r="A4060" t="str">
            <v>69901W</v>
          </cell>
          <cell r="B4060" t="str">
            <v>ﾜｺｳｷﾞｹﾝ</v>
          </cell>
          <cell r="C4060" t="str">
            <v>和光技研（株）</v>
          </cell>
          <cell r="D4060" t="str">
            <v>白石 毅</v>
          </cell>
          <cell r="E4060" t="str">
            <v>代表取締役</v>
          </cell>
          <cell r="F4060" t="str">
            <v>064-8507</v>
          </cell>
          <cell r="G4060" t="str">
            <v>中央区宮の森３－１－３－１５</v>
          </cell>
          <cell r="H4060" t="str">
            <v>611-8782</v>
          </cell>
          <cell r="I4060" t="str">
            <v>611-0219</v>
          </cell>
        </row>
        <row r="4061">
          <cell r="A4061" t="str">
            <v>69908P</v>
          </cell>
          <cell r="B4061" t="str">
            <v>ﾊｲﾃﾞｯｸｽﾜｼﾞﾏ</v>
          </cell>
          <cell r="C4061" t="str">
            <v>（株）ハイデックス和島</v>
          </cell>
          <cell r="D4061" t="str">
            <v>和島 英雄</v>
          </cell>
          <cell r="E4061" t="str">
            <v>代表取締役</v>
          </cell>
          <cell r="F4061" t="str">
            <v>007-0834</v>
          </cell>
          <cell r="G4061" t="str">
            <v>東区北３４東７－２－１６</v>
          </cell>
          <cell r="H4061" t="str">
            <v>704-3856</v>
          </cell>
          <cell r="I4061" t="str">
            <v>741-0545</v>
          </cell>
        </row>
        <row r="4062">
          <cell r="A4062" t="str">
            <v>70001R</v>
          </cell>
          <cell r="B4062" t="str">
            <v>ｱﾝｾﾞﾝｷｷ</v>
          </cell>
          <cell r="C4062" t="str">
            <v>安全機器（株）</v>
          </cell>
          <cell r="D4062" t="str">
            <v>村上 寛</v>
          </cell>
          <cell r="E4062" t="str">
            <v>代表取締役</v>
          </cell>
          <cell r="F4062" t="str">
            <v>003-0027</v>
          </cell>
          <cell r="G4062" t="str">
            <v>白石区本通６北４－８</v>
          </cell>
          <cell r="H4062" t="str">
            <v>861-6221</v>
          </cell>
          <cell r="I4062" t="str">
            <v>861-4885</v>
          </cell>
        </row>
        <row r="4063">
          <cell r="A4063" t="str">
            <v>70601Z</v>
          </cell>
          <cell r="B4063" t="str">
            <v>ｴｯﾁ･ｴｽ･ﾃｨﾎｸｶｲﾄﾞｳｻﾆｯﾄ</v>
          </cell>
          <cell r="C4063" t="str">
            <v>エッチ・エス・ティ北海道サニット（株）</v>
          </cell>
          <cell r="D4063" t="str">
            <v>渡邊 里美</v>
          </cell>
          <cell r="E4063" t="str">
            <v>代表取締役</v>
          </cell>
          <cell r="F4063" t="str">
            <v>062-0052</v>
          </cell>
          <cell r="G4063" t="str">
            <v>豊平区月寒東２－１７－６－２２</v>
          </cell>
          <cell r="H4063" t="str">
            <v>855-0715</v>
          </cell>
          <cell r="I4063" t="str">
            <v>855-2711</v>
          </cell>
        </row>
        <row r="4064">
          <cell r="A4064" t="str">
            <v>71001P</v>
          </cell>
          <cell r="B4064" t="str">
            <v>ｶﾝｾｲｺｳｷﾞｮｳ</v>
          </cell>
          <cell r="C4064" t="str">
            <v>管清工業（株）</v>
          </cell>
          <cell r="D4064" t="str">
            <v>加藤 武</v>
          </cell>
          <cell r="E4064" t="str">
            <v>代表取締役</v>
          </cell>
          <cell r="F4064" t="str">
            <v>002-8035</v>
          </cell>
          <cell r="G4064" t="str">
            <v>北区西茨戸５－１－７－２０</v>
          </cell>
          <cell r="H4064" t="str">
            <v>772-1315</v>
          </cell>
          <cell r="I4064" t="str">
            <v>772-0543</v>
          </cell>
        </row>
        <row r="4065">
          <cell r="A4065" t="str">
            <v>71201X</v>
          </cell>
          <cell r="B4065" t="str">
            <v>ﾊﾟｽｶﾙ･ﾌﾟﾘﾝﾃｨﾝｸﾞ</v>
          </cell>
          <cell r="C4065" t="str">
            <v>（株）パスカル・プリンティング</v>
          </cell>
          <cell r="D4065" t="str">
            <v>宮野 健一郎</v>
          </cell>
          <cell r="E4065" t="str">
            <v>代表取締役</v>
          </cell>
          <cell r="F4065" t="str">
            <v>063-0836</v>
          </cell>
          <cell r="G4065" t="str">
            <v>西区発寒１６－１４－４－５</v>
          </cell>
          <cell r="H4065" t="str">
            <v>663-9101</v>
          </cell>
          <cell r="I4065" t="str">
            <v>662-8304</v>
          </cell>
        </row>
        <row r="4066">
          <cell r="A4066" t="str">
            <v>71401S</v>
          </cell>
          <cell r="B4066" t="str">
            <v>ｸﾘﾊﾞﾔｼｾｷﾕ</v>
          </cell>
          <cell r="C4066" t="str">
            <v>栗林石油（株）札幌支店</v>
          </cell>
          <cell r="D4066" t="str">
            <v>田守 博通</v>
          </cell>
          <cell r="E4066" t="str">
            <v>代表取締役専務支店長</v>
          </cell>
          <cell r="F4066" t="str">
            <v>062-0020</v>
          </cell>
          <cell r="G4066" t="str">
            <v>豊平区月寒中央通１０－３－３</v>
          </cell>
          <cell r="H4066" t="str">
            <v>851-1191</v>
          </cell>
          <cell r="I4066" t="str">
            <v>855-0847</v>
          </cell>
        </row>
        <row r="4067">
          <cell r="A4067" t="str">
            <v>72001N</v>
          </cell>
          <cell r="B4067" t="str">
            <v>ｻﾝｺｳｶｶﾞｸ</v>
          </cell>
          <cell r="C4067" t="str">
            <v>三晃化学（株）</v>
          </cell>
          <cell r="D4067" t="str">
            <v>渡邊 民嗣</v>
          </cell>
          <cell r="E4067" t="str">
            <v>取締役社長</v>
          </cell>
          <cell r="F4067" t="str">
            <v>060-0051</v>
          </cell>
          <cell r="G4067" t="str">
            <v>中央区南１東５－１－１７</v>
          </cell>
          <cell r="H4067" t="str">
            <v>221-5221</v>
          </cell>
          <cell r="I4067" t="str">
            <v>241-6830</v>
          </cell>
        </row>
        <row r="4068">
          <cell r="A4068" t="str">
            <v>72002Y</v>
          </cell>
          <cell r="B4068" t="str">
            <v>ｻｯﾎﾟﾛﾄﾗﾝｼﾞｽﾀｰ</v>
          </cell>
          <cell r="C4068" t="str">
            <v>（株）札幌トランジスター</v>
          </cell>
          <cell r="D4068" t="str">
            <v>横田 豊</v>
          </cell>
          <cell r="E4068" t="str">
            <v>代表取締役</v>
          </cell>
          <cell r="F4068" t="str">
            <v>060-0005</v>
          </cell>
          <cell r="G4068" t="str">
            <v>中央区北５西２１－４－１２</v>
          </cell>
          <cell r="H4068" t="str">
            <v>631-3401</v>
          </cell>
          <cell r="I4068" t="str">
            <v>642-4253</v>
          </cell>
        </row>
        <row r="4069">
          <cell r="A4069" t="str">
            <v>72007X</v>
          </cell>
          <cell r="B4069" t="str">
            <v>ｻｯﾎﾟﾛｼﾎﾞｼｶﾌﾌｸｼﾚﾝｺﾞｳｶｲ</v>
          </cell>
          <cell r="C4069" t="str">
            <v>（社）札幌市母子寡婦福祉連合会</v>
          </cell>
          <cell r="D4069" t="str">
            <v>浅野 涼子</v>
          </cell>
          <cell r="E4069" t="str">
            <v>会長</v>
          </cell>
          <cell r="F4069" t="str">
            <v>060-0042</v>
          </cell>
          <cell r="G4069" t="str">
            <v>中央区大通西１９ 札幌市社会福祉総合センター内</v>
          </cell>
          <cell r="H4069" t="str">
            <v>631-3270</v>
          </cell>
          <cell r="I4069" t="str">
            <v>643-5904</v>
          </cell>
        </row>
        <row r="4070">
          <cell r="A4070" t="str">
            <v>72201W</v>
          </cell>
          <cell r="B4070" t="str">
            <v>ｼﾝﾜｼｮｳｶｲ</v>
          </cell>
          <cell r="C4070" t="str">
            <v>（株）シンワ商会</v>
          </cell>
          <cell r="D4070" t="str">
            <v>荒井 喜和</v>
          </cell>
          <cell r="E4070" t="str">
            <v>代表取締役</v>
          </cell>
          <cell r="F4070" t="str">
            <v>004-0871</v>
          </cell>
          <cell r="G4070" t="str">
            <v>清田区平岡１－１－７－２０</v>
          </cell>
          <cell r="H4070" t="str">
            <v>881-3939</v>
          </cell>
          <cell r="I4070" t="str">
            <v>881-3890</v>
          </cell>
        </row>
        <row r="4071">
          <cell r="A4071" t="str">
            <v>72202T</v>
          </cell>
          <cell r="B4071" t="str">
            <v>ｼﾝｺｳｼﾞﾄﾞｳｼｬ</v>
          </cell>
          <cell r="C4071" t="str">
            <v>振興自動車（株）</v>
          </cell>
          <cell r="D4071" t="str">
            <v>佐々木 光平</v>
          </cell>
          <cell r="E4071" t="str">
            <v>代表取締役</v>
          </cell>
          <cell r="F4071" t="str">
            <v>061-3241</v>
          </cell>
          <cell r="G4071" t="str">
            <v>石狩市新港西３－７５２－６</v>
          </cell>
          <cell r="H4071" t="str">
            <v>0133-73-5581</v>
          </cell>
          <cell r="I4071" t="str">
            <v>0133-73-3115</v>
          </cell>
        </row>
        <row r="4072">
          <cell r="A4072" t="str">
            <v>72203R</v>
          </cell>
          <cell r="B4072" t="str">
            <v>ｼｮｳｼﾞｭﾁｬｰﾄ</v>
          </cell>
          <cell r="C4072" t="str">
            <v>昇寿チャート（株）札幌支店</v>
          </cell>
          <cell r="D4072" t="str">
            <v>千葉 正夫</v>
          </cell>
          <cell r="E4072" t="str">
            <v>支店長</v>
          </cell>
          <cell r="F4072" t="str">
            <v>060-0010</v>
          </cell>
          <cell r="G4072" t="str">
            <v>中央区北１０西１９－３６</v>
          </cell>
          <cell r="H4072" t="str">
            <v>631-1115</v>
          </cell>
          <cell r="I4072" t="str">
            <v>631-1123</v>
          </cell>
        </row>
        <row r="4073">
          <cell r="A4073" t="str">
            <v>72401R</v>
          </cell>
          <cell r="B4073" t="str">
            <v>ｽｷﾞｼｮｳ</v>
          </cell>
          <cell r="C4073" t="str">
            <v>杉商（株）</v>
          </cell>
          <cell r="D4073" t="str">
            <v>杉江 俊太郎</v>
          </cell>
          <cell r="E4073" t="str">
            <v>取締役社長</v>
          </cell>
          <cell r="F4073" t="str">
            <v>047-0032</v>
          </cell>
          <cell r="G4073" t="str">
            <v>小樽市稲穂２－９－１６</v>
          </cell>
          <cell r="H4073" t="str">
            <v>0134-25-1105</v>
          </cell>
          <cell r="I4073" t="str">
            <v>0134-25-1113</v>
          </cell>
        </row>
        <row r="4074">
          <cell r="A4074" t="str">
            <v>73001Z</v>
          </cell>
          <cell r="B4074" t="str">
            <v>ﾀｸﾏﾊﾝﾖｳｷｶｲ</v>
          </cell>
          <cell r="C4074" t="str">
            <v>タクマ汎用機械（株）札幌支店</v>
          </cell>
          <cell r="D4074" t="str">
            <v>夕下 和雄</v>
          </cell>
          <cell r="E4074" t="str">
            <v>支店長</v>
          </cell>
          <cell r="F4074" t="str">
            <v>060-0042</v>
          </cell>
          <cell r="G4074" t="str">
            <v>中央区大通西５－１１ 大五ビル４Ｆ</v>
          </cell>
          <cell r="H4074" t="str">
            <v>281-6001</v>
          </cell>
          <cell r="I4074" t="str">
            <v>231-8856</v>
          </cell>
        </row>
        <row r="4075">
          <cell r="A4075" t="str">
            <v>73002X</v>
          </cell>
          <cell r="B4075" t="str">
            <v>ﾀｷｶﾜｼﾞｺｳ</v>
          </cell>
          <cell r="C4075" t="str">
            <v>（株）滝川自工</v>
          </cell>
          <cell r="D4075" t="str">
            <v>滝川 雅司</v>
          </cell>
          <cell r="E4075" t="str">
            <v>代表取締役</v>
          </cell>
          <cell r="F4075" t="str">
            <v>003-0001</v>
          </cell>
          <cell r="G4075" t="str">
            <v>白石区東札幌１－４－１－３９</v>
          </cell>
          <cell r="H4075" t="str">
            <v>811-2165</v>
          </cell>
          <cell r="I4075" t="str">
            <v>811-2163</v>
          </cell>
        </row>
        <row r="4076">
          <cell r="A4076" t="str">
            <v>73003V</v>
          </cell>
          <cell r="B4076" t="str">
            <v>ﾀｸﾏ</v>
          </cell>
          <cell r="C4076" t="str">
            <v>（株）タクマ北海道支店</v>
          </cell>
          <cell r="D4076" t="str">
            <v>白坂 均</v>
          </cell>
          <cell r="E4076" t="str">
            <v>支店長</v>
          </cell>
          <cell r="F4076" t="str">
            <v>060-0042</v>
          </cell>
          <cell r="G4076" t="str">
            <v>中央区大通西５－１１（大五ビル内）</v>
          </cell>
          <cell r="H4076" t="str">
            <v>221-4106</v>
          </cell>
          <cell r="I4076" t="str">
            <v>241-0523</v>
          </cell>
        </row>
        <row r="4077">
          <cell r="A4077" t="str">
            <v>73804W</v>
          </cell>
          <cell r="B4077" t="str">
            <v>ﾄｳﾎｳﾘﾗｲｱﾝｽ</v>
          </cell>
          <cell r="C4077" t="str">
            <v>東邦リライアンス（株）</v>
          </cell>
          <cell r="D4077" t="str">
            <v>山本 春斗</v>
          </cell>
          <cell r="E4077" t="str">
            <v>代表取締役社長</v>
          </cell>
          <cell r="F4077" t="str">
            <v>064-0802</v>
          </cell>
          <cell r="G4077" t="str">
            <v>中央区南２西２５－１－２</v>
          </cell>
          <cell r="H4077" t="str">
            <v>622-3377</v>
          </cell>
          <cell r="I4077" t="str">
            <v>612-8077</v>
          </cell>
        </row>
        <row r="4078">
          <cell r="A4078" t="str">
            <v>75401Z</v>
          </cell>
          <cell r="B4078" t="str">
            <v>ﾌｼﾞｲｼｮｸﾘｮｳﾋﾝﾃﾝ</v>
          </cell>
          <cell r="C4078" t="str">
            <v>（株）フジヰ食料品店</v>
          </cell>
          <cell r="D4078" t="str">
            <v>藤井 秀子</v>
          </cell>
          <cell r="E4078" t="str">
            <v>代表取締役</v>
          </cell>
          <cell r="F4078" t="str">
            <v>060-0001</v>
          </cell>
          <cell r="G4078" t="str">
            <v>中央区北１西３－３</v>
          </cell>
          <cell r="H4078" t="str">
            <v>222-0081</v>
          </cell>
          <cell r="I4078" t="str">
            <v>241-4615</v>
          </cell>
        </row>
        <row r="4079">
          <cell r="A4079" t="str">
            <v>75801N</v>
          </cell>
          <cell r="B4079" t="str">
            <v>ｱﾝｽﾙ</v>
          </cell>
          <cell r="C4079" t="str">
            <v>アンスル（株）</v>
          </cell>
          <cell r="D4079" t="str">
            <v>佐々木 常博</v>
          </cell>
          <cell r="E4079" t="str">
            <v>代表取締役</v>
          </cell>
          <cell r="F4079" t="str">
            <v>060-0051</v>
          </cell>
          <cell r="G4079" t="str">
            <v>中央区南１東６－２</v>
          </cell>
          <cell r="H4079" t="str">
            <v>221-4710</v>
          </cell>
          <cell r="I4079" t="str">
            <v>221-4709</v>
          </cell>
        </row>
        <row r="4080">
          <cell r="A4080" t="str">
            <v>75803W</v>
          </cell>
          <cell r="B4080" t="str">
            <v>ﾎｯｶｲﾄﾞｳﾓﾘﾀ</v>
          </cell>
          <cell r="C4080" t="str">
            <v>（株）北海道モリタ</v>
          </cell>
          <cell r="D4080" t="str">
            <v>開 恒雄</v>
          </cell>
          <cell r="E4080" t="str">
            <v>代表取締役</v>
          </cell>
          <cell r="F4080" t="str">
            <v>065-0043</v>
          </cell>
          <cell r="G4080" t="str">
            <v>東区苗穂町１３－２－１７</v>
          </cell>
          <cell r="H4080" t="str">
            <v>721-4114</v>
          </cell>
          <cell r="I4080" t="str">
            <v>704-1947</v>
          </cell>
        </row>
        <row r="4081">
          <cell r="A4081" t="str">
            <v>75806Z</v>
          </cell>
          <cell r="B4081" t="str">
            <v>ﾍﾞﾙｯｸｽ</v>
          </cell>
          <cell r="C4081" t="str">
            <v>（株）ベルックス</v>
          </cell>
          <cell r="D4081" t="str">
            <v>梶野 善治</v>
          </cell>
          <cell r="E4081" t="str">
            <v>代表取締役社長</v>
          </cell>
          <cell r="F4081" t="str">
            <v>060-0005</v>
          </cell>
          <cell r="G4081" t="str">
            <v>中央区北５西１２－２</v>
          </cell>
          <cell r="H4081" t="str">
            <v>271-4121</v>
          </cell>
          <cell r="I4081" t="str">
            <v>261-4510</v>
          </cell>
        </row>
        <row r="4082">
          <cell r="A4082" t="str">
            <v>75809S</v>
          </cell>
          <cell r="B4082" t="str">
            <v>ﾈﾝｾﾂ</v>
          </cell>
          <cell r="C4082" t="str">
            <v>（株）ネンセツ</v>
          </cell>
          <cell r="D4082" t="str">
            <v>佐原 洋一</v>
          </cell>
          <cell r="E4082" t="str">
            <v>代表取締役社長</v>
          </cell>
          <cell r="F4082" t="str">
            <v>001-0906</v>
          </cell>
          <cell r="G4082" t="str">
            <v>北区新琴似６－５－３－１</v>
          </cell>
          <cell r="H4082" t="str">
            <v>761-2304</v>
          </cell>
          <cell r="I4082" t="str">
            <v>762-0534</v>
          </cell>
        </row>
        <row r="4083">
          <cell r="A4083" t="str">
            <v>75812X</v>
          </cell>
          <cell r="B4083" t="str">
            <v>ﾎｿﾔﾏﾈｯｷ</v>
          </cell>
          <cell r="C4083" t="str">
            <v>細山熱器（株）札幌営業所</v>
          </cell>
          <cell r="D4083" t="str">
            <v>沼本 猛</v>
          </cell>
          <cell r="E4083" t="str">
            <v>所長</v>
          </cell>
          <cell r="F4083" t="str">
            <v>001-0019</v>
          </cell>
          <cell r="G4083" t="str">
            <v>北区北１９西５－１－２２</v>
          </cell>
          <cell r="H4083" t="str">
            <v>736-0371</v>
          </cell>
          <cell r="I4083" t="str">
            <v>758-0739</v>
          </cell>
        </row>
        <row r="4084">
          <cell r="A4084" t="str">
            <v>76001W</v>
          </cell>
          <cell r="B4084" t="str">
            <v>ﾏﾙﾐ</v>
          </cell>
          <cell r="C4084" t="str">
            <v>（株）マルミ</v>
          </cell>
          <cell r="D4084" t="str">
            <v>霜出 税</v>
          </cell>
          <cell r="E4084" t="str">
            <v>代表取締役</v>
          </cell>
          <cell r="F4084" t="str">
            <v>062-0905</v>
          </cell>
          <cell r="G4084" t="str">
            <v>豊平区豊平５－１－２－２１</v>
          </cell>
          <cell r="H4084" t="str">
            <v>821-0531</v>
          </cell>
          <cell r="I4084" t="str">
            <v>814-9961</v>
          </cell>
        </row>
        <row r="4085">
          <cell r="A4085" t="str">
            <v>77001V</v>
          </cell>
          <cell r="B4085" t="str">
            <v>ﾔﾏﾄｻｯﾎﾟﾛ</v>
          </cell>
          <cell r="C4085" t="str">
            <v>（株）やまと札幌</v>
          </cell>
          <cell r="D4085" t="str">
            <v>飯田 廣志</v>
          </cell>
          <cell r="E4085" t="str">
            <v>代表取締役</v>
          </cell>
          <cell r="F4085" t="str">
            <v>065-0018</v>
          </cell>
          <cell r="G4085" t="str">
            <v>東区北１８東２１－４－１５</v>
          </cell>
          <cell r="H4085" t="str">
            <v>782-5665</v>
          </cell>
          <cell r="I4085" t="str">
            <v>782-5669</v>
          </cell>
        </row>
        <row r="4086">
          <cell r="A4086" t="str">
            <v>79900W</v>
          </cell>
          <cell r="B4086" t="str">
            <v>ｻｯﾎﾟﾛｼｼｮｸｲﾝﾌｸﾘｺｳｾｲｶｲ</v>
          </cell>
          <cell r="C4086" t="str">
            <v>（財）札幌市職員福利厚生会</v>
          </cell>
          <cell r="D4086" t="str">
            <v>濱田 雅英</v>
          </cell>
          <cell r="E4086" t="str">
            <v>理事長</v>
          </cell>
          <cell r="F4086" t="str">
            <v>060-8611</v>
          </cell>
          <cell r="G4086" t="str">
            <v>中央区北１西２</v>
          </cell>
          <cell r="H4086" t="str">
            <v>211-2437</v>
          </cell>
          <cell r="I4086" t="str">
            <v>211-2365</v>
          </cell>
        </row>
        <row r="4087">
          <cell r="A4087" t="str">
            <v>79902R</v>
          </cell>
          <cell r="B4087" t="str">
            <v>ﾎｯｶｲﾄﾞｳﾈﾂｷｮｳｷｭｳｺｳｼｬ</v>
          </cell>
          <cell r="C4087" t="str">
            <v>（株）北海道熱供給公社</v>
          </cell>
          <cell r="D4087" t="str">
            <v>茂木 公智</v>
          </cell>
          <cell r="E4087" t="str">
            <v>代表取締役</v>
          </cell>
          <cell r="F4087" t="str">
            <v>060-0907</v>
          </cell>
          <cell r="G4087" t="str">
            <v>東区北７東２－１－１０</v>
          </cell>
          <cell r="H4087" t="str">
            <v>741-1311</v>
          </cell>
          <cell r="I4087" t="str">
            <v>741-2266</v>
          </cell>
        </row>
        <row r="4088">
          <cell r="A4088" t="str">
            <v>79903N</v>
          </cell>
          <cell r="B4088" t="str">
            <v>ﾎｯｶｲﾄﾞｳｶﾞｽ</v>
          </cell>
          <cell r="C4088" t="str">
            <v>北海道瓦斯（株）</v>
          </cell>
          <cell r="D4088" t="str">
            <v>前泉 洋三</v>
          </cell>
          <cell r="E4088" t="str">
            <v>代表取締役</v>
          </cell>
          <cell r="F4088" t="str">
            <v>060-8530</v>
          </cell>
          <cell r="G4088" t="str">
            <v>中央区大通西７－３－１</v>
          </cell>
          <cell r="H4088" t="str">
            <v>231-9511</v>
          </cell>
          <cell r="I4088" t="str">
            <v>207-2085</v>
          </cell>
        </row>
        <row r="4089">
          <cell r="A4089" t="str">
            <v>79904Y</v>
          </cell>
          <cell r="B4089" t="str">
            <v>ｷﾀｶﾞｽｼﾞｪﾈｯｸｽ</v>
          </cell>
          <cell r="C4089" t="str">
            <v>北ガスジェネックス（株）</v>
          </cell>
          <cell r="D4089" t="str">
            <v>福島 亘</v>
          </cell>
          <cell r="E4089" t="str">
            <v>取締役社長</v>
          </cell>
          <cell r="F4089" t="str">
            <v>007-8733</v>
          </cell>
          <cell r="G4089" t="str">
            <v>東区伏古８－２－７－１</v>
          </cell>
          <cell r="H4089" t="str">
            <v>782-5791</v>
          </cell>
          <cell r="I4089" t="str">
            <v>782-6680</v>
          </cell>
        </row>
        <row r="4090">
          <cell r="A4090" t="str">
            <v>80001N</v>
          </cell>
          <cell r="B4090" t="str">
            <v>ｱｷﾔﾏﾏﾝｻｲｴﾝ</v>
          </cell>
          <cell r="C4090" t="str">
            <v>（株）秋山萬哉園</v>
          </cell>
          <cell r="D4090" t="str">
            <v>秋山 秀雄</v>
          </cell>
          <cell r="E4090" t="str">
            <v>代表取締役</v>
          </cell>
          <cell r="F4090" t="str">
            <v>063-0814</v>
          </cell>
          <cell r="G4090" t="str">
            <v>西区琴似４－４－１－３０</v>
          </cell>
          <cell r="H4090" t="str">
            <v>611-6385</v>
          </cell>
          <cell r="I4090" t="str">
            <v>641-0773</v>
          </cell>
        </row>
        <row r="4091">
          <cell r="A4091" t="str">
            <v>80003W</v>
          </cell>
          <cell r="B4091" t="str">
            <v>ｱｷﾓﾄﾂｳｼﾝｻｰﾋﾞｽ</v>
          </cell>
          <cell r="C4091" t="str">
            <v>（株）秋本通信サービス</v>
          </cell>
          <cell r="D4091" t="str">
            <v>秋本 憲二</v>
          </cell>
          <cell r="E4091" t="str">
            <v>代表取締役</v>
          </cell>
          <cell r="F4091" t="str">
            <v>065-0010</v>
          </cell>
          <cell r="G4091" t="str">
            <v>東区北１０東１５－１－２３</v>
          </cell>
          <cell r="H4091" t="str">
            <v>733-5520</v>
          </cell>
          <cell r="I4091" t="str">
            <v>721-0770</v>
          </cell>
        </row>
        <row r="4092">
          <cell r="A4092" t="str">
            <v>80015N</v>
          </cell>
          <cell r="B4092" t="str">
            <v>ｱｲﾀﾞｺｳｷﾞｮｳ</v>
          </cell>
          <cell r="C4092" t="str">
            <v>（有）相田工業</v>
          </cell>
          <cell r="D4092" t="str">
            <v>三室 啓</v>
          </cell>
          <cell r="E4092" t="str">
            <v>代表取締役</v>
          </cell>
          <cell r="F4092" t="str">
            <v>060-0016</v>
          </cell>
          <cell r="G4092" t="str">
            <v>中央区北１６西２１－２－４</v>
          </cell>
          <cell r="H4092" t="str">
            <v>621-3774</v>
          </cell>
          <cell r="I4092" t="str">
            <v>631-3854</v>
          </cell>
        </row>
        <row r="4093">
          <cell r="A4093" t="str">
            <v>80017W</v>
          </cell>
          <cell r="B4093" t="str">
            <v>ｱﾂﾐｺｳｷﾞｮｳ</v>
          </cell>
          <cell r="C4093" t="str">
            <v>渥美工業（株）</v>
          </cell>
          <cell r="D4093" t="str">
            <v>夏目 豊治</v>
          </cell>
          <cell r="E4093" t="str">
            <v>代表取締役</v>
          </cell>
          <cell r="F4093" t="str">
            <v>064-8503</v>
          </cell>
          <cell r="G4093" t="str">
            <v>中央区南６西１７－１－１</v>
          </cell>
          <cell r="H4093" t="str">
            <v>561-7293</v>
          </cell>
          <cell r="I4093" t="str">
            <v>551-1548</v>
          </cell>
        </row>
        <row r="4094">
          <cell r="A4094" t="str">
            <v>80021Y</v>
          </cell>
          <cell r="B4094" t="str">
            <v>ｱｻﾋｾﾂﾋﾞ</v>
          </cell>
          <cell r="C4094" t="str">
            <v>朝日設備（株）</v>
          </cell>
          <cell r="D4094" t="str">
            <v>上戸 敦</v>
          </cell>
          <cell r="E4094" t="str">
            <v>代表取締役</v>
          </cell>
          <cell r="F4094" t="str">
            <v>007-0836</v>
          </cell>
          <cell r="G4094" t="str">
            <v>東区北３６東２１－２－１２</v>
          </cell>
          <cell r="H4094" t="str">
            <v>782-1196</v>
          </cell>
          <cell r="I4094" t="str">
            <v>781-3049</v>
          </cell>
        </row>
        <row r="4095">
          <cell r="A4095" t="str">
            <v>80024R</v>
          </cell>
          <cell r="B4095" t="str">
            <v>ｱｻｶﾜﾂｳｼﾝ</v>
          </cell>
          <cell r="C4095" t="str">
            <v>浅川通信（株）</v>
          </cell>
          <cell r="D4095" t="str">
            <v>松本 健次</v>
          </cell>
          <cell r="E4095" t="str">
            <v>代表取締役</v>
          </cell>
          <cell r="F4095" t="str">
            <v>065-0043</v>
          </cell>
          <cell r="G4095" t="str">
            <v>東区苗穂町１３－１－２３</v>
          </cell>
          <cell r="H4095" t="str">
            <v>711-1161</v>
          </cell>
          <cell r="I4095" t="str">
            <v>711-1744</v>
          </cell>
        </row>
        <row r="4096">
          <cell r="A4096" t="str">
            <v>80204N</v>
          </cell>
          <cell r="B4096" t="str">
            <v>ｲｽﾞﾐｸﾞﾐ</v>
          </cell>
          <cell r="C4096" t="str">
            <v>（株）和泉組</v>
          </cell>
          <cell r="D4096" t="str">
            <v>夏井坂 信幸</v>
          </cell>
          <cell r="E4096" t="str">
            <v>代表取締役</v>
          </cell>
          <cell r="F4096" t="str">
            <v>062-0904</v>
          </cell>
          <cell r="G4096" t="str">
            <v>豊平区豊平４－８－１－２５</v>
          </cell>
          <cell r="H4096" t="str">
            <v>811-1586</v>
          </cell>
          <cell r="I4096" t="str">
            <v>821-0035</v>
          </cell>
        </row>
        <row r="4097">
          <cell r="A4097" t="str">
            <v>80211V</v>
          </cell>
          <cell r="B4097" t="str">
            <v>ｲｼｸﾗｴｲｾﾞﾝｺｳｷﾞｮｳ</v>
          </cell>
          <cell r="C4097" t="str">
            <v>石倉営繕工業（株）</v>
          </cell>
          <cell r="D4097" t="str">
            <v>石本 慶一</v>
          </cell>
          <cell r="E4097" t="str">
            <v>代表取締役</v>
          </cell>
          <cell r="F4097" t="str">
            <v>064-0823</v>
          </cell>
          <cell r="G4097" t="str">
            <v>中央区北３西２１－２－７</v>
          </cell>
          <cell r="H4097" t="str">
            <v>642-9811</v>
          </cell>
          <cell r="I4097" t="str">
            <v>611-3973</v>
          </cell>
        </row>
        <row r="4098">
          <cell r="A4098" t="str">
            <v>80216T</v>
          </cell>
          <cell r="B4098" t="str">
            <v>ｲｼｶﾜｼﾞﾏﾊﾘﾏｼﾞｭｳｺｳｷﾞｮｳ</v>
          </cell>
          <cell r="C4098" t="str">
            <v>石川島播磨重工業（株）北海道支社</v>
          </cell>
          <cell r="D4098" t="str">
            <v>笠木 治弥</v>
          </cell>
          <cell r="E4098" t="str">
            <v>支社長</v>
          </cell>
          <cell r="F4098" t="str">
            <v>060-0002</v>
          </cell>
          <cell r="G4098" t="str">
            <v>中央区北２西４－１ 北海道ビル６</v>
          </cell>
          <cell r="H4098" t="str">
            <v>221-8121</v>
          </cell>
          <cell r="I4098" t="str">
            <v>221-5229</v>
          </cell>
        </row>
        <row r="4099">
          <cell r="A4099" t="str">
            <v>80218N</v>
          </cell>
          <cell r="B4099" t="str">
            <v>ｲﾏｲｹﾝｾﾂｺｳｷﾞｮｳｼｮ</v>
          </cell>
          <cell r="C4099" t="str">
            <v>（株）今井建設工業所</v>
          </cell>
          <cell r="D4099" t="str">
            <v>今井 正美</v>
          </cell>
          <cell r="E4099" t="str">
            <v>代表取締役</v>
          </cell>
          <cell r="F4099" t="str">
            <v>002-0853</v>
          </cell>
          <cell r="G4099" t="str">
            <v>北区屯田３－６－４－１３</v>
          </cell>
          <cell r="H4099" t="str">
            <v>771-2116</v>
          </cell>
          <cell r="I4099" t="str">
            <v>771-2146</v>
          </cell>
        </row>
        <row r="4100">
          <cell r="A4100" t="str">
            <v>80227P</v>
          </cell>
          <cell r="B4100" t="str">
            <v>ｲｼｶﾜｹﾝｻﾞｲ</v>
          </cell>
          <cell r="C4100" t="str">
            <v>（有）石川建材</v>
          </cell>
          <cell r="D4100" t="str">
            <v>石川 美智雄</v>
          </cell>
          <cell r="E4100" t="str">
            <v>取締役</v>
          </cell>
          <cell r="F4100" t="str">
            <v>007-0891</v>
          </cell>
          <cell r="G4100" t="str">
            <v>東区中沼西１－２－２－８</v>
          </cell>
          <cell r="H4100" t="str">
            <v>791-9550</v>
          </cell>
          <cell r="I4100" t="str">
            <v>791-9660</v>
          </cell>
        </row>
        <row r="4101">
          <cell r="A4101" t="str">
            <v>80606W</v>
          </cell>
          <cell r="B4101" t="str">
            <v>ｴｲｵﾝ</v>
          </cell>
          <cell r="C4101" t="str">
            <v>（株）映音</v>
          </cell>
          <cell r="D4101" t="str">
            <v>佐々木 忠繁</v>
          </cell>
          <cell r="E4101" t="str">
            <v>代表取締役</v>
          </cell>
          <cell r="F4101" t="str">
            <v>062-0932</v>
          </cell>
          <cell r="G4101" t="str">
            <v>豊平区平岸２－１－６－１８</v>
          </cell>
          <cell r="H4101" t="str">
            <v>822-9340</v>
          </cell>
          <cell r="I4101" t="str">
            <v>812-3993</v>
          </cell>
        </row>
        <row r="4102">
          <cell r="A4102" t="str">
            <v>80608R</v>
          </cell>
          <cell r="B4102" t="str">
            <v>ｴﾙﾃﾞﾝ</v>
          </cell>
          <cell r="C4102" t="str">
            <v>エル電（株）</v>
          </cell>
          <cell r="D4102" t="str">
            <v>長内 豊治</v>
          </cell>
          <cell r="E4102" t="str">
            <v>代表取締役</v>
          </cell>
          <cell r="F4102" t="str">
            <v>065-0033</v>
          </cell>
          <cell r="G4102" t="str">
            <v>東区北３３東１８－３－１５</v>
          </cell>
          <cell r="H4102" t="str">
            <v>780-4455</v>
          </cell>
          <cell r="I4102" t="str">
            <v>780-4477</v>
          </cell>
        </row>
        <row r="4103">
          <cell r="A4103" t="str">
            <v>80801S</v>
          </cell>
          <cell r="B4103" t="str">
            <v>ｵｵﾊﾞｸﾞﾐ</v>
          </cell>
          <cell r="C4103" t="str">
            <v>（株）大庭組</v>
          </cell>
          <cell r="D4103" t="str">
            <v>大庭 和敬</v>
          </cell>
          <cell r="E4103" t="str">
            <v>代表取締役</v>
          </cell>
          <cell r="F4103" t="str">
            <v>064-0807</v>
          </cell>
          <cell r="G4103" t="str">
            <v>中央区南７西１５－２－２１</v>
          </cell>
          <cell r="H4103" t="str">
            <v>561-2971</v>
          </cell>
          <cell r="I4103" t="str">
            <v>561-2960</v>
          </cell>
        </row>
        <row r="4104">
          <cell r="A4104" t="str">
            <v>80803Z</v>
          </cell>
          <cell r="B4104" t="str">
            <v>ｵｵｲｽﾞﾐｸﾞﾐ</v>
          </cell>
          <cell r="C4104" t="str">
            <v>（株）大泉組</v>
          </cell>
          <cell r="D4104" t="str">
            <v>泉 敏雄</v>
          </cell>
          <cell r="E4104" t="str">
            <v>代表取締役</v>
          </cell>
          <cell r="F4104" t="str">
            <v>006-0860</v>
          </cell>
          <cell r="G4104" t="str">
            <v>手稲区手稲山口８５０－１</v>
          </cell>
          <cell r="H4104" t="str">
            <v>682-8311</v>
          </cell>
          <cell r="I4104" t="str">
            <v>682-6639</v>
          </cell>
        </row>
        <row r="4105">
          <cell r="A4105" t="str">
            <v>80805T</v>
          </cell>
          <cell r="B4105" t="str">
            <v>ｵｵﾆｼﾃﾞﾝｷｺｳｷﾞｮｳ</v>
          </cell>
          <cell r="C4105" t="str">
            <v>大西電気工業（株）</v>
          </cell>
          <cell r="D4105" t="str">
            <v>大西 忠男</v>
          </cell>
          <cell r="E4105" t="str">
            <v>代表取締役</v>
          </cell>
          <cell r="F4105" t="str">
            <v>001-0906</v>
          </cell>
          <cell r="G4105" t="str">
            <v>北区新琴似６－１３－２－１</v>
          </cell>
          <cell r="H4105" t="str">
            <v>762-3411</v>
          </cell>
          <cell r="I4105" t="str">
            <v>762-3416</v>
          </cell>
        </row>
        <row r="4106">
          <cell r="A4106" t="str">
            <v>80806R</v>
          </cell>
          <cell r="B4106" t="str">
            <v>ｵｰｸ</v>
          </cell>
          <cell r="C4106" t="str">
            <v>（株）オーク</v>
          </cell>
          <cell r="D4106" t="str">
            <v>酒井 和子</v>
          </cell>
          <cell r="E4106" t="str">
            <v>代表取締役</v>
          </cell>
          <cell r="F4106" t="str">
            <v>063-0866</v>
          </cell>
          <cell r="G4106" t="str">
            <v>西区八軒６東２－８－１０</v>
          </cell>
          <cell r="H4106" t="str">
            <v>631-3391</v>
          </cell>
          <cell r="I4106" t="str">
            <v>631-3394</v>
          </cell>
        </row>
        <row r="4107">
          <cell r="A4107" t="str">
            <v>80807N</v>
          </cell>
          <cell r="B4107" t="str">
            <v>ｵｵﾀｺｳｷﾞｮｳ</v>
          </cell>
          <cell r="C4107" t="str">
            <v>太田工業（株）</v>
          </cell>
          <cell r="D4107" t="str">
            <v>太田 博</v>
          </cell>
          <cell r="E4107" t="str">
            <v>代表取締役</v>
          </cell>
          <cell r="F4107" t="str">
            <v>065-0041</v>
          </cell>
          <cell r="G4107" t="str">
            <v>東区本町１－３－１－８</v>
          </cell>
          <cell r="H4107" t="str">
            <v>781-1471</v>
          </cell>
          <cell r="I4107" t="str">
            <v>781-9658</v>
          </cell>
        </row>
        <row r="4108">
          <cell r="A4108" t="str">
            <v>80901P</v>
          </cell>
          <cell r="B4108" t="str">
            <v>ｵｳﾖｳﾁｼﾂ</v>
          </cell>
          <cell r="C4108" t="str">
            <v>応用地質（株）札幌支社</v>
          </cell>
          <cell r="D4108" t="str">
            <v>曽根 好徳</v>
          </cell>
          <cell r="E4108" t="str">
            <v>支社長</v>
          </cell>
          <cell r="F4108" t="str">
            <v>003-0023</v>
          </cell>
          <cell r="G4108" t="str">
            <v>白石区南郷通１北９－２０</v>
          </cell>
          <cell r="H4108" t="str">
            <v>863-6711</v>
          </cell>
          <cell r="I4108" t="str">
            <v>864-5162</v>
          </cell>
        </row>
        <row r="4109">
          <cell r="A4109" t="str">
            <v>81009R</v>
          </cell>
          <cell r="B4109" t="str">
            <v>ｶﾜｲﾎﾟﾝﾌﾟｺｳｷﾞｮｳ</v>
          </cell>
          <cell r="C4109" t="str">
            <v>川井ポンプ工業（有）</v>
          </cell>
          <cell r="D4109" t="str">
            <v>川井 善正</v>
          </cell>
          <cell r="E4109" t="str">
            <v>代表取締役</v>
          </cell>
          <cell r="F4109" t="str">
            <v>005-0842</v>
          </cell>
          <cell r="G4109" t="str">
            <v>南区石山２－３－３－１９</v>
          </cell>
          <cell r="H4109" t="str">
            <v>591-8121</v>
          </cell>
          <cell r="I4109" t="str">
            <v>591-5543</v>
          </cell>
        </row>
        <row r="4110">
          <cell r="A4110" t="str">
            <v>81012W</v>
          </cell>
          <cell r="B4110" t="str">
            <v>ｶｲﾊﾂｳﾝﾕｹﾝｾﾂ</v>
          </cell>
          <cell r="C4110" t="str">
            <v>開発運輸建設（株）</v>
          </cell>
          <cell r="D4110" t="str">
            <v>大塚 英利</v>
          </cell>
          <cell r="E4110" t="str">
            <v>代表取締役</v>
          </cell>
          <cell r="F4110" t="str">
            <v>003-0030</v>
          </cell>
          <cell r="G4110" t="str">
            <v>白石区流通センター５－２－１０</v>
          </cell>
          <cell r="H4110" t="str">
            <v>864-6751</v>
          </cell>
          <cell r="I4110" t="str">
            <v>865-7310</v>
          </cell>
        </row>
        <row r="4111">
          <cell r="A4111" t="str">
            <v>81018S</v>
          </cell>
          <cell r="B4111" t="str">
            <v>ｶｷﾇﾏｺｳﾑﾃﾝ</v>
          </cell>
          <cell r="C4111" t="str">
            <v>（株）かきぬま工務店</v>
          </cell>
          <cell r="D4111" t="str">
            <v>柿沼 道昭</v>
          </cell>
          <cell r="E4111" t="str">
            <v>代表取締役</v>
          </cell>
          <cell r="F4111" t="str">
            <v>003-0012</v>
          </cell>
          <cell r="G4111" t="str">
            <v>白石区中央２－６－３－１１</v>
          </cell>
          <cell r="H4111" t="str">
            <v>861-2082</v>
          </cell>
          <cell r="I4111" t="str">
            <v>861-2084</v>
          </cell>
        </row>
        <row r="4112">
          <cell r="A4112" t="str">
            <v>81019P</v>
          </cell>
          <cell r="B4112" t="str">
            <v>ｶﾂﾗｿﾞｳｴﾝ</v>
          </cell>
          <cell r="C4112" t="str">
            <v>（株）桂造園</v>
          </cell>
          <cell r="D4112" t="str">
            <v>秋葉 澄雄</v>
          </cell>
          <cell r="E4112" t="str">
            <v>代表取締役</v>
          </cell>
          <cell r="F4112" t="str">
            <v>004-0865</v>
          </cell>
          <cell r="G4112" t="str">
            <v>清田区北野５－４－２３－４１</v>
          </cell>
          <cell r="H4112" t="str">
            <v>882-1453</v>
          </cell>
          <cell r="I4112" t="str">
            <v>377-8775</v>
          </cell>
        </row>
        <row r="4113">
          <cell r="A4113" t="str">
            <v>81206T</v>
          </cell>
          <cell r="B4113" t="str">
            <v>ｷｮｳﾘﾂｾﾂﾋﾞ</v>
          </cell>
          <cell r="C4113" t="str">
            <v>協立設備（株）</v>
          </cell>
          <cell r="D4113" t="str">
            <v>北田 信一</v>
          </cell>
          <cell r="E4113" t="str">
            <v>代表取締役</v>
          </cell>
          <cell r="F4113" t="str">
            <v>002-8081</v>
          </cell>
          <cell r="G4113" t="str">
            <v>北区百合が原５－１－３８</v>
          </cell>
          <cell r="H4113" t="str">
            <v>770-2811</v>
          </cell>
          <cell r="I4113" t="str">
            <v>770-2822</v>
          </cell>
        </row>
        <row r="4114">
          <cell r="A4114" t="str">
            <v>81304X</v>
          </cell>
          <cell r="B4114" t="str">
            <v>ｷｿｼﾞﾊﾞﾝｺﾝｻﾙﾀﾝﾂ</v>
          </cell>
          <cell r="C4114" t="str">
            <v>基礎地盤コンサルタンツ（株）北海道支社</v>
          </cell>
          <cell r="D4114" t="str">
            <v>志賀 忠</v>
          </cell>
          <cell r="E4114" t="str">
            <v>支社長</v>
          </cell>
          <cell r="F4114" t="str">
            <v>003-0807</v>
          </cell>
          <cell r="G4114" t="str">
            <v>白石区菊水７－２－７－１</v>
          </cell>
          <cell r="H4114" t="str">
            <v>822-4171</v>
          </cell>
          <cell r="I4114" t="str">
            <v>822-4727</v>
          </cell>
        </row>
        <row r="4115">
          <cell r="A4115" t="str">
            <v>81305T</v>
          </cell>
          <cell r="B4115" t="str">
            <v>ｷﾀﾆﾎﾝｿｸﾁ</v>
          </cell>
          <cell r="C4115" t="str">
            <v>北日本測地（株）</v>
          </cell>
          <cell r="D4115" t="str">
            <v>中村 司</v>
          </cell>
          <cell r="E4115" t="str">
            <v>代表取締役</v>
          </cell>
          <cell r="F4115" t="str">
            <v>064-0804</v>
          </cell>
          <cell r="G4115" t="str">
            <v>中央区南４西２５－１－２７</v>
          </cell>
          <cell r="H4115" t="str">
            <v>561-0866</v>
          </cell>
          <cell r="I4115" t="str">
            <v>561-8708</v>
          </cell>
        </row>
        <row r="4116">
          <cell r="A4116" t="str">
            <v>81308Y</v>
          </cell>
          <cell r="B4116" t="str">
            <v>ｷﾀﾆﾎﾝｷﾞｼﾞｭﾂｺﾝｻﾙ</v>
          </cell>
          <cell r="C4116" t="str">
            <v>（株）北日本技術コンサル</v>
          </cell>
          <cell r="D4116" t="str">
            <v>宮田 壽郎</v>
          </cell>
          <cell r="E4116" t="str">
            <v>代表取締役</v>
          </cell>
          <cell r="F4116" t="str">
            <v>062-0922</v>
          </cell>
          <cell r="G4116" t="str">
            <v>豊平区中の島２－３－１－３</v>
          </cell>
          <cell r="H4116" t="str">
            <v>821-9311</v>
          </cell>
          <cell r="I4116" t="str">
            <v>821-9322</v>
          </cell>
        </row>
        <row r="4117">
          <cell r="A4117" t="str">
            <v>81802N</v>
          </cell>
          <cell r="B4117" t="str">
            <v>ｺｳｱｺｳｷﾞｮｳ</v>
          </cell>
          <cell r="C4117" t="str">
            <v>晃亜興業（株）</v>
          </cell>
          <cell r="D4117" t="str">
            <v>乳井 文夫</v>
          </cell>
          <cell r="E4117" t="str">
            <v>代表取締役</v>
          </cell>
          <cell r="F4117" t="str">
            <v>004-0812</v>
          </cell>
          <cell r="G4117" t="str">
            <v>清田区美しが丘２－４－１８－３</v>
          </cell>
          <cell r="H4117" t="str">
            <v>883-5211</v>
          </cell>
          <cell r="I4117" t="str">
            <v>882-1237</v>
          </cell>
        </row>
        <row r="4118">
          <cell r="A4118" t="str">
            <v>81805S</v>
          </cell>
          <cell r="B4118" t="str">
            <v>ｺｳｾｲｾﾂﾋﾞ</v>
          </cell>
          <cell r="C4118" t="str">
            <v>恒星設備（株）</v>
          </cell>
          <cell r="D4118" t="str">
            <v>太田 共和</v>
          </cell>
          <cell r="E4118" t="str">
            <v>代表取締役社長</v>
          </cell>
          <cell r="F4118" t="str">
            <v>065-0012</v>
          </cell>
          <cell r="G4118" t="str">
            <v>東区北１２東７－１</v>
          </cell>
          <cell r="H4118" t="str">
            <v>741-5011</v>
          </cell>
          <cell r="I4118" t="str">
            <v>741-2546</v>
          </cell>
        </row>
        <row r="4119">
          <cell r="A4119" t="str">
            <v>81809V</v>
          </cell>
          <cell r="B4119" t="str">
            <v>ｺﾏﾂﾊｳｽ</v>
          </cell>
          <cell r="C4119" t="str">
            <v>コマツハウス（株）札幌支店</v>
          </cell>
          <cell r="D4119" t="str">
            <v>吉岡 雄樹</v>
          </cell>
          <cell r="E4119" t="str">
            <v>支店長</v>
          </cell>
          <cell r="F4119" t="str">
            <v>060-0033</v>
          </cell>
          <cell r="G4119" t="str">
            <v>中央区北３東８－８－４ 砂子ビル</v>
          </cell>
          <cell r="H4119" t="str">
            <v>232-1311</v>
          </cell>
          <cell r="I4119" t="str">
            <v>232-1312</v>
          </cell>
        </row>
        <row r="4120">
          <cell r="A4120" t="str">
            <v>81816N</v>
          </cell>
          <cell r="B4120" t="str">
            <v>ｺｽﾓｺｳｷ</v>
          </cell>
          <cell r="C4120" t="str">
            <v>コスモ工機（株）札幌支店</v>
          </cell>
          <cell r="D4120" t="str">
            <v>村井 敏幸</v>
          </cell>
          <cell r="E4120" t="str">
            <v>支店長</v>
          </cell>
          <cell r="F4120" t="str">
            <v>065-0005</v>
          </cell>
          <cell r="G4120" t="str">
            <v>東区北５東８－１－２１</v>
          </cell>
          <cell r="H4120" t="str">
            <v>731-3911</v>
          </cell>
          <cell r="I4120" t="str">
            <v>731-1031</v>
          </cell>
        </row>
        <row r="4121">
          <cell r="A4121" t="str">
            <v>81821N</v>
          </cell>
          <cell r="B4121" t="str">
            <v>ｺﾞﾄｳｺｳｼﾞ</v>
          </cell>
          <cell r="C4121" t="str">
            <v>（株）後藤工事</v>
          </cell>
          <cell r="D4121" t="str">
            <v>後藤 茂夫</v>
          </cell>
          <cell r="E4121" t="str">
            <v>代表取締役</v>
          </cell>
          <cell r="F4121" t="str">
            <v>063-0835</v>
          </cell>
          <cell r="G4121" t="str">
            <v>西区発寒１５－１３－１－１５</v>
          </cell>
          <cell r="H4121" t="str">
            <v>661-3667</v>
          </cell>
          <cell r="I4121" t="str">
            <v>665-7373</v>
          </cell>
        </row>
        <row r="4122">
          <cell r="A4122" t="str">
            <v>81901N</v>
          </cell>
          <cell r="B4122" t="str">
            <v>ｺｳｹﾝｴﾝｼﾞﾆｱﾘﾝｸﾞ</v>
          </cell>
          <cell r="C4122" t="str">
            <v>（株）構研エンジニアリング</v>
          </cell>
          <cell r="D4122" t="str">
            <v>大島 紀房</v>
          </cell>
          <cell r="E4122" t="str">
            <v>代表取締役社長</v>
          </cell>
          <cell r="F4122" t="str">
            <v>065-8510</v>
          </cell>
          <cell r="G4122" t="str">
            <v>東区北１８東１７－１－１</v>
          </cell>
          <cell r="H4122" t="str">
            <v>780-2811</v>
          </cell>
          <cell r="I4122" t="str">
            <v>785-1501</v>
          </cell>
        </row>
        <row r="4123">
          <cell r="A4123" t="str">
            <v>82008S</v>
          </cell>
          <cell r="B4123" t="str">
            <v>ｻﾀﾞｻｯﾎﾟﾛｴﾝｹﾞｲ</v>
          </cell>
          <cell r="C4123" t="str">
            <v>貞サッポロ園芸（株）</v>
          </cell>
          <cell r="D4123" t="str">
            <v>谷津 貞夫</v>
          </cell>
          <cell r="E4123" t="str">
            <v>代表取締役</v>
          </cell>
          <cell r="F4123" t="str">
            <v>003-0802</v>
          </cell>
          <cell r="G4123" t="str">
            <v>白石区菊水２－１－６－２</v>
          </cell>
          <cell r="H4123" t="str">
            <v>811-6679</v>
          </cell>
          <cell r="I4123" t="str">
            <v>811-7886</v>
          </cell>
        </row>
        <row r="4124">
          <cell r="A4124" t="str">
            <v>82020Y</v>
          </cell>
          <cell r="B4124" t="str">
            <v>ｻｯﾎﾟﾛﾘｮｸｶｾﾝﾀｰ</v>
          </cell>
          <cell r="C4124" t="str">
            <v>（株）札幌緑化センター</v>
          </cell>
          <cell r="D4124" t="str">
            <v>西村 貴志</v>
          </cell>
          <cell r="E4124" t="str">
            <v>代表取締役</v>
          </cell>
          <cell r="F4124" t="str">
            <v>004-0874</v>
          </cell>
          <cell r="G4124" t="str">
            <v>清田区平岡４－２－４ー１２</v>
          </cell>
          <cell r="H4124" t="str">
            <v>881-2928</v>
          </cell>
          <cell r="I4124" t="str">
            <v>881-9369</v>
          </cell>
        </row>
        <row r="4125">
          <cell r="A4125" t="str">
            <v>82029Z</v>
          </cell>
          <cell r="B4125" t="str">
            <v>ｻﾝｾｲｺｳｼﾞｻｰﾋﾞｽ</v>
          </cell>
          <cell r="C4125" t="str">
            <v>三精工事サービス（株）札幌出張所</v>
          </cell>
          <cell r="D4125" t="str">
            <v>石川 八朗</v>
          </cell>
          <cell r="E4125" t="str">
            <v>所長</v>
          </cell>
          <cell r="F4125" t="str">
            <v>060-0051</v>
          </cell>
          <cell r="G4125" t="str">
            <v>中央区南１東３－１０ 鉄鋼ビル</v>
          </cell>
          <cell r="H4125" t="str">
            <v>251-8305</v>
          </cell>
          <cell r="I4125" t="str">
            <v>251-2363</v>
          </cell>
        </row>
        <row r="4126">
          <cell r="A4126" t="str">
            <v>82040W</v>
          </cell>
          <cell r="B4126" t="str">
            <v>ｻﾝｼﾝｹﾝｾﾂｺｳｷﾞｮｳ</v>
          </cell>
          <cell r="C4126" t="str">
            <v>三伸建設工業（株）</v>
          </cell>
          <cell r="D4126" t="str">
            <v>岩本 勇二</v>
          </cell>
          <cell r="E4126" t="str">
            <v>代表取締役</v>
          </cell>
          <cell r="F4126" t="str">
            <v>005-0004</v>
          </cell>
          <cell r="G4126" t="str">
            <v>南区澄川４－２－２－３</v>
          </cell>
          <cell r="H4126" t="str">
            <v>823-0183</v>
          </cell>
          <cell r="I4126" t="str">
            <v>823-0181</v>
          </cell>
        </row>
        <row r="4127">
          <cell r="A4127" t="str">
            <v>82052P</v>
          </cell>
          <cell r="B4127" t="str">
            <v>ｻｲｼﾞｮｳｻﾝｷﾞｮｳ</v>
          </cell>
          <cell r="C4127" t="str">
            <v>西條産業（株）札幌支店</v>
          </cell>
          <cell r="D4127" t="str">
            <v>磯野 正富</v>
          </cell>
          <cell r="E4127" t="str">
            <v>札幌支店長</v>
          </cell>
          <cell r="F4127" t="str">
            <v>063-0832</v>
          </cell>
          <cell r="G4127" t="str">
            <v>西区発寒１２－１－２－２４</v>
          </cell>
          <cell r="H4127" t="str">
            <v>661-1411</v>
          </cell>
          <cell r="I4127" t="str">
            <v>665-8172</v>
          </cell>
        </row>
        <row r="4128">
          <cell r="A4128" t="str">
            <v>82055T</v>
          </cell>
          <cell r="B4128" t="str">
            <v>ｻｯﾎﾟﾛﾂｳｳﾝ</v>
          </cell>
          <cell r="C4128" t="str">
            <v>札幌通運（株）</v>
          </cell>
          <cell r="D4128" t="str">
            <v>木村 輝美</v>
          </cell>
          <cell r="E4128" t="str">
            <v>代表取締役社長</v>
          </cell>
          <cell r="F4128" t="str">
            <v>060-0005</v>
          </cell>
          <cell r="G4128" t="str">
            <v>中央区北５西６－２</v>
          </cell>
          <cell r="H4128" t="str">
            <v>251-4111</v>
          </cell>
          <cell r="I4128" t="str">
            <v>231-7063</v>
          </cell>
        </row>
        <row r="4129">
          <cell r="A4129" t="str">
            <v>82057N</v>
          </cell>
          <cell r="B4129" t="str">
            <v>ｻﾝｹｰｺｳｷﾞｮｳ</v>
          </cell>
          <cell r="C4129" t="str">
            <v>（株）サンケー興業</v>
          </cell>
          <cell r="D4129" t="str">
            <v>栗虫 良和</v>
          </cell>
          <cell r="E4129" t="str">
            <v>代表取締役</v>
          </cell>
          <cell r="F4129" t="str">
            <v>062-0023</v>
          </cell>
          <cell r="G4129" t="str">
            <v>豊平区月寒西３－１０－２－４８</v>
          </cell>
          <cell r="H4129" t="str">
            <v>851-8814</v>
          </cell>
          <cell r="I4129" t="str">
            <v>851-8729</v>
          </cell>
        </row>
        <row r="4130">
          <cell r="A4130" t="str">
            <v>82058Y</v>
          </cell>
          <cell r="B4130" t="str">
            <v>ｻﾝｺｳﾃﾞﾝｷ</v>
          </cell>
          <cell r="C4130" t="str">
            <v>三宏電気（株）</v>
          </cell>
          <cell r="D4130" t="str">
            <v>町田 宏征</v>
          </cell>
          <cell r="E4130" t="str">
            <v>代表取締役</v>
          </cell>
          <cell r="F4130" t="str">
            <v>062-0051</v>
          </cell>
          <cell r="G4130" t="str">
            <v>豊平区月寒東１－１－７－２２</v>
          </cell>
          <cell r="H4130" t="str">
            <v>851-1216</v>
          </cell>
          <cell r="I4130" t="str">
            <v>851-1106</v>
          </cell>
        </row>
        <row r="4131">
          <cell r="A4131" t="str">
            <v>82063Y</v>
          </cell>
          <cell r="B4131" t="str">
            <v>ｻｯﾎﾟﾛﾀﾀﾐｼｮｳｺｳ</v>
          </cell>
          <cell r="C4131" t="str">
            <v>札幌畳商工（協）</v>
          </cell>
          <cell r="D4131" t="str">
            <v>小熊 良昭</v>
          </cell>
          <cell r="E4131" t="str">
            <v>理事長</v>
          </cell>
          <cell r="F4131" t="str">
            <v>060-0062</v>
          </cell>
          <cell r="G4131" t="str">
            <v>中央区南２西１－７</v>
          </cell>
          <cell r="H4131" t="str">
            <v>251-4372</v>
          </cell>
          <cell r="I4131" t="str">
            <v>210-4482</v>
          </cell>
        </row>
        <row r="4132">
          <cell r="A4132" t="str">
            <v>82064W</v>
          </cell>
          <cell r="B4132" t="str">
            <v>ｻｯｼﾝｼﾞｭｳｷｺｳｷﾞｮｳ</v>
          </cell>
          <cell r="C4132" t="str">
            <v>札真重機工業（株）</v>
          </cell>
          <cell r="D4132" t="str">
            <v>七条 愼一</v>
          </cell>
          <cell r="E4132" t="str">
            <v>代表取締役</v>
          </cell>
          <cell r="F4132" t="str">
            <v>002-8081</v>
          </cell>
          <cell r="G4132" t="str">
            <v>北区百合が原２－８－８</v>
          </cell>
          <cell r="H4132" t="str">
            <v>731-5213</v>
          </cell>
          <cell r="I4132" t="str">
            <v>731-0905</v>
          </cell>
        </row>
        <row r="4133">
          <cell r="A4133" t="str">
            <v>82107S</v>
          </cell>
          <cell r="B4133" t="str">
            <v>ｻﾝﾖｳｺﾝｻﾙﾀﾝﾄ</v>
          </cell>
          <cell r="C4133" t="str">
            <v>（株）三洋コンサルタント</v>
          </cell>
          <cell r="D4133" t="str">
            <v>石田 廣幸</v>
          </cell>
          <cell r="E4133" t="str">
            <v>代表取締役</v>
          </cell>
          <cell r="F4133" t="str">
            <v>004-0062</v>
          </cell>
          <cell r="G4133" t="str">
            <v>厚別区厚別西２－２－１－２</v>
          </cell>
          <cell r="H4133" t="str">
            <v>896-7052</v>
          </cell>
          <cell r="I4133" t="str">
            <v>896-7053</v>
          </cell>
        </row>
        <row r="4134">
          <cell r="A4134" t="str">
            <v>82206S</v>
          </cell>
          <cell r="B4134" t="str">
            <v>ｼｭｳﾗｸｴﾝ</v>
          </cell>
          <cell r="C4134" t="str">
            <v>（株）集楽園</v>
          </cell>
          <cell r="D4134" t="str">
            <v>小林 喜平</v>
          </cell>
          <cell r="E4134" t="str">
            <v>代表取締役</v>
          </cell>
          <cell r="F4134" t="str">
            <v>005-0801</v>
          </cell>
          <cell r="G4134" t="str">
            <v>南区川沿１－５－１－１５</v>
          </cell>
          <cell r="H4134" t="str">
            <v>571-8897</v>
          </cell>
          <cell r="I4134" t="str">
            <v>571-8898</v>
          </cell>
        </row>
        <row r="4135">
          <cell r="A4135" t="str">
            <v>82207P</v>
          </cell>
          <cell r="B4135" t="str">
            <v>ｼﾉﾐﾔｿﾞｳｴﾝ</v>
          </cell>
          <cell r="C4135" t="str">
            <v>（株）四宮造園</v>
          </cell>
          <cell r="D4135" t="str">
            <v>四宮 禹雄</v>
          </cell>
          <cell r="E4135" t="str">
            <v>代表取締役</v>
          </cell>
          <cell r="F4135" t="str">
            <v>004-0022</v>
          </cell>
          <cell r="G4135" t="str">
            <v>厚別区厚別南３－２－２５</v>
          </cell>
          <cell r="H4135" t="str">
            <v>892-0881</v>
          </cell>
          <cell r="I4135" t="str">
            <v>894-4111</v>
          </cell>
        </row>
        <row r="4136">
          <cell r="A4136" t="str">
            <v>82211S</v>
          </cell>
          <cell r="B4136" t="str">
            <v>ｼｹﾞﾄﾐｺｳﾑﾃﾝ</v>
          </cell>
          <cell r="C4136" t="str">
            <v>（株）繁富工務店</v>
          </cell>
          <cell r="D4136" t="str">
            <v>繁富 文承</v>
          </cell>
          <cell r="E4136" t="str">
            <v>代表取締役社長</v>
          </cell>
          <cell r="F4136" t="str">
            <v>064-0912</v>
          </cell>
          <cell r="G4136" t="str">
            <v>中央区南１２西６－１－２８</v>
          </cell>
          <cell r="H4136" t="str">
            <v>511-3428</v>
          </cell>
          <cell r="I4136" t="str">
            <v>531-7141</v>
          </cell>
        </row>
        <row r="4137">
          <cell r="A4137" t="str">
            <v>82217N</v>
          </cell>
          <cell r="B4137" t="str">
            <v>ﾃｨｰｴﾑｴｽﾋｶﾞｼﾆﾎﾝ</v>
          </cell>
          <cell r="C4137" t="str">
            <v>（株）ティーエムエス東日本</v>
          </cell>
          <cell r="D4137" t="str">
            <v>吉川 重弘</v>
          </cell>
          <cell r="E4137" t="str">
            <v>代表取締役</v>
          </cell>
          <cell r="F4137" t="str">
            <v>007-0868</v>
          </cell>
          <cell r="G4137" t="str">
            <v>東区伏古８－２－５－１９</v>
          </cell>
          <cell r="H4137" t="str">
            <v>783-7797</v>
          </cell>
          <cell r="I4137" t="str">
            <v>783-5546</v>
          </cell>
        </row>
        <row r="4138">
          <cell r="A4138" t="str">
            <v>82225S</v>
          </cell>
          <cell r="B4138" t="str">
            <v>ｼｮｳｳﾝｺｳｷﾞｮｳ</v>
          </cell>
          <cell r="C4138" t="str">
            <v>昌運工業（株）北海道支社札幌連絡所</v>
          </cell>
          <cell r="D4138" t="str">
            <v>田辺 常次郎</v>
          </cell>
          <cell r="E4138" t="str">
            <v>所長</v>
          </cell>
          <cell r="F4138" t="str">
            <v>060-0004</v>
          </cell>
          <cell r="G4138" t="str">
            <v>中央区北４西２ 北四条ビル７Ｆ</v>
          </cell>
          <cell r="H4138" t="str">
            <v>231-6025</v>
          </cell>
          <cell r="I4138" t="str">
            <v>231-6026</v>
          </cell>
        </row>
        <row r="4139">
          <cell r="A4139" t="str">
            <v>82401N</v>
          </cell>
          <cell r="B4139" t="str">
            <v>ｽﾐｾｷ･ｺﾝﾃｯｸ</v>
          </cell>
          <cell r="C4139" t="str">
            <v>スミセキ・コンテック（株）</v>
          </cell>
          <cell r="D4139" t="str">
            <v>廣川 和男</v>
          </cell>
          <cell r="E4139" t="str">
            <v>代表取締役社長</v>
          </cell>
          <cell r="F4139" t="str">
            <v>060-0031</v>
          </cell>
          <cell r="G4139" t="str">
            <v>中央区北１東２－５－６</v>
          </cell>
          <cell r="H4139" t="str">
            <v>271-3464</v>
          </cell>
          <cell r="I4139" t="str">
            <v>261-3724</v>
          </cell>
        </row>
        <row r="4140">
          <cell r="A4140" t="str">
            <v>82402Y</v>
          </cell>
          <cell r="B4140" t="str">
            <v>ｽｷﾞﾊﾗｹﾝｾﾂ</v>
          </cell>
          <cell r="C4140" t="str">
            <v>杉原建設（株）</v>
          </cell>
          <cell r="D4140" t="str">
            <v>川口 雄常</v>
          </cell>
          <cell r="E4140" t="str">
            <v>代表取締役</v>
          </cell>
          <cell r="F4140" t="str">
            <v>065-0043</v>
          </cell>
          <cell r="G4140" t="str">
            <v>東区苗穂町１０－２－１</v>
          </cell>
          <cell r="H4140" t="str">
            <v>731-0191</v>
          </cell>
          <cell r="I4140" t="str">
            <v>751-6018</v>
          </cell>
        </row>
        <row r="4141">
          <cell r="A4141" t="str">
            <v>82403W</v>
          </cell>
          <cell r="B4141" t="str">
            <v>ｽｽﾞｷｿﾞｳｴﾝ</v>
          </cell>
          <cell r="C4141" t="str">
            <v>鈴木造園（株）</v>
          </cell>
          <cell r="D4141" t="str">
            <v>蕪木 清文</v>
          </cell>
          <cell r="E4141" t="str">
            <v>代表取締役</v>
          </cell>
          <cell r="F4141" t="str">
            <v>061-1268</v>
          </cell>
          <cell r="G4141" t="str">
            <v>北広島市輪厚中央５－４－１０</v>
          </cell>
          <cell r="H4141" t="str">
            <v>376-2414</v>
          </cell>
          <cell r="I4141" t="str">
            <v>376-3440</v>
          </cell>
        </row>
        <row r="4142">
          <cell r="A4142" t="str">
            <v>82404T</v>
          </cell>
          <cell r="B4142" t="str">
            <v>ｽｷﾞﾑﾗｺｳｷﾞｮｳ</v>
          </cell>
          <cell r="C4142" t="str">
            <v>杉村工業（株）</v>
          </cell>
          <cell r="D4142" t="str">
            <v>杉村 幸一</v>
          </cell>
          <cell r="E4142" t="str">
            <v>代表取締役社長</v>
          </cell>
          <cell r="F4142" t="str">
            <v>003-0002</v>
          </cell>
          <cell r="G4142" t="str">
            <v>白石区東札幌２－３－５－５</v>
          </cell>
          <cell r="H4142" t="str">
            <v>811-0131</v>
          </cell>
          <cell r="I4142" t="str">
            <v>811-0375</v>
          </cell>
        </row>
        <row r="4143">
          <cell r="A4143" t="str">
            <v>82501X</v>
          </cell>
          <cell r="B4143" t="str">
            <v>ｽﾍﾟｰｽ･ﾃﾞｻﾞｲﾝｺｳｷﾞｮｳ</v>
          </cell>
          <cell r="C4143" t="str">
            <v>（株）スペース・デザイン工業</v>
          </cell>
          <cell r="D4143" t="str">
            <v>高橋 博明</v>
          </cell>
          <cell r="E4143" t="str">
            <v>代表取締役</v>
          </cell>
          <cell r="F4143" t="str">
            <v>006-0034</v>
          </cell>
          <cell r="G4143" t="str">
            <v>手稲区稲穂４－５－６－１２</v>
          </cell>
          <cell r="H4143" t="str">
            <v>684-1657</v>
          </cell>
          <cell r="I4143" t="str">
            <v>683-9247</v>
          </cell>
        </row>
        <row r="4144">
          <cell r="A4144" t="str">
            <v>82610W</v>
          </cell>
          <cell r="B4144" t="str">
            <v>ｾｲﾜｹﾝｾﾂ</v>
          </cell>
          <cell r="C4144" t="str">
            <v>清和建設（株）</v>
          </cell>
          <cell r="D4144" t="str">
            <v>齊藤 清</v>
          </cell>
          <cell r="E4144" t="str">
            <v>代表取締役</v>
          </cell>
          <cell r="F4144" t="str">
            <v>062-0934</v>
          </cell>
          <cell r="G4144" t="str">
            <v>豊平区平岸４－４－３－４</v>
          </cell>
          <cell r="H4144" t="str">
            <v>831-7415</v>
          </cell>
          <cell r="I4144" t="str">
            <v>831-7224</v>
          </cell>
        </row>
        <row r="4145">
          <cell r="A4145" t="str">
            <v>82801P</v>
          </cell>
          <cell r="B4145" t="str">
            <v>ｿｳﾎｳﾃﾞﾝｷ</v>
          </cell>
          <cell r="C4145" t="str">
            <v>双豊電気（株）</v>
          </cell>
          <cell r="D4145" t="str">
            <v>尾池 一仁</v>
          </cell>
          <cell r="E4145" t="str">
            <v>代表取締役</v>
          </cell>
          <cell r="F4145" t="str">
            <v>064-0822</v>
          </cell>
          <cell r="G4145" t="str">
            <v>中央区北２西２６－１－１６</v>
          </cell>
          <cell r="H4145" t="str">
            <v>641-1233</v>
          </cell>
          <cell r="I4145" t="str">
            <v>642-7940</v>
          </cell>
        </row>
        <row r="4146">
          <cell r="A4146" t="str">
            <v>83002V</v>
          </cell>
          <cell r="B4146" t="str">
            <v>ﾀﾞｲｲﾁｺｳｷﾞｮｳ</v>
          </cell>
          <cell r="C4146" t="str">
            <v>大一興業（株）</v>
          </cell>
          <cell r="D4146" t="str">
            <v>畠山 實</v>
          </cell>
          <cell r="E4146" t="str">
            <v>代表取締役</v>
          </cell>
          <cell r="F4146" t="str">
            <v>062-0035</v>
          </cell>
          <cell r="G4146" t="str">
            <v>豊平区西岡５－２－１０－１５</v>
          </cell>
          <cell r="H4146" t="str">
            <v>851-1677</v>
          </cell>
          <cell r="I4146" t="str">
            <v>852-0186</v>
          </cell>
        </row>
        <row r="4147">
          <cell r="A4147" t="str">
            <v>83011W</v>
          </cell>
          <cell r="B4147" t="str">
            <v>ﾀﾞｲｲﾁﾃﾞﾝｷｺｳｷﾞｮｳ</v>
          </cell>
          <cell r="C4147" t="str">
            <v>第一電気工業（株）</v>
          </cell>
          <cell r="D4147" t="str">
            <v>内海 みどり</v>
          </cell>
          <cell r="E4147" t="str">
            <v>代表取締役</v>
          </cell>
          <cell r="F4147" t="str">
            <v>064-0805</v>
          </cell>
          <cell r="G4147" t="str">
            <v>中央区南５西１４－３－２０</v>
          </cell>
          <cell r="H4147" t="str">
            <v>561-8585</v>
          </cell>
          <cell r="I4147" t="str">
            <v>561-4450</v>
          </cell>
        </row>
        <row r="4148">
          <cell r="A4148" t="str">
            <v>83013R</v>
          </cell>
          <cell r="B4148" t="str">
            <v>ﾀﾞｲﾔﾚｲﾀﾞﾝｺｳｷﾞｮｳ</v>
          </cell>
          <cell r="C4148" t="str">
            <v>ダイヤ冷暖工業（株）</v>
          </cell>
          <cell r="D4148" t="str">
            <v>岡村 敏之</v>
          </cell>
          <cell r="E4148" t="str">
            <v>代表取締役社長</v>
          </cell>
          <cell r="F4148" t="str">
            <v>005-0003</v>
          </cell>
          <cell r="G4148" t="str">
            <v>南区澄川３－１－９－２８</v>
          </cell>
          <cell r="H4148" t="str">
            <v>823-0001</v>
          </cell>
          <cell r="I4148" t="str">
            <v>823-0008</v>
          </cell>
        </row>
        <row r="4149">
          <cell r="A4149" t="str">
            <v>83014N</v>
          </cell>
          <cell r="B4149" t="str">
            <v>ﾀﾞﾝﾃｯｸ</v>
          </cell>
          <cell r="C4149" t="str">
            <v>（株）ダンテック</v>
          </cell>
          <cell r="D4149" t="str">
            <v>伊藤 潔</v>
          </cell>
          <cell r="E4149" t="str">
            <v>代表取締役</v>
          </cell>
          <cell r="F4149" t="str">
            <v>065-0019</v>
          </cell>
          <cell r="G4149" t="str">
            <v>東区北１９東７－３－２５</v>
          </cell>
          <cell r="H4149" t="str">
            <v>742-5582</v>
          </cell>
          <cell r="I4149" t="str">
            <v>702-7919</v>
          </cell>
        </row>
        <row r="4150">
          <cell r="A4150" t="str">
            <v>83105W</v>
          </cell>
          <cell r="B4150" t="str">
            <v>ﾀﾞｲﾔｺﾝｻﾙﾀﾝﾄ</v>
          </cell>
          <cell r="C4150" t="str">
            <v>（株）ダイヤコンサルタント北海道支社</v>
          </cell>
          <cell r="D4150" t="str">
            <v>長谷川 達也</v>
          </cell>
          <cell r="E4150" t="str">
            <v>支社長</v>
          </cell>
          <cell r="F4150" t="str">
            <v>001-0010</v>
          </cell>
          <cell r="G4150" t="str">
            <v>北区北１０西２－１３－２</v>
          </cell>
          <cell r="H4150" t="str">
            <v>729-2701</v>
          </cell>
          <cell r="I4150" t="str">
            <v>729-2687</v>
          </cell>
        </row>
        <row r="4151">
          <cell r="A4151" t="str">
            <v>83201S</v>
          </cell>
          <cell r="B4151" t="str">
            <v>ﾁｭｳｵｳｴﾚﾍﾞｰﾀｰｺｳｷﾞｮｳ</v>
          </cell>
          <cell r="C4151" t="str">
            <v>中央エレベーター工業（株）札幌支店</v>
          </cell>
          <cell r="D4151" t="str">
            <v>古賀 陽一</v>
          </cell>
          <cell r="E4151" t="str">
            <v>支店長</v>
          </cell>
          <cell r="F4151" t="str">
            <v>007-0840</v>
          </cell>
          <cell r="G4151" t="str">
            <v>東区北４０東４－３－１５</v>
          </cell>
          <cell r="H4151" t="str">
            <v>752-1911</v>
          </cell>
          <cell r="I4151" t="str">
            <v>752-1913</v>
          </cell>
        </row>
        <row r="4152">
          <cell r="A4152" t="str">
            <v>83809S</v>
          </cell>
          <cell r="B4152" t="str">
            <v>ﾄﾞｳﾃﾞﾝｺｳｼﾞ</v>
          </cell>
          <cell r="C4152" t="str">
            <v>道電工事（株）</v>
          </cell>
          <cell r="D4152" t="str">
            <v>千葉 健一</v>
          </cell>
          <cell r="E4152" t="str">
            <v>代表取締役</v>
          </cell>
          <cell r="F4152" t="str">
            <v>063-0826</v>
          </cell>
          <cell r="G4152" t="str">
            <v>西区発寒６－８－１－２１</v>
          </cell>
          <cell r="H4152" t="str">
            <v>661-2293</v>
          </cell>
          <cell r="I4152" t="str">
            <v>661-2641</v>
          </cell>
        </row>
        <row r="4153">
          <cell r="A4153" t="str">
            <v>83822W</v>
          </cell>
          <cell r="B4153" t="str">
            <v>ﾄｳﾖｳｾｲｻｸｼｮ</v>
          </cell>
          <cell r="C4153" t="str">
            <v>（株）東洋製作所北海道支店</v>
          </cell>
          <cell r="D4153" t="str">
            <v>小澤 進</v>
          </cell>
          <cell r="E4153" t="str">
            <v>支店長</v>
          </cell>
          <cell r="F4153" t="str">
            <v>003-0004</v>
          </cell>
          <cell r="G4153" t="str">
            <v>白石区東札幌４－５－３－１２</v>
          </cell>
          <cell r="H4153" t="str">
            <v>822-3615</v>
          </cell>
          <cell r="I4153" t="str">
            <v>822-3731</v>
          </cell>
        </row>
        <row r="4154">
          <cell r="A4154" t="str">
            <v>83826X</v>
          </cell>
          <cell r="B4154" t="str">
            <v>ﾄｳﾜｾﾂﾋﾞｺｳｷﾞｮｳ</v>
          </cell>
          <cell r="C4154" t="str">
            <v>東和設備工業（株）</v>
          </cell>
          <cell r="D4154" t="str">
            <v>大和 悟</v>
          </cell>
          <cell r="E4154" t="str">
            <v>代表取締役</v>
          </cell>
          <cell r="F4154" t="str">
            <v>001-0024</v>
          </cell>
          <cell r="G4154" t="str">
            <v>北区北２４西１５－８２３－３１</v>
          </cell>
          <cell r="H4154" t="str">
            <v>756-0982</v>
          </cell>
          <cell r="I4154" t="str">
            <v>717-6765</v>
          </cell>
        </row>
        <row r="4155">
          <cell r="A4155" t="str">
            <v>84003R</v>
          </cell>
          <cell r="B4155" t="str">
            <v>ﾅｶﾑﾗﾃﾞﾝｷｼｮｳｶｲ</v>
          </cell>
          <cell r="C4155" t="str">
            <v>（株）中村電気商会</v>
          </cell>
          <cell r="D4155" t="str">
            <v>中村 勝彦</v>
          </cell>
          <cell r="E4155" t="str">
            <v>代表取締役</v>
          </cell>
          <cell r="F4155" t="str">
            <v>005-0001</v>
          </cell>
          <cell r="G4155" t="str">
            <v>南区澄川１－４－８－５</v>
          </cell>
          <cell r="H4155" t="str">
            <v>822-3091</v>
          </cell>
          <cell r="I4155" t="str">
            <v>842-0760</v>
          </cell>
        </row>
        <row r="4156">
          <cell r="A4156" t="str">
            <v>84007S</v>
          </cell>
          <cell r="B4156" t="str">
            <v>ﾅｶｶﾞﾜｾﾂﾋﾞ</v>
          </cell>
          <cell r="C4156" t="str">
            <v>（株）中川設備</v>
          </cell>
          <cell r="D4156" t="str">
            <v>富所 孝浩</v>
          </cell>
          <cell r="E4156" t="str">
            <v>代表取締役</v>
          </cell>
          <cell r="F4156" t="str">
            <v>004-0873</v>
          </cell>
          <cell r="G4156" t="str">
            <v>清田区平岡３－３－３０－７</v>
          </cell>
          <cell r="H4156" t="str">
            <v>881-1355</v>
          </cell>
          <cell r="I4156" t="str">
            <v>881-1698</v>
          </cell>
        </row>
        <row r="4157">
          <cell r="A4157" t="str">
            <v>84008P</v>
          </cell>
          <cell r="B4157" t="str">
            <v>ﾅｶｼﾞｮｳｹﾝｾﾂｺｳｷﾞｮｳ</v>
          </cell>
          <cell r="C4157" t="str">
            <v>中定建設工業（株）</v>
          </cell>
          <cell r="D4157" t="str">
            <v>中西 博</v>
          </cell>
          <cell r="E4157" t="str">
            <v>代表取締役</v>
          </cell>
          <cell r="F4157" t="str">
            <v>061-2302</v>
          </cell>
          <cell r="G4157" t="str">
            <v>南区定山渓温泉東１－５４</v>
          </cell>
          <cell r="H4157" t="str">
            <v>598-2181</v>
          </cell>
          <cell r="I4157" t="str">
            <v>598-3512</v>
          </cell>
        </row>
        <row r="4158">
          <cell r="A4158" t="str">
            <v>84016T</v>
          </cell>
          <cell r="B4158" t="str">
            <v>ﾅｶｻﾞﾜｾﾂﾋﾞｺｳｷﾞｮｳ</v>
          </cell>
          <cell r="C4158" t="str">
            <v>（株）中澤設備工業</v>
          </cell>
          <cell r="D4158" t="str">
            <v>中澤 元</v>
          </cell>
          <cell r="E4158" t="str">
            <v>代表取締役</v>
          </cell>
          <cell r="F4158" t="str">
            <v>007-0845</v>
          </cell>
          <cell r="G4158" t="str">
            <v>東区北４５東６－２－８</v>
          </cell>
          <cell r="H4158" t="str">
            <v>731-9244</v>
          </cell>
          <cell r="I4158" t="str">
            <v>742-2752</v>
          </cell>
        </row>
        <row r="4159">
          <cell r="A4159" t="str">
            <v>84203Y</v>
          </cell>
          <cell r="B4159" t="str">
            <v>ﾆｯｼﾝｹﾝｾﾂ</v>
          </cell>
          <cell r="C4159" t="str">
            <v>（株）日伸建設</v>
          </cell>
          <cell r="D4159" t="str">
            <v>松本 健</v>
          </cell>
          <cell r="E4159" t="str">
            <v>代表取締役</v>
          </cell>
          <cell r="F4159" t="str">
            <v>062-0004</v>
          </cell>
          <cell r="G4159" t="str">
            <v>豊平区美園４－２－２－３１</v>
          </cell>
          <cell r="H4159" t="str">
            <v>820-6730</v>
          </cell>
          <cell r="I4159" t="str">
            <v>820-6740</v>
          </cell>
        </row>
        <row r="4160">
          <cell r="A4160" t="str">
            <v>84204W</v>
          </cell>
          <cell r="B4160" t="str">
            <v>ﾆｼｶﾜﾊｲｶﾝｺｳｷﾞｮｳｼｮ</v>
          </cell>
          <cell r="C4160" t="str">
            <v>（株）西川配管工業所</v>
          </cell>
          <cell r="D4160" t="str">
            <v>西川 栄四郎</v>
          </cell>
          <cell r="E4160" t="str">
            <v>代表取締役</v>
          </cell>
          <cell r="F4160" t="str">
            <v>003-0021</v>
          </cell>
          <cell r="G4160" t="str">
            <v>白石区栄通３－１－３３</v>
          </cell>
          <cell r="H4160" t="str">
            <v>852-1101</v>
          </cell>
          <cell r="I4160" t="str">
            <v>852-1106</v>
          </cell>
        </row>
        <row r="4161">
          <cell r="A4161" t="str">
            <v>84208X</v>
          </cell>
          <cell r="B4161" t="str">
            <v>ﾆｯｼﾝﾂｳｺｳ</v>
          </cell>
          <cell r="C4161" t="str">
            <v>（株）日進通工</v>
          </cell>
          <cell r="D4161" t="str">
            <v>五十嵐 秀也</v>
          </cell>
          <cell r="E4161" t="str">
            <v>代表取締役</v>
          </cell>
          <cell r="F4161" t="str">
            <v>007-0865</v>
          </cell>
          <cell r="G4161" t="str">
            <v>東区伏古５－５－４－１５</v>
          </cell>
          <cell r="H4161" t="str">
            <v>783-9851</v>
          </cell>
          <cell r="I4161" t="str">
            <v>783-9853</v>
          </cell>
        </row>
        <row r="4162">
          <cell r="A4162" t="str">
            <v>84211P</v>
          </cell>
          <cell r="B4162" t="str">
            <v>ﾆｼﾊﾗｶﾝｷｮｳﾃｸﾉﾛｼﾞｰ</v>
          </cell>
          <cell r="C4162" t="str">
            <v>（株）西原環境テクノロジー北海道支店</v>
          </cell>
          <cell r="D4162" t="str">
            <v>滝沢 公陽</v>
          </cell>
          <cell r="E4162" t="str">
            <v>支店長</v>
          </cell>
          <cell r="F4162" t="str">
            <v>060-0003</v>
          </cell>
          <cell r="G4162" t="str">
            <v>中央区北３西２－１０－２</v>
          </cell>
          <cell r="H4162" t="str">
            <v>281-2785</v>
          </cell>
          <cell r="I4162" t="str">
            <v>222-0210</v>
          </cell>
        </row>
        <row r="4163">
          <cell r="A4163" t="str">
            <v>84216N</v>
          </cell>
          <cell r="B4163" t="str">
            <v>ﾆｯﾄﾒﾝﾃﾅﾝｽ</v>
          </cell>
          <cell r="C4163" t="str">
            <v>（株）ニットメンテナンス</v>
          </cell>
          <cell r="D4163" t="str">
            <v>平野 義廣</v>
          </cell>
          <cell r="E4163" t="str">
            <v>代表取締役</v>
          </cell>
          <cell r="F4163" t="str">
            <v>003-0023</v>
          </cell>
          <cell r="G4163" t="str">
            <v>白石区南郷通４北４－２０</v>
          </cell>
          <cell r="H4163" t="str">
            <v>863-6870</v>
          </cell>
          <cell r="I4163" t="str">
            <v>863-8867</v>
          </cell>
        </row>
        <row r="4164">
          <cell r="A4164" t="str">
            <v>84221N</v>
          </cell>
          <cell r="B4164" t="str">
            <v>ｼﾝﾄﾞﾗｰｴﾚﾍﾞｰﾀ</v>
          </cell>
          <cell r="C4164" t="str">
            <v>シンドラーエレベータ（株）札幌支社</v>
          </cell>
          <cell r="D4164" t="str">
            <v>松本 一宏</v>
          </cell>
          <cell r="E4164" t="str">
            <v>支社長</v>
          </cell>
          <cell r="F4164" t="str">
            <v>060-0001</v>
          </cell>
          <cell r="G4164" t="str">
            <v>中央区北１西７－３ おおわだビル３Ｆ</v>
          </cell>
          <cell r="H4164" t="str">
            <v>251-6046</v>
          </cell>
          <cell r="I4164" t="str">
            <v>251-6915</v>
          </cell>
        </row>
        <row r="4165">
          <cell r="A4165" t="str">
            <v>84225P</v>
          </cell>
          <cell r="B4165" t="str">
            <v>ﾆｯｼﾝｶｾｲ</v>
          </cell>
          <cell r="C4165" t="str">
            <v>日進化成（株）札幌営業所</v>
          </cell>
          <cell r="D4165" t="str">
            <v>山谷 満雄</v>
          </cell>
          <cell r="E4165" t="str">
            <v>所長</v>
          </cell>
          <cell r="F4165" t="str">
            <v>065-0028</v>
          </cell>
          <cell r="G4165" t="str">
            <v>東区北２８東１８－５－１５</v>
          </cell>
          <cell r="H4165" t="str">
            <v>780-4031</v>
          </cell>
          <cell r="I4165" t="str">
            <v>780-4032</v>
          </cell>
        </row>
        <row r="4166">
          <cell r="A4166" t="str">
            <v>84228V</v>
          </cell>
          <cell r="B4166" t="str">
            <v>ﾆﾁﾄﾞｳﾃﾞﾝｹﾝ</v>
          </cell>
          <cell r="C4166" t="str">
            <v>日道電建（株）</v>
          </cell>
          <cell r="D4166" t="str">
            <v>山下 直</v>
          </cell>
          <cell r="E4166" t="str">
            <v>代表取締役</v>
          </cell>
          <cell r="F4166" t="str">
            <v>001-0922</v>
          </cell>
          <cell r="G4166" t="str">
            <v>北区新川２－１０－１－２２</v>
          </cell>
          <cell r="H4166" t="str">
            <v>763-8901</v>
          </cell>
          <cell r="I4166" t="str">
            <v>763-8790</v>
          </cell>
        </row>
        <row r="4167">
          <cell r="A4167" t="str">
            <v>84302Y</v>
          </cell>
          <cell r="B4167" t="str">
            <v>ﾆﾎﾝﾃﾞｰﾀｰｻｰﾋﾞｽ</v>
          </cell>
          <cell r="C4167" t="str">
            <v>日本データーサービス（株）</v>
          </cell>
          <cell r="D4167" t="str">
            <v>渡辺 崇彦</v>
          </cell>
          <cell r="E4167" t="str">
            <v>代表取締役</v>
          </cell>
          <cell r="F4167" t="str">
            <v>065-0016</v>
          </cell>
          <cell r="G4167" t="str">
            <v>東区北１６東１９－１－１４</v>
          </cell>
          <cell r="H4167" t="str">
            <v>780-1111</v>
          </cell>
          <cell r="I4167" t="str">
            <v>780-1123</v>
          </cell>
        </row>
        <row r="4168">
          <cell r="A4168" t="str">
            <v>84307X</v>
          </cell>
          <cell r="B4168" t="str">
            <v>ﾆｯｽｲｺﾝ</v>
          </cell>
          <cell r="C4168" t="str">
            <v>（株）日水コン北海道支所</v>
          </cell>
          <cell r="D4168" t="str">
            <v>井ノ崎 孝義</v>
          </cell>
          <cell r="E4168" t="str">
            <v>支所長</v>
          </cell>
          <cell r="F4168" t="str">
            <v>060-0003</v>
          </cell>
          <cell r="G4168" t="str">
            <v>中央区北３西１－１</v>
          </cell>
          <cell r="H4168" t="str">
            <v>281-2408</v>
          </cell>
          <cell r="I4168" t="str">
            <v>281-2410</v>
          </cell>
        </row>
        <row r="4169">
          <cell r="A4169" t="str">
            <v>84310P</v>
          </cell>
          <cell r="B4169" t="str">
            <v>ﾆｯｹﾝｼｬ</v>
          </cell>
          <cell r="C4169" t="str">
            <v>（株）日建社</v>
          </cell>
          <cell r="D4169" t="str">
            <v>田村 邦夫</v>
          </cell>
          <cell r="E4169" t="str">
            <v>代表取締役</v>
          </cell>
          <cell r="F4169" t="str">
            <v>060-0061</v>
          </cell>
          <cell r="G4169" t="str">
            <v>中央区南１西８－４－１</v>
          </cell>
          <cell r="H4169" t="str">
            <v>271-2585</v>
          </cell>
          <cell r="I4169" t="str">
            <v>261-6208</v>
          </cell>
        </row>
        <row r="4170">
          <cell r="A4170" t="str">
            <v>85001V</v>
          </cell>
          <cell r="B4170" t="str">
            <v>ﾊﾅｲｸﾞﾐ</v>
          </cell>
          <cell r="C4170" t="str">
            <v>（株）花井組</v>
          </cell>
          <cell r="D4170" t="str">
            <v>花井 俊文</v>
          </cell>
          <cell r="E4170" t="str">
            <v>代表取締役</v>
          </cell>
          <cell r="F4170" t="str">
            <v>063-0038</v>
          </cell>
          <cell r="G4170" t="str">
            <v>西区西野８－５－７－１６</v>
          </cell>
          <cell r="H4170" t="str">
            <v>662-2326</v>
          </cell>
          <cell r="I4170" t="str">
            <v>662-2342</v>
          </cell>
        </row>
        <row r="4171">
          <cell r="A4171" t="str">
            <v>85005W</v>
          </cell>
          <cell r="B4171" t="str">
            <v>ﾊｼﾓﾄﾃﾞﾝｷｺｳｼﾞ</v>
          </cell>
          <cell r="C4171" t="str">
            <v>橋本電気工事（株）</v>
          </cell>
          <cell r="D4171" t="str">
            <v>橋本 耕二</v>
          </cell>
          <cell r="E4171" t="str">
            <v>代表取締役</v>
          </cell>
          <cell r="F4171" t="str">
            <v>065-0019</v>
          </cell>
          <cell r="G4171" t="str">
            <v>東区北１９東１０－３－７</v>
          </cell>
          <cell r="H4171" t="str">
            <v>741-2331</v>
          </cell>
          <cell r="I4171" t="str">
            <v>742-5530</v>
          </cell>
        </row>
        <row r="4172">
          <cell r="A4172" t="str">
            <v>85008N</v>
          </cell>
          <cell r="B4172" t="str">
            <v>ﾊﾟｲﾌﾟｷﾞｹﾝｺｳｷﾞｮｳ</v>
          </cell>
          <cell r="C4172" t="str">
            <v>パイプ技研工業（株）</v>
          </cell>
          <cell r="D4172" t="str">
            <v>岩崎 暢</v>
          </cell>
          <cell r="E4172" t="str">
            <v>代表取締役</v>
          </cell>
          <cell r="F4172" t="str">
            <v>002-0852</v>
          </cell>
          <cell r="G4172" t="str">
            <v>北区屯田２－１－７－４５</v>
          </cell>
          <cell r="H4172" t="str">
            <v>772-0003</v>
          </cell>
          <cell r="I4172" t="str">
            <v>772-6734</v>
          </cell>
        </row>
        <row r="4173">
          <cell r="A4173" t="str">
            <v>85009Y</v>
          </cell>
          <cell r="B4173" t="str">
            <v>ﾊｺﾀﾞﾃﾄﾞｯｸ</v>
          </cell>
          <cell r="C4173" t="str">
            <v>函館どつく（株）札幌支社</v>
          </cell>
          <cell r="D4173" t="str">
            <v>作間 盛秀</v>
          </cell>
          <cell r="E4173" t="str">
            <v>理事支社長</v>
          </cell>
          <cell r="F4173" t="str">
            <v>060-0002</v>
          </cell>
          <cell r="G4173" t="str">
            <v>中央区北２西４ 三井ビル１１階</v>
          </cell>
          <cell r="H4173" t="str">
            <v>241-0211</v>
          </cell>
          <cell r="I4173" t="str">
            <v>231-5084</v>
          </cell>
        </row>
        <row r="4174">
          <cell r="A4174" t="str">
            <v>85101S</v>
          </cell>
          <cell r="B4174" t="str">
            <v>ﾊﾟｼﾌｨｯｸｺﾝｻﾙﾀﾝﾂ</v>
          </cell>
          <cell r="C4174" t="str">
            <v>パシフィックコンサルタンツ（株）北海道支社</v>
          </cell>
          <cell r="D4174" t="str">
            <v>柴田 邦夫</v>
          </cell>
          <cell r="E4174" t="str">
            <v>支社長</v>
          </cell>
          <cell r="F4174" t="str">
            <v>060-0807</v>
          </cell>
          <cell r="G4174" t="str">
            <v>北区北７西１－２－６ ＮＳＳ・ﾆｭｰｽﾃｰｼﾞ札幌</v>
          </cell>
          <cell r="H4174" t="str">
            <v>700-5222</v>
          </cell>
          <cell r="I4174" t="str">
            <v>700-5220</v>
          </cell>
        </row>
        <row r="4175">
          <cell r="A4175" t="str">
            <v>85408R</v>
          </cell>
          <cell r="B4175" t="str">
            <v>ﾌﾙｶﾜﾃﾞﾝｷｺｳｷﾞｮｳ</v>
          </cell>
          <cell r="C4175" t="str">
            <v>古河電気工業（株）北海道支社</v>
          </cell>
          <cell r="D4175" t="str">
            <v>足立 正行</v>
          </cell>
          <cell r="E4175" t="str">
            <v>支社長</v>
          </cell>
          <cell r="F4175" t="str">
            <v>060-0061</v>
          </cell>
          <cell r="G4175" t="str">
            <v>中央区南１西２－５ 南一条Ｋビル</v>
          </cell>
          <cell r="H4175" t="str">
            <v>251-7161</v>
          </cell>
          <cell r="I4175" t="str">
            <v>231-2927</v>
          </cell>
        </row>
        <row r="4176">
          <cell r="A4176" t="str">
            <v>85410Y</v>
          </cell>
          <cell r="B4176" t="str">
            <v>ﾌｼﾞｵﾝｷｮｳ</v>
          </cell>
          <cell r="C4176" t="str">
            <v>不二音響（株）札幌営業所</v>
          </cell>
          <cell r="D4176" t="str">
            <v>江川 弘毅</v>
          </cell>
          <cell r="E4176" t="str">
            <v>所長</v>
          </cell>
          <cell r="F4176" t="str">
            <v>062-0933</v>
          </cell>
          <cell r="G4176" t="str">
            <v>豊平区平岸３－９－４－１</v>
          </cell>
          <cell r="H4176" t="str">
            <v>842-6037</v>
          </cell>
          <cell r="I4176" t="str">
            <v>842-6038</v>
          </cell>
        </row>
        <row r="4177">
          <cell r="A4177" t="str">
            <v>85501T</v>
          </cell>
          <cell r="B4177" t="str">
            <v>ﾌｷﾀｿｸﾘｮｳｾｯｹｲ</v>
          </cell>
          <cell r="C4177" t="str">
            <v>フキタ測量設計（株）</v>
          </cell>
          <cell r="D4177" t="str">
            <v>吹田 侍一</v>
          </cell>
          <cell r="E4177" t="str">
            <v>代表取締役</v>
          </cell>
          <cell r="F4177" t="str">
            <v>063-0052</v>
          </cell>
          <cell r="G4177" t="str">
            <v>西区宮の沢２－５－３－１０</v>
          </cell>
          <cell r="H4177" t="str">
            <v>661-3533</v>
          </cell>
          <cell r="I4177" t="str">
            <v>663-5305</v>
          </cell>
        </row>
        <row r="4178">
          <cell r="A4178" t="str">
            <v>85805Z</v>
          </cell>
          <cell r="B4178" t="str">
            <v>ｻﾝﾛｰﾄﾞｹﾝｾﾂｺｳｷﾞｮｳ</v>
          </cell>
          <cell r="C4178" t="str">
            <v>サンロード建設工業（株）</v>
          </cell>
          <cell r="D4178" t="str">
            <v>堀合 義人</v>
          </cell>
          <cell r="E4178" t="str">
            <v>代表取締役</v>
          </cell>
          <cell r="F4178" t="str">
            <v>005-0004</v>
          </cell>
          <cell r="G4178" t="str">
            <v>南区澄川４－３－５－２２</v>
          </cell>
          <cell r="H4178" t="str">
            <v>582-4821</v>
          </cell>
          <cell r="I4178" t="str">
            <v>582-0835</v>
          </cell>
        </row>
        <row r="4179">
          <cell r="A4179" t="str">
            <v>85807V</v>
          </cell>
          <cell r="B4179" t="str">
            <v>ﾎｸﾂｹﾝｾﾂ</v>
          </cell>
          <cell r="C4179" t="str">
            <v>北津建設（株）</v>
          </cell>
          <cell r="D4179" t="str">
            <v>佐々木 忠義</v>
          </cell>
          <cell r="E4179" t="str">
            <v>代表取締役</v>
          </cell>
          <cell r="F4179" t="str">
            <v>064-0822</v>
          </cell>
          <cell r="G4179" t="str">
            <v>中央区北２西２０－１－１０</v>
          </cell>
          <cell r="H4179" t="str">
            <v>611-6391</v>
          </cell>
          <cell r="I4179" t="str">
            <v>644-0864</v>
          </cell>
        </row>
        <row r="4180">
          <cell r="A4180" t="str">
            <v>85817T</v>
          </cell>
          <cell r="B4180" t="str">
            <v>ﾎｿﾀﾞｿﾞｳｴﾝ</v>
          </cell>
          <cell r="C4180" t="str">
            <v>（株）細田造園</v>
          </cell>
          <cell r="D4180" t="str">
            <v>細田 誠一</v>
          </cell>
          <cell r="E4180" t="str">
            <v>代表取締役</v>
          </cell>
          <cell r="F4180" t="str">
            <v>005-0841</v>
          </cell>
          <cell r="G4180" t="str">
            <v>南区石山１－７－１－１４</v>
          </cell>
          <cell r="H4180" t="str">
            <v>591-3041</v>
          </cell>
          <cell r="I4180" t="str">
            <v>592-0567</v>
          </cell>
        </row>
        <row r="4181">
          <cell r="A4181" t="str">
            <v>85819N</v>
          </cell>
          <cell r="B4181" t="str">
            <v>ﾎｯｺｳｶｺｳｷ</v>
          </cell>
          <cell r="C4181" t="str">
            <v>北興化工機（株）</v>
          </cell>
          <cell r="D4181" t="str">
            <v>近藤 英夫</v>
          </cell>
          <cell r="E4181" t="str">
            <v>代表取締役</v>
          </cell>
          <cell r="F4181" t="str">
            <v>063-0832</v>
          </cell>
          <cell r="G4181" t="str">
            <v>西区発寒１２－１２－１－２０</v>
          </cell>
          <cell r="H4181" t="str">
            <v>661-5271</v>
          </cell>
          <cell r="I4181" t="str">
            <v>665-1641</v>
          </cell>
        </row>
        <row r="4182">
          <cell r="A4182" t="str">
            <v>85825X</v>
          </cell>
          <cell r="B4182" t="str">
            <v>ﾎｰﾁｷ</v>
          </cell>
          <cell r="C4182" t="str">
            <v>ホーチキ（株）北海道支社</v>
          </cell>
          <cell r="D4182" t="str">
            <v>高橋 憲夫</v>
          </cell>
          <cell r="E4182" t="str">
            <v>支社長</v>
          </cell>
          <cell r="F4182" t="str">
            <v>060-0002</v>
          </cell>
          <cell r="G4182" t="str">
            <v>中央区北２西１－１ マルイト札幌ビル５Ｆ</v>
          </cell>
          <cell r="H4182" t="str">
            <v>241-3331</v>
          </cell>
          <cell r="I4182" t="str">
            <v>241-8863</v>
          </cell>
        </row>
        <row r="4183">
          <cell r="A4183" t="str">
            <v>85826V</v>
          </cell>
          <cell r="B4183" t="str">
            <v>ﾎｰﾑﾃｯｸ</v>
          </cell>
          <cell r="C4183" t="str">
            <v>ホームテック（株）</v>
          </cell>
          <cell r="D4183" t="str">
            <v>石川 寛晃</v>
          </cell>
          <cell r="E4183" t="str">
            <v>代表取締役</v>
          </cell>
          <cell r="F4183" t="str">
            <v>065-0021</v>
          </cell>
          <cell r="G4183" t="str">
            <v>東区北２１東１３－１－１３</v>
          </cell>
          <cell r="H4183" t="str">
            <v>750-5353</v>
          </cell>
          <cell r="I4183" t="str">
            <v>751-1212</v>
          </cell>
        </row>
        <row r="4184">
          <cell r="A4184" t="str">
            <v>85828P</v>
          </cell>
          <cell r="B4184" t="str">
            <v>ﾎｯｶｲﾄﾞｳﾃﾞﾝｷｷﾞｼﾞｭﾂｻｰﾋﾞｽ</v>
          </cell>
          <cell r="C4184" t="str">
            <v>北海道電気技術サービス（株）</v>
          </cell>
          <cell r="D4184" t="str">
            <v>橋本 誠司</v>
          </cell>
          <cell r="E4184" t="str">
            <v>代表取締役</v>
          </cell>
          <cell r="F4184" t="str">
            <v>069-0215</v>
          </cell>
          <cell r="G4184" t="str">
            <v>空知郡南幌町南１５線西２３</v>
          </cell>
          <cell r="H4184" t="str">
            <v>378-1111</v>
          </cell>
          <cell r="I4184" t="str">
            <v>378-1116</v>
          </cell>
        </row>
        <row r="4185">
          <cell r="A4185" t="str">
            <v>85829Z</v>
          </cell>
          <cell r="B4185" t="str">
            <v>ﾎｯｶｲｿｳｺﾞｳｷﾃﾞﾝｾﾂﾋﾞ</v>
          </cell>
          <cell r="C4185" t="str">
            <v>北海綜合機電設備（株）</v>
          </cell>
          <cell r="D4185" t="str">
            <v>指川 裕</v>
          </cell>
          <cell r="E4185" t="str">
            <v>代表取締役</v>
          </cell>
          <cell r="F4185" t="str">
            <v>001-0010</v>
          </cell>
          <cell r="G4185" t="str">
            <v>北区北１０西４</v>
          </cell>
          <cell r="H4185" t="str">
            <v>746-6656</v>
          </cell>
          <cell r="I4185" t="str">
            <v>746-6657</v>
          </cell>
        </row>
        <row r="4186">
          <cell r="A4186" t="str">
            <v>85832S</v>
          </cell>
          <cell r="B4186" t="str">
            <v>ﾎｯｶｲﾄﾞｳﾈﾂｷｮｳｷｭｳﾒﾝﾃﾅﾝｽ</v>
          </cell>
          <cell r="C4186" t="str">
            <v>北海道熱供給メンテナンス（株）</v>
          </cell>
          <cell r="D4186" t="str">
            <v>福田 太門</v>
          </cell>
          <cell r="E4186" t="str">
            <v>代表取締役社長</v>
          </cell>
          <cell r="F4186" t="str">
            <v>060-0907</v>
          </cell>
          <cell r="G4186" t="str">
            <v>東区北７東３－２８－３２</v>
          </cell>
          <cell r="H4186" t="str">
            <v>721-6667</v>
          </cell>
          <cell r="I4186" t="str">
            <v>712-4667</v>
          </cell>
        </row>
        <row r="4187">
          <cell r="A4187" t="str">
            <v>85834Z</v>
          </cell>
          <cell r="B4187" t="str">
            <v>ﾎｯｶｲﾘｮｯｶｺｳｷﾞｮｳ</v>
          </cell>
          <cell r="C4187" t="str">
            <v>北海緑化興業（株）</v>
          </cell>
          <cell r="D4187" t="str">
            <v>生方 美光</v>
          </cell>
          <cell r="E4187" t="str">
            <v>代表取締役</v>
          </cell>
          <cell r="F4187" t="str">
            <v>004-0866</v>
          </cell>
          <cell r="G4187" t="str">
            <v>清田区北野６－１－６－２</v>
          </cell>
          <cell r="H4187" t="str">
            <v>881-9466</v>
          </cell>
          <cell r="I4187" t="str">
            <v>881-9469</v>
          </cell>
        </row>
        <row r="4188">
          <cell r="A4188" t="str">
            <v>85836T</v>
          </cell>
          <cell r="B4188" t="str">
            <v>ﾎｯｶｲﾄﾞｳﾊﾟｲﾌﾟﾗｲﾝｺｳｷﾞｮｳ</v>
          </cell>
          <cell r="C4188" t="str">
            <v>北海道パイプライン工業（株）</v>
          </cell>
          <cell r="D4188" t="str">
            <v>辻 幹男</v>
          </cell>
          <cell r="E4188" t="str">
            <v>代表取締役</v>
          </cell>
          <cell r="F4188" t="str">
            <v>007-0871</v>
          </cell>
          <cell r="G4188" t="str">
            <v>東区伏古１１－３－５－１５</v>
          </cell>
          <cell r="H4188" t="str">
            <v>780-5553</v>
          </cell>
          <cell r="I4188" t="str">
            <v>378-1072</v>
          </cell>
        </row>
        <row r="4189">
          <cell r="A4189" t="str">
            <v>85845V</v>
          </cell>
          <cell r="B4189" t="str">
            <v>ﾎｸｾｲﾊﾝｽﾞ</v>
          </cell>
          <cell r="C4189" t="str">
            <v>（株）ホクセイハンズ</v>
          </cell>
          <cell r="D4189" t="str">
            <v>牧野 保</v>
          </cell>
          <cell r="E4189" t="str">
            <v>代表取締役</v>
          </cell>
          <cell r="F4189" t="str">
            <v>001-0024</v>
          </cell>
          <cell r="G4189" t="str">
            <v>北区北２４西１４－８－１０</v>
          </cell>
          <cell r="H4189" t="str">
            <v>716-5440</v>
          </cell>
          <cell r="I4189" t="str">
            <v>716-8196</v>
          </cell>
        </row>
        <row r="4190">
          <cell r="A4190" t="str">
            <v>85903R</v>
          </cell>
          <cell r="B4190" t="str">
            <v>ﾎｯｶｲﾄﾞｳｱｻﾋｺｳﾖｳ</v>
          </cell>
          <cell r="C4190" t="str">
            <v>（株）北海道朝日航洋</v>
          </cell>
          <cell r="D4190" t="str">
            <v>堀江 淑</v>
          </cell>
          <cell r="E4190" t="str">
            <v>代表取締役</v>
          </cell>
          <cell r="F4190" t="str">
            <v>063-0828</v>
          </cell>
          <cell r="G4190" t="str">
            <v>西区発寒８－１１－３－５０</v>
          </cell>
          <cell r="H4190" t="str">
            <v>662-1031</v>
          </cell>
          <cell r="I4190" t="str">
            <v>661-1872</v>
          </cell>
        </row>
        <row r="4191">
          <cell r="A4191" t="str">
            <v>85907S</v>
          </cell>
          <cell r="B4191" t="str">
            <v>ﾎｯｶｲﾄﾞｳﾆｯｹﾝｾｯｹｲ</v>
          </cell>
          <cell r="C4191" t="str">
            <v>（株）北海道日建設計</v>
          </cell>
          <cell r="D4191" t="str">
            <v>吉田 宏</v>
          </cell>
          <cell r="E4191" t="str">
            <v>取締役社長</v>
          </cell>
          <cell r="F4191" t="str">
            <v>060-0031</v>
          </cell>
          <cell r="G4191" t="str">
            <v>中央区北１東２－５－２</v>
          </cell>
          <cell r="H4191" t="str">
            <v>241-9537</v>
          </cell>
          <cell r="I4191" t="str">
            <v>261-7673</v>
          </cell>
        </row>
        <row r="4192">
          <cell r="A4192" t="str">
            <v>86016R</v>
          </cell>
          <cell r="B4192" t="str">
            <v>ﾏﾙｻﾝﾀｲｼﾝﾃﾞﾝｷ</v>
          </cell>
          <cell r="C4192" t="str">
            <v>（株）丸三大信電気</v>
          </cell>
          <cell r="D4192" t="str">
            <v>嶋川 徳志</v>
          </cell>
          <cell r="E4192" t="str">
            <v>代表取締役</v>
          </cell>
          <cell r="F4192" t="str">
            <v>004-0832</v>
          </cell>
          <cell r="G4192" t="str">
            <v>清田区真栄２－１－５－２５</v>
          </cell>
          <cell r="H4192" t="str">
            <v>882-3177</v>
          </cell>
          <cell r="I4192" t="str">
            <v>883-6360</v>
          </cell>
        </row>
        <row r="4193">
          <cell r="A4193" t="str">
            <v>86024W</v>
          </cell>
          <cell r="B4193" t="str">
            <v>ﾏﾙｼﾏｼﾏﾀﾞｳﾝﾕｿｳｷﾞｮｳ</v>
          </cell>
          <cell r="C4193" t="str">
            <v>（株）丸島島田運輸総業</v>
          </cell>
          <cell r="D4193" t="str">
            <v>島田 年秋</v>
          </cell>
          <cell r="E4193" t="str">
            <v>代表取締役</v>
          </cell>
          <cell r="F4193" t="str">
            <v>003-0260</v>
          </cell>
          <cell r="G4193" t="str">
            <v>白石区本通３南５－４</v>
          </cell>
          <cell r="H4193" t="str">
            <v>861-7210</v>
          </cell>
          <cell r="I4193" t="str">
            <v>863-6387</v>
          </cell>
        </row>
        <row r="4194">
          <cell r="A4194" t="str">
            <v>86031P</v>
          </cell>
          <cell r="B4194" t="str">
            <v>ﾏﾂﾑﾗﾃﾞﾝｷｾｲｻｸｼｮ</v>
          </cell>
          <cell r="C4194" t="str">
            <v>（株）松村電機製作所札幌営業所</v>
          </cell>
          <cell r="D4194" t="str">
            <v>横堀 恒雄</v>
          </cell>
          <cell r="E4194" t="str">
            <v>所長</v>
          </cell>
          <cell r="F4194" t="str">
            <v>060-0063</v>
          </cell>
          <cell r="G4194" t="str">
            <v>中央区南３西３－８－１ スワン札幌ビル</v>
          </cell>
          <cell r="H4194" t="str">
            <v>210-9561</v>
          </cell>
          <cell r="I4194" t="str">
            <v>210-9562</v>
          </cell>
        </row>
        <row r="4195">
          <cell r="A4195" t="str">
            <v>86050P</v>
          </cell>
          <cell r="B4195" t="str">
            <v>ﾏﾙｻｻｶｸﾞﾁｾﾂﾋﾞ</v>
          </cell>
          <cell r="C4195" t="str">
            <v>マルサ坂口設備（株）</v>
          </cell>
          <cell r="D4195" t="str">
            <v>坂口 尚人</v>
          </cell>
          <cell r="E4195" t="str">
            <v>代表取締役</v>
          </cell>
          <cell r="F4195" t="str">
            <v>001-0912</v>
          </cell>
          <cell r="G4195" t="str">
            <v>北区新琴似１２－１４－１２－２０</v>
          </cell>
          <cell r="H4195" t="str">
            <v>762-3966</v>
          </cell>
          <cell r="I4195" t="str">
            <v>762-7265</v>
          </cell>
        </row>
        <row r="4196">
          <cell r="A4196" t="str">
            <v>86057W</v>
          </cell>
          <cell r="B4196" t="str">
            <v>ﾏｴﾀﾞﾃﾞﾝｷｾｲｻｸｼｮ</v>
          </cell>
          <cell r="C4196" t="str">
            <v>（株）前田電機製作所</v>
          </cell>
          <cell r="D4196" t="str">
            <v>前田 稔</v>
          </cell>
          <cell r="E4196" t="str">
            <v>代表取締役</v>
          </cell>
          <cell r="F4196" t="str">
            <v>063-0036</v>
          </cell>
          <cell r="G4196" t="str">
            <v>西区西野６－７－７－２８</v>
          </cell>
          <cell r="H4196" t="str">
            <v>661-3521</v>
          </cell>
          <cell r="I4196" t="str">
            <v>0133-64-0935</v>
          </cell>
        </row>
        <row r="4197">
          <cell r="A4197" t="str">
            <v>86059R</v>
          </cell>
          <cell r="B4197" t="str">
            <v>ﾏﾅﾍﾞｿﾞｳｴﾝ</v>
          </cell>
          <cell r="C4197" t="str">
            <v>（株）真鍋造園</v>
          </cell>
          <cell r="D4197" t="str">
            <v>真鍋 昌市</v>
          </cell>
          <cell r="E4197" t="str">
            <v>代表取締役</v>
          </cell>
          <cell r="F4197" t="str">
            <v>062-0020</v>
          </cell>
          <cell r="G4197" t="str">
            <v>豊平区月寒中央通６－２－１６</v>
          </cell>
          <cell r="H4197" t="str">
            <v>851-8028</v>
          </cell>
          <cell r="I4197" t="str">
            <v>851-8202</v>
          </cell>
        </row>
        <row r="4198">
          <cell r="A4198" t="str">
            <v>86065Z</v>
          </cell>
          <cell r="B4198" t="str">
            <v>ﾏｺﾄｹﾝｷｻｰﾋﾞｽ</v>
          </cell>
          <cell r="C4198" t="str">
            <v>（株）マコト建機サービス</v>
          </cell>
          <cell r="D4198" t="str">
            <v>小川 薫</v>
          </cell>
          <cell r="E4198" t="str">
            <v>代表取締役</v>
          </cell>
          <cell r="F4198" t="str">
            <v>005-0004</v>
          </cell>
          <cell r="G4198" t="str">
            <v>南区澄川４－４－４－３０</v>
          </cell>
          <cell r="H4198" t="str">
            <v>841-8748</v>
          </cell>
          <cell r="I4198" t="str">
            <v>841-8748</v>
          </cell>
        </row>
        <row r="4199">
          <cell r="A4199" t="str">
            <v>86101R</v>
          </cell>
          <cell r="B4199" t="str">
            <v>ﾏｷﾉｿｸﾘﾖｳ</v>
          </cell>
          <cell r="C4199" t="str">
            <v>（株）牧野測量</v>
          </cell>
          <cell r="D4199" t="str">
            <v>牧野 義昭</v>
          </cell>
          <cell r="E4199" t="str">
            <v>代表取締役</v>
          </cell>
          <cell r="F4199" t="str">
            <v>065-0012</v>
          </cell>
          <cell r="G4199" t="str">
            <v>東区北１２東１６－２－７</v>
          </cell>
          <cell r="H4199" t="str">
            <v>731-8773</v>
          </cell>
          <cell r="I4199" t="str">
            <v>742-9518</v>
          </cell>
        </row>
        <row r="4200">
          <cell r="A4200" t="str">
            <v>86211Z</v>
          </cell>
          <cell r="B4200" t="str">
            <v>ﾐﾂﾋﾞｼｼﾞｭｳｺｳｷﾞｮｳ</v>
          </cell>
          <cell r="C4200" t="str">
            <v>三菱重工業（株）北海道支社</v>
          </cell>
          <cell r="D4200" t="str">
            <v>秋吉 清司</v>
          </cell>
          <cell r="E4200" t="str">
            <v>北海道支社長</v>
          </cell>
          <cell r="F4200" t="str">
            <v>060-0002</v>
          </cell>
          <cell r="G4200" t="str">
            <v>中央区北２西４－１ 北海道ビル７</v>
          </cell>
          <cell r="H4200" t="str">
            <v>261-1541</v>
          </cell>
          <cell r="I4200" t="str">
            <v>221-3563</v>
          </cell>
        </row>
        <row r="4201">
          <cell r="A4201" t="str">
            <v>86215N</v>
          </cell>
          <cell r="B4201" t="str">
            <v>ﾐｸﾆﾁｭｳﾎﾞｳ</v>
          </cell>
          <cell r="C4201" t="str">
            <v>（株）三国厨房</v>
          </cell>
          <cell r="D4201" t="str">
            <v>三国 昭哉</v>
          </cell>
          <cell r="E4201" t="str">
            <v>代表取締役</v>
          </cell>
          <cell r="F4201" t="str">
            <v>063-0835</v>
          </cell>
          <cell r="G4201" t="str">
            <v>西区発寒１５－１２－１－５２</v>
          </cell>
          <cell r="H4201" t="str">
            <v>664-8790</v>
          </cell>
          <cell r="I4201" t="str">
            <v>664-8809</v>
          </cell>
        </row>
        <row r="4202">
          <cell r="A4202" t="str">
            <v>86604V</v>
          </cell>
          <cell r="B4202" t="str">
            <v>ﾒｲﾜｾﾂﾋﾞｺｳｷﾞｮｳ</v>
          </cell>
          <cell r="C4202" t="str">
            <v>（株）明和設備工業</v>
          </cell>
          <cell r="D4202" t="str">
            <v>髙橋 明</v>
          </cell>
          <cell r="E4202" t="str">
            <v>代表取締役</v>
          </cell>
          <cell r="F4202" t="str">
            <v>063-0850</v>
          </cell>
          <cell r="G4202" t="str">
            <v>西区八軒１０西１－１－１</v>
          </cell>
          <cell r="H4202" t="str">
            <v>747-8402</v>
          </cell>
          <cell r="I4202" t="str">
            <v>758-6831</v>
          </cell>
        </row>
        <row r="4203">
          <cell r="A4203" t="str">
            <v>86801X</v>
          </cell>
          <cell r="B4203" t="str">
            <v>ﾓﾘﾀｺｳｷﾞｮｳｼｮ</v>
          </cell>
          <cell r="C4203" t="str">
            <v>（株）森田興業所</v>
          </cell>
          <cell r="D4203" t="str">
            <v>森田 貞雄</v>
          </cell>
          <cell r="E4203" t="str">
            <v>代表取締役</v>
          </cell>
          <cell r="F4203" t="str">
            <v>061-2302</v>
          </cell>
          <cell r="G4203" t="str">
            <v>南区定山渓温泉東４－３００</v>
          </cell>
          <cell r="H4203" t="str">
            <v>598-2506</v>
          </cell>
          <cell r="I4203" t="str">
            <v>598-2646</v>
          </cell>
        </row>
        <row r="4204">
          <cell r="A4204" t="str">
            <v>86802V</v>
          </cell>
          <cell r="B4204" t="str">
            <v>ﾓﾘﾔﾏｷｶｲｺｳｷﾞｮｳ</v>
          </cell>
          <cell r="C4204" t="str">
            <v>森山機械興業（株）</v>
          </cell>
          <cell r="D4204" t="str">
            <v>森山 明信</v>
          </cell>
          <cell r="E4204" t="str">
            <v>代表取締役</v>
          </cell>
          <cell r="F4204" t="str">
            <v>003-0013</v>
          </cell>
          <cell r="G4204" t="str">
            <v>白石区中央３－４－２－１</v>
          </cell>
          <cell r="H4204" t="str">
            <v>818-1101</v>
          </cell>
          <cell r="I4204" t="str">
            <v>818-1102</v>
          </cell>
        </row>
        <row r="4205">
          <cell r="A4205" t="str">
            <v>86804P</v>
          </cell>
          <cell r="B4205" t="str">
            <v>ﾓﾘﾀﾃｯｺｳｼｮ</v>
          </cell>
          <cell r="C4205" t="str">
            <v>（株）森田鉄工所北海道営業所</v>
          </cell>
          <cell r="D4205" t="str">
            <v>津川 芳久</v>
          </cell>
          <cell r="E4205" t="str">
            <v>所長</v>
          </cell>
          <cell r="F4205" t="str">
            <v>001-0019</v>
          </cell>
          <cell r="G4205" t="str">
            <v>北区北１９西４－２－３７</v>
          </cell>
          <cell r="H4205" t="str">
            <v>756-2061</v>
          </cell>
          <cell r="I4205" t="str">
            <v>756-2081</v>
          </cell>
        </row>
        <row r="4206">
          <cell r="A4206" t="str">
            <v>86807T</v>
          </cell>
          <cell r="B4206" t="str">
            <v>ﾓﾘｷｭｳｽｲｾﾂﾋﾞ</v>
          </cell>
          <cell r="C4206" t="str">
            <v>（株）森給水設備</v>
          </cell>
          <cell r="D4206" t="str">
            <v>尾畑 治</v>
          </cell>
          <cell r="E4206" t="str">
            <v>代表取締役</v>
          </cell>
          <cell r="F4206" t="str">
            <v>004-0873</v>
          </cell>
          <cell r="G4206" t="str">
            <v>清田区平岡３－６－２８０－２９</v>
          </cell>
          <cell r="H4206" t="str">
            <v>881-0455</v>
          </cell>
          <cell r="I4206" t="str">
            <v>883-7736</v>
          </cell>
        </row>
        <row r="4207">
          <cell r="A4207" t="str">
            <v>87003Z</v>
          </cell>
          <cell r="B4207" t="str">
            <v>ﾔﾏﾅｶｺｳｷﾞｮｳｼｮ</v>
          </cell>
          <cell r="C4207" t="str">
            <v>（株）山中工業所</v>
          </cell>
          <cell r="D4207" t="str">
            <v>山中 一夫</v>
          </cell>
          <cell r="E4207" t="str">
            <v>代表取締役</v>
          </cell>
          <cell r="F4207" t="str">
            <v>064-0805</v>
          </cell>
          <cell r="G4207" t="str">
            <v>中央区南５西１４－２－２</v>
          </cell>
          <cell r="H4207" t="str">
            <v>561-5021</v>
          </cell>
          <cell r="I4207" t="str">
            <v>561-7216</v>
          </cell>
        </row>
        <row r="4208">
          <cell r="A4208" t="str">
            <v>87004X</v>
          </cell>
          <cell r="B4208" t="str">
            <v>ﾔｽﾀﾞｺｳｷﾞｮｳ</v>
          </cell>
          <cell r="C4208" t="str">
            <v>安田興業（株）</v>
          </cell>
          <cell r="D4208" t="str">
            <v>安田 謙一</v>
          </cell>
          <cell r="E4208" t="str">
            <v>代表取締役</v>
          </cell>
          <cell r="F4208" t="str">
            <v>007-0803</v>
          </cell>
          <cell r="G4208" t="str">
            <v>東区東苗穂３－１－８－１４</v>
          </cell>
          <cell r="H4208" t="str">
            <v>781-5181</v>
          </cell>
          <cell r="I4208" t="str">
            <v>781-5160</v>
          </cell>
        </row>
        <row r="4209">
          <cell r="A4209" t="str">
            <v>87008Y</v>
          </cell>
          <cell r="B4209" t="str">
            <v>ﾔｽｶﾜﾃﾞﾝｷ</v>
          </cell>
          <cell r="C4209" t="str">
            <v>（株）安川電機札幌営業所</v>
          </cell>
          <cell r="D4209" t="str">
            <v>山田 豊彦</v>
          </cell>
          <cell r="E4209" t="str">
            <v>所長</v>
          </cell>
          <cell r="F4209" t="str">
            <v>060-0033</v>
          </cell>
          <cell r="G4209" t="str">
            <v>中央区北３東８－３５２</v>
          </cell>
          <cell r="H4209" t="str">
            <v>261-7361</v>
          </cell>
          <cell r="I4209" t="str">
            <v>222-4882</v>
          </cell>
        </row>
        <row r="4210">
          <cell r="A4210" t="str">
            <v>87016P</v>
          </cell>
          <cell r="B4210" t="str">
            <v>ﾔﾏﾄﾌﾟﾛﾃｯｸ</v>
          </cell>
          <cell r="C4210" t="str">
            <v>ヤマトプロテック（株）札幌支店</v>
          </cell>
          <cell r="D4210" t="str">
            <v>井上 秀嗣</v>
          </cell>
          <cell r="E4210" t="str">
            <v>支店長</v>
          </cell>
          <cell r="F4210" t="str">
            <v>065-0027</v>
          </cell>
          <cell r="G4210" t="str">
            <v>東区北２７東１９－１－１</v>
          </cell>
          <cell r="H4210" t="str">
            <v>780-1700</v>
          </cell>
          <cell r="I4210" t="str">
            <v>780-1701</v>
          </cell>
        </row>
        <row r="4211">
          <cell r="A4211" t="str">
            <v>87802T</v>
          </cell>
          <cell r="B4211" t="str">
            <v>ﾘｮｸﾎｳｹﾝｾﾂ</v>
          </cell>
          <cell r="C4211" t="str">
            <v>緑豊建設（株）札幌支店</v>
          </cell>
          <cell r="D4211" t="str">
            <v>青山 秋浩</v>
          </cell>
          <cell r="E4211" t="str">
            <v>取締役支店長</v>
          </cell>
          <cell r="F4211" t="str">
            <v>001-0903</v>
          </cell>
          <cell r="G4211" t="str">
            <v>北区新琴似３－１３－５－１５</v>
          </cell>
          <cell r="H4211" t="str">
            <v>769-4701</v>
          </cell>
          <cell r="I4211" t="str">
            <v>769-4710</v>
          </cell>
        </row>
        <row r="4212">
          <cell r="A4212" t="str">
            <v>88601Z</v>
          </cell>
          <cell r="B4212" t="str">
            <v>ﾜｶｽｷﾞｽｲﾄﾞｳ</v>
          </cell>
          <cell r="C4212" t="str">
            <v>（株）若杉水道</v>
          </cell>
          <cell r="D4212" t="str">
            <v>若杉 明信</v>
          </cell>
          <cell r="E4212" t="str">
            <v>代表取締役</v>
          </cell>
          <cell r="F4212" t="str">
            <v>063-0845</v>
          </cell>
          <cell r="G4212" t="str">
            <v>西区八軒５西１－１－５０</v>
          </cell>
          <cell r="H4212" t="str">
            <v>631-4867</v>
          </cell>
          <cell r="I4212" t="str">
            <v>611-4960</v>
          </cell>
        </row>
      </sheetData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</sheetDataSet>
  </externalBook>
</externalLink>
</file>

<file path=xl/externalLinks/externalLink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★差込印刷用"/>
      <sheetName val="★財務会計　業者入力用 "/>
      <sheetName val="業者データ"/>
      <sheetName val="★入力台帳"/>
      <sheetName val="★整理票"/>
      <sheetName val="◇特殊選考調書＆指名見積"/>
      <sheetName val="★新　整理票"/>
      <sheetName val="◇ウィズユーカード用　整理票"/>
      <sheetName val="★予定価格書 "/>
      <sheetName val="★選考調書 "/>
      <sheetName val="◇ウィズユーカード　選考調書"/>
      <sheetName val="財務会計コード表"/>
      <sheetName val="固定データ集"/>
      <sheetName val="★執行締結伺　特命"/>
      <sheetName val="◇執行締結伺　特例政令"/>
      <sheetName val="◇入札(見積)経過・結果調書"/>
    </sheetNames>
    <sheetDataSet>
      <sheetData sheetId="0"/>
      <sheetData sheetId="1"/>
      <sheetData sheetId="2"/>
      <sheetData sheetId="3" refreshError="1">
        <row r="2">
          <cell r="B2" t="str">
            <v>券売機用カード１回目発注分</v>
          </cell>
          <cell r="C2" t="str">
            <v>0</v>
          </cell>
          <cell r="D2" t="str">
            <v/>
          </cell>
          <cell r="G2">
            <v>38460</v>
          </cell>
          <cell r="I2">
            <v>100761020</v>
          </cell>
          <cell r="J2">
            <v>3116320</v>
          </cell>
          <cell r="K2">
            <v>103877340</v>
          </cell>
          <cell r="L2" t="str">
            <v>入札</v>
          </cell>
          <cell r="M2">
            <v>3040000</v>
          </cell>
          <cell r="N2" t="str">
            <v>枚</v>
          </cell>
          <cell r="O2" t="str">
            <v>軌・営　高・営</v>
          </cell>
          <cell r="P2">
            <v>38582</v>
          </cell>
          <cell r="Q2" t="str">
            <v>経営企画課</v>
          </cell>
          <cell r="R2" t="str">
            <v>辻井　剣吾　２１１３</v>
          </cell>
          <cell r="S2" t="str">
            <v>管理者印必要</v>
          </cell>
          <cell r="T2" t="str">
            <v>無</v>
          </cell>
          <cell r="U2" t="str">
            <v>納入後</v>
          </cell>
          <cell r="V2" t="str">
            <v>壱</v>
          </cell>
          <cell r="X2" t="str">
            <v>管理者</v>
          </cell>
          <cell r="Y2" t="str">
            <v>必 要</v>
          </cell>
          <cell r="Z2" t="str">
            <v>なか１０日</v>
          </cell>
          <cell r="AA2" t="str">
            <v>入札</v>
          </cell>
          <cell r="AB2">
            <v>38484</v>
          </cell>
          <cell r="AC2">
            <v>38468</v>
          </cell>
          <cell r="AD2">
            <v>1400</v>
          </cell>
          <cell r="AE2" t="str">
            <v>出版･印刷業</v>
          </cell>
          <cell r="AF2" t="str">
            <v>出版</v>
          </cell>
          <cell r="AG2" t="str">
            <v>印刷</v>
          </cell>
          <cell r="AH2" t="str">
            <v>製本</v>
          </cell>
          <cell r="AI2" t="str">
            <v/>
          </cell>
          <cell r="AJ2" t="str">
            <v/>
          </cell>
          <cell r="AK2" t="str">
            <v/>
          </cell>
          <cell r="AL2" t="str">
            <v/>
          </cell>
          <cell r="AM2" t="str">
            <v/>
          </cell>
          <cell r="AN2" t="str">
            <v>印刷</v>
          </cell>
          <cell r="AO2">
            <v>18</v>
          </cell>
          <cell r="AP2">
            <v>2</v>
          </cell>
          <cell r="AR2" t="str">
            <v>-</v>
          </cell>
          <cell r="AS2">
            <v>6</v>
          </cell>
          <cell r="AT2" t="str">
            <v>ＮＥＣトーキン（株）営業本部仙台支店</v>
          </cell>
          <cell r="AU2" t="str">
            <v>共同印刷（株）</v>
          </cell>
          <cell r="AV2" t="str">
            <v>凸版印刷（株）北海道事業部</v>
          </cell>
          <cell r="AW2" t="str">
            <v>日本通信紙（株）札幌支店</v>
          </cell>
          <cell r="AY2" t="str">
            <v xml:space="preserve"> </v>
          </cell>
          <cell r="AZ2" t="str">
            <v xml:space="preserve"> </v>
          </cell>
          <cell r="BA2" t="str">
            <v xml:space="preserve"> </v>
          </cell>
          <cell r="BB2" t="str">
            <v xml:space="preserve"> </v>
          </cell>
          <cell r="BC2" t="str">
            <v xml:space="preserve"> </v>
          </cell>
          <cell r="BE2">
            <v>98891200</v>
          </cell>
          <cell r="BF2">
            <v>103835760</v>
          </cell>
          <cell r="BG2">
            <v>4.0027979153101079E-4</v>
          </cell>
          <cell r="BH2">
            <v>98891200</v>
          </cell>
          <cell r="BI2">
            <v>103835760</v>
          </cell>
          <cell r="BJ2" t="str">
            <v>共同印刷（株）</v>
          </cell>
          <cell r="BK2">
            <v>98891200</v>
          </cell>
          <cell r="BL2">
            <v>103835760</v>
          </cell>
          <cell r="BM2">
            <v>4944560</v>
          </cell>
          <cell r="BN2" t="str">
            <v>契 約 書</v>
          </cell>
          <cell r="BO2" t="str">
            <v>済</v>
          </cell>
          <cell r="BP2" t="str">
            <v>しない</v>
          </cell>
          <cell r="BQ2" t="str">
            <v>入  札</v>
          </cell>
          <cell r="BR2">
            <v>1</v>
          </cell>
          <cell r="BS2">
            <v>38470</v>
          </cell>
          <cell r="BU2">
            <v>1</v>
          </cell>
          <cell r="BV2" t="str">
            <v>建改じゃないですね</v>
          </cell>
          <cell r="BW2">
            <v>1</v>
          </cell>
          <cell r="BX2" t="str">
            <v/>
          </cell>
          <cell r="BY2" t="str">
            <v>交付</v>
          </cell>
          <cell r="BZ2" t="str">
            <v>済</v>
          </cell>
          <cell r="CA2">
            <v>38582</v>
          </cell>
          <cell r="CB2" t="str">
            <v>納期と同じ</v>
          </cell>
          <cell r="CD2">
            <v>38582</v>
          </cell>
          <cell r="CE2">
            <v>38597</v>
          </cell>
          <cell r="CF2" t="str">
            <v>経過</v>
          </cell>
          <cell r="CG2" t="str">
            <v>カズ　853-5152</v>
          </cell>
          <cell r="CH2" t="str">
            <v>共同印刷（株）</v>
          </cell>
          <cell r="CI2" t="str">
            <v>カズ　清水</v>
          </cell>
          <cell r="CJ2" t="str">
            <v>経営企画課</v>
          </cell>
          <cell r="CK2" t="str">
            <v>辻井　剣吾　２１１３</v>
          </cell>
          <cell r="CN2">
            <v>103877340</v>
          </cell>
          <cell r="CO2">
            <v>32.543026315789476</v>
          </cell>
          <cell r="CP2">
            <v>41580</v>
          </cell>
          <cell r="CQ2">
            <v>0.99959972020846899</v>
          </cell>
        </row>
        <row r="3">
          <cell r="B3" t="str">
            <v>オリジナルカード（フリーカード）</v>
          </cell>
          <cell r="C3" t="str">
            <v>0</v>
          </cell>
          <cell r="D3" t="str">
            <v/>
          </cell>
          <cell r="G3">
            <v>38460</v>
          </cell>
          <cell r="H3" t="str">
            <v>特命</v>
          </cell>
          <cell r="I3">
            <v>2077740</v>
          </cell>
          <cell r="J3">
            <v>64260</v>
          </cell>
          <cell r="K3">
            <v>2142000</v>
          </cell>
          <cell r="L3" t="str">
            <v>特命</v>
          </cell>
          <cell r="M3">
            <v>60000</v>
          </cell>
          <cell r="N3" t="str">
            <v>枚</v>
          </cell>
          <cell r="O3" t="str">
            <v>軌・営　高・営</v>
          </cell>
          <cell r="P3">
            <v>38523</v>
          </cell>
          <cell r="Q3" t="str">
            <v>経営企画課</v>
          </cell>
          <cell r="R3" t="str">
            <v>辻井　剣吾　2113</v>
          </cell>
          <cell r="S3" t="str">
            <v>主管の部長印が必要</v>
          </cell>
          <cell r="T3" t="str">
            <v>無</v>
          </cell>
          <cell r="U3" t="str">
            <v>納入後</v>
          </cell>
          <cell r="V3" t="str">
            <v>壱</v>
          </cell>
          <cell r="W3" t="str">
            <v>○</v>
          </cell>
          <cell r="X3" t="str">
            <v>課長</v>
          </cell>
          <cell r="Y3" t="str">
            <v>省略可</v>
          </cell>
          <cell r="Z3" t="str">
            <v>なか１日</v>
          </cell>
          <cell r="AA3" t="str">
            <v>特命</v>
          </cell>
          <cell r="AB3">
            <v>38463</v>
          </cell>
          <cell r="AC3">
            <v>38464</v>
          </cell>
          <cell r="AD3">
            <v>1400</v>
          </cell>
          <cell r="AF3" t="e">
            <v>#N/A</v>
          </cell>
          <cell r="AG3" t="e">
            <v>#N/A</v>
          </cell>
          <cell r="AH3" t="e">
            <v>#N/A</v>
          </cell>
          <cell r="AI3" t="e">
            <v>#N/A</v>
          </cell>
          <cell r="AJ3" t="e">
            <v>#N/A</v>
          </cell>
          <cell r="AK3" t="e">
            <v>#N/A</v>
          </cell>
          <cell r="AL3" t="e">
            <v>#N/A</v>
          </cell>
          <cell r="AM3" t="e">
            <v>#N/A</v>
          </cell>
          <cell r="AO3" t="str">
            <v/>
          </cell>
          <cell r="AP3" t="str">
            <v/>
          </cell>
          <cell r="AS3" t="str">
            <v>-</v>
          </cell>
          <cell r="AY3" t="str">
            <v xml:space="preserve"> </v>
          </cell>
          <cell r="AZ3" t="str">
            <v xml:space="preserve"> </v>
          </cell>
          <cell r="BA3" t="str">
            <v xml:space="preserve"> </v>
          </cell>
          <cell r="BB3" t="str">
            <v xml:space="preserve"> </v>
          </cell>
          <cell r="BC3" t="str">
            <v xml:space="preserve"> </v>
          </cell>
          <cell r="BF3">
            <v>0</v>
          </cell>
          <cell r="BG3">
            <v>1</v>
          </cell>
          <cell r="BI3">
            <v>2142000</v>
          </cell>
          <cell r="BJ3" t="str">
            <v>共同印刷（株）</v>
          </cell>
          <cell r="BK3">
            <v>1980000</v>
          </cell>
          <cell r="BL3">
            <v>2079000</v>
          </cell>
          <cell r="BM3">
            <v>99000</v>
          </cell>
          <cell r="BN3" t="str">
            <v>契 約 書</v>
          </cell>
          <cell r="BO3" t="str">
            <v>済</v>
          </cell>
          <cell r="BP3" t="str">
            <v>しない</v>
          </cell>
          <cell r="BQ3" t="str">
            <v>見積</v>
          </cell>
          <cell r="BR3">
            <v>0.97058823529411764</v>
          </cell>
          <cell r="BS3">
            <v>38469</v>
          </cell>
          <cell r="BU3">
            <v>2</v>
          </cell>
          <cell r="BV3" t="str">
            <v>建改じゃないですね</v>
          </cell>
          <cell r="BW3">
            <v>2</v>
          </cell>
          <cell r="BX3" t="str">
            <v/>
          </cell>
          <cell r="BY3" t="str">
            <v>受渡書省略</v>
          </cell>
          <cell r="BZ3" t="str">
            <v/>
          </cell>
          <cell r="CA3">
            <v>38523</v>
          </cell>
          <cell r="CB3" t="str">
            <v>納期と同じ</v>
          </cell>
          <cell r="CD3">
            <v>38523</v>
          </cell>
          <cell r="CE3">
            <v>38527</v>
          </cell>
          <cell r="CF3" t="str">
            <v>経過</v>
          </cell>
          <cell r="CG3" t="str">
            <v>カズ　853-5152</v>
          </cell>
          <cell r="CH3" t="str">
            <v>共同印刷（株）</v>
          </cell>
          <cell r="CI3" t="str">
            <v>カズ　清水</v>
          </cell>
          <cell r="CJ3" t="str">
            <v>経営企画課</v>
          </cell>
          <cell r="CK3" t="str">
            <v>辻井　剣吾　2113</v>
          </cell>
          <cell r="CN3">
            <v>2142000</v>
          </cell>
          <cell r="CO3">
            <v>34</v>
          </cell>
          <cell r="CP3">
            <v>63000</v>
          </cell>
          <cell r="CQ3">
            <v>0.97058823529411764</v>
          </cell>
        </row>
        <row r="4">
          <cell r="B4" t="str">
            <v>広告デザインカード【ＨＢＣ】</v>
          </cell>
          <cell r="C4" t="str">
            <v>0</v>
          </cell>
          <cell r="D4" t="str">
            <v/>
          </cell>
          <cell r="G4">
            <v>38478</v>
          </cell>
          <cell r="H4" t="str">
            <v>特命</v>
          </cell>
          <cell r="I4">
            <v>924000</v>
          </cell>
          <cell r="K4">
            <v>924000</v>
          </cell>
          <cell r="L4" t="str">
            <v>特命</v>
          </cell>
          <cell r="M4" t="str">
            <v>一</v>
          </cell>
          <cell r="N4" t="str">
            <v>式</v>
          </cell>
          <cell r="O4" t="str">
            <v>高・営</v>
          </cell>
          <cell r="P4">
            <v>38497</v>
          </cell>
          <cell r="Q4" t="str">
            <v>経営企画課</v>
          </cell>
          <cell r="R4" t="str">
            <v>北村　淳　2125</v>
          </cell>
          <cell r="S4" t="str">
            <v>主管の部長印が必要</v>
          </cell>
          <cell r="T4" t="str">
            <v>無</v>
          </cell>
          <cell r="U4" t="str">
            <v>納入後</v>
          </cell>
          <cell r="V4" t="str">
            <v>壱</v>
          </cell>
          <cell r="X4" t="str">
            <v>課長</v>
          </cell>
          <cell r="Y4" t="str">
            <v>省略可</v>
          </cell>
          <cell r="Z4" t="str">
            <v>なか１日</v>
          </cell>
          <cell r="AA4" t="str">
            <v>特命</v>
          </cell>
          <cell r="AB4">
            <v>38483</v>
          </cell>
          <cell r="AC4">
            <v>38484</v>
          </cell>
          <cell r="AD4">
            <v>1400</v>
          </cell>
          <cell r="AF4" t="e">
            <v>#N/A</v>
          </cell>
          <cell r="AG4" t="e">
            <v>#N/A</v>
          </cell>
          <cell r="AH4" t="e">
            <v>#N/A</v>
          </cell>
          <cell r="AI4" t="e">
            <v>#N/A</v>
          </cell>
          <cell r="AJ4" t="e">
            <v>#N/A</v>
          </cell>
          <cell r="AK4" t="e">
            <v>#N/A</v>
          </cell>
          <cell r="AL4" t="e">
            <v>#N/A</v>
          </cell>
          <cell r="AM4" t="e">
            <v>#N/A</v>
          </cell>
          <cell r="AO4" t="str">
            <v/>
          </cell>
          <cell r="AP4" t="str">
            <v/>
          </cell>
          <cell r="AS4" t="str">
            <v>-</v>
          </cell>
          <cell r="AY4" t="str">
            <v xml:space="preserve"> </v>
          </cell>
          <cell r="AZ4" t="str">
            <v xml:space="preserve"> </v>
          </cell>
          <cell r="BA4" t="str">
            <v xml:space="preserve"> </v>
          </cell>
          <cell r="BB4" t="str">
            <v xml:space="preserve"> </v>
          </cell>
          <cell r="BC4" t="str">
            <v xml:space="preserve"> </v>
          </cell>
          <cell r="BF4">
            <v>0</v>
          </cell>
          <cell r="BG4">
            <v>1</v>
          </cell>
          <cell r="BI4">
            <v>924000</v>
          </cell>
          <cell r="BJ4" t="str">
            <v>ＮＥＣトーキン（株）営業本部仙台支店</v>
          </cell>
          <cell r="BK4">
            <v>880000</v>
          </cell>
          <cell r="BL4">
            <v>924000</v>
          </cell>
          <cell r="BM4">
            <v>44000</v>
          </cell>
          <cell r="BN4" t="str">
            <v>請書</v>
          </cell>
          <cell r="BO4" t="str">
            <v>非契約書</v>
          </cell>
          <cell r="BP4" t="str">
            <v>しない</v>
          </cell>
          <cell r="BQ4" t="str">
            <v>見積</v>
          </cell>
          <cell r="BR4">
            <v>1</v>
          </cell>
          <cell r="BS4">
            <v>38489</v>
          </cell>
          <cell r="BU4">
            <v>3</v>
          </cell>
          <cell r="BV4" t="str">
            <v>建改じゃないですね</v>
          </cell>
          <cell r="BW4">
            <v>3</v>
          </cell>
          <cell r="BX4" t="str">
            <v/>
          </cell>
          <cell r="BY4" t="str">
            <v/>
          </cell>
          <cell r="BZ4" t="str">
            <v/>
          </cell>
          <cell r="CA4">
            <v>38497</v>
          </cell>
          <cell r="CD4" t="str">
            <v/>
          </cell>
          <cell r="CF4" t="str">
            <v/>
          </cell>
          <cell r="CG4" t="str">
            <v>佐鳥221-6530</v>
          </cell>
          <cell r="CH4" t="str">
            <v>ＮＥＣトーキン（株）営業本部仙台支店</v>
          </cell>
          <cell r="CI4" t="str">
            <v>佐鳥　伊藤</v>
          </cell>
          <cell r="CJ4" t="str">
            <v>経営企画課</v>
          </cell>
          <cell r="CK4" t="str">
            <v>北村　淳　2125</v>
          </cell>
          <cell r="CN4">
            <v>924000</v>
          </cell>
          <cell r="CO4" t="e">
            <v>#VALUE!</v>
          </cell>
          <cell r="CP4">
            <v>0</v>
          </cell>
          <cell r="CQ4">
            <v>1</v>
          </cell>
        </row>
        <row r="5">
          <cell r="B5" t="str">
            <v>ドニチカキップ（大人）</v>
          </cell>
          <cell r="C5" t="str">
            <v>0</v>
          </cell>
          <cell r="D5" t="str">
            <v/>
          </cell>
          <cell r="G5">
            <v>38478</v>
          </cell>
          <cell r="I5">
            <v>44257500</v>
          </cell>
          <cell r="K5">
            <v>44257500</v>
          </cell>
          <cell r="L5" t="str">
            <v>入札</v>
          </cell>
          <cell r="M5">
            <v>1500000</v>
          </cell>
          <cell r="N5" t="str">
            <v>枚</v>
          </cell>
          <cell r="O5" t="str">
            <v>高・営</v>
          </cell>
          <cell r="P5">
            <v>38590</v>
          </cell>
          <cell r="Q5" t="str">
            <v>経営企画課</v>
          </cell>
          <cell r="R5" t="str">
            <v>安藤　友明　2115</v>
          </cell>
          <cell r="S5" t="str">
            <v>管理者印必要</v>
          </cell>
          <cell r="T5" t="str">
            <v>無</v>
          </cell>
          <cell r="U5" t="str">
            <v>納入後</v>
          </cell>
          <cell r="V5" t="str">
            <v>壱</v>
          </cell>
          <cell r="X5" t="str">
            <v>管理者</v>
          </cell>
          <cell r="Y5" t="str">
            <v>必 要</v>
          </cell>
          <cell r="Z5" t="str">
            <v>なか５日</v>
          </cell>
          <cell r="AA5" t="str">
            <v>入札</v>
          </cell>
          <cell r="AB5">
            <v>38491</v>
          </cell>
          <cell r="AC5">
            <v>38490</v>
          </cell>
          <cell r="AD5">
            <v>1100</v>
          </cell>
          <cell r="AE5" t="str">
            <v>出版･印刷業</v>
          </cell>
          <cell r="AF5" t="str">
            <v>出版</v>
          </cell>
          <cell r="AG5" t="str">
            <v>印刷</v>
          </cell>
          <cell r="AH5" t="str">
            <v>製本</v>
          </cell>
          <cell r="AI5" t="str">
            <v/>
          </cell>
          <cell r="AJ5" t="str">
            <v/>
          </cell>
          <cell r="AK5" t="str">
            <v/>
          </cell>
          <cell r="AL5" t="str">
            <v/>
          </cell>
          <cell r="AM5" t="str">
            <v/>
          </cell>
          <cell r="AN5" t="str">
            <v>印刷</v>
          </cell>
          <cell r="AO5">
            <v>18</v>
          </cell>
          <cell r="AP5">
            <v>2</v>
          </cell>
          <cell r="AR5" t="str">
            <v>-</v>
          </cell>
          <cell r="AS5">
            <v>6</v>
          </cell>
          <cell r="AT5" t="str">
            <v>ＮＥＣトーキン（株）営業本部仙台支店</v>
          </cell>
          <cell r="AU5" t="str">
            <v>共同印刷（株）</v>
          </cell>
          <cell r="AV5" t="str">
            <v>凸版印刷（株）北海道事業部</v>
          </cell>
          <cell r="AW5" t="str">
            <v>日本通信紙（株）札幌支店</v>
          </cell>
          <cell r="AY5" t="str">
            <v xml:space="preserve"> </v>
          </cell>
          <cell r="AZ5" t="str">
            <v xml:space="preserve"> </v>
          </cell>
          <cell r="BA5" t="str">
            <v xml:space="preserve"> </v>
          </cell>
          <cell r="BB5" t="str">
            <v xml:space="preserve"> </v>
          </cell>
          <cell r="BC5" t="str">
            <v xml:space="preserve"> </v>
          </cell>
          <cell r="BE5">
            <v>42150000</v>
          </cell>
          <cell r="BF5">
            <v>44257500</v>
          </cell>
          <cell r="BG5">
            <v>0</v>
          </cell>
          <cell r="BH5">
            <v>42150000</v>
          </cell>
          <cell r="BI5">
            <v>44257500</v>
          </cell>
          <cell r="BJ5" t="str">
            <v>凸版印刷（株）北海道事業部</v>
          </cell>
          <cell r="BK5">
            <v>42150000</v>
          </cell>
          <cell r="BL5">
            <v>44257500</v>
          </cell>
          <cell r="BM5">
            <v>2107500</v>
          </cell>
          <cell r="BN5" t="str">
            <v>契 約 書</v>
          </cell>
          <cell r="BO5" t="str">
            <v>済</v>
          </cell>
          <cell r="BP5" t="str">
            <v>しない</v>
          </cell>
          <cell r="BQ5" t="str">
            <v>入  札</v>
          </cell>
          <cell r="BR5">
            <v>1</v>
          </cell>
          <cell r="BS5">
            <v>38492</v>
          </cell>
          <cell r="BU5">
            <v>4</v>
          </cell>
          <cell r="BV5" t="str">
            <v>建改じゃないですね</v>
          </cell>
          <cell r="BW5">
            <v>4</v>
          </cell>
          <cell r="BX5" t="str">
            <v/>
          </cell>
          <cell r="BY5" t="str">
            <v>交付</v>
          </cell>
          <cell r="BZ5" t="str">
            <v>済</v>
          </cell>
          <cell r="CA5">
            <v>38590</v>
          </cell>
          <cell r="CB5" t="str">
            <v>納期と同じ</v>
          </cell>
          <cell r="CD5">
            <v>38590</v>
          </cell>
          <cell r="CE5">
            <v>38597</v>
          </cell>
          <cell r="CF5" t="str">
            <v>経過</v>
          </cell>
          <cell r="CG5">
            <v>6147791</v>
          </cell>
          <cell r="CH5" t="str">
            <v>凸版印刷（株）北海道事業部</v>
          </cell>
          <cell r="CI5" t="str">
            <v>佐々木</v>
          </cell>
          <cell r="CJ5" t="str">
            <v>経営企画課</v>
          </cell>
          <cell r="CK5" t="str">
            <v>安藤　友明　2115</v>
          </cell>
          <cell r="CN5">
            <v>44257500</v>
          </cell>
          <cell r="CO5">
            <v>28.1</v>
          </cell>
          <cell r="CP5">
            <v>0</v>
          </cell>
          <cell r="CQ5">
            <v>1</v>
          </cell>
        </row>
        <row r="6">
          <cell r="B6" t="str">
            <v>福祉割引ウィズユーカード（大人）</v>
          </cell>
          <cell r="C6" t="str">
            <v>0</v>
          </cell>
          <cell r="D6" t="str">
            <v/>
          </cell>
          <cell r="G6">
            <v>38478</v>
          </cell>
          <cell r="I6">
            <v>27285615</v>
          </cell>
          <cell r="J6">
            <v>843885</v>
          </cell>
          <cell r="K6">
            <v>28129500</v>
          </cell>
          <cell r="L6" t="str">
            <v>入札</v>
          </cell>
          <cell r="M6">
            <v>950000</v>
          </cell>
          <cell r="N6" t="str">
            <v>枚</v>
          </cell>
          <cell r="O6" t="str">
            <v>軌・営　高・営</v>
          </cell>
          <cell r="P6">
            <v>38590</v>
          </cell>
          <cell r="Q6" t="str">
            <v>経営企画課</v>
          </cell>
          <cell r="R6" t="str">
            <v>安藤　友明　2115</v>
          </cell>
          <cell r="S6" t="str">
            <v>主管の部長印が必要</v>
          </cell>
          <cell r="T6" t="str">
            <v>無</v>
          </cell>
          <cell r="U6" t="str">
            <v>納入後</v>
          </cell>
          <cell r="V6" t="str">
            <v>壱</v>
          </cell>
          <cell r="X6" t="str">
            <v>管理者</v>
          </cell>
          <cell r="Y6" t="str">
            <v>必 要</v>
          </cell>
          <cell r="Z6" t="str">
            <v>なか５日</v>
          </cell>
          <cell r="AA6" t="str">
            <v>入札</v>
          </cell>
          <cell r="AB6">
            <v>38491</v>
          </cell>
          <cell r="AC6">
            <v>38490</v>
          </cell>
          <cell r="AD6">
            <v>1105</v>
          </cell>
          <cell r="AE6" t="str">
            <v>出版･印刷業</v>
          </cell>
          <cell r="AF6" t="str">
            <v>出版</v>
          </cell>
          <cell r="AG6" t="str">
            <v>印刷</v>
          </cell>
          <cell r="AH6" t="str">
            <v>製本</v>
          </cell>
          <cell r="AI6" t="str">
            <v/>
          </cell>
          <cell r="AJ6" t="str">
            <v/>
          </cell>
          <cell r="AK6" t="str">
            <v/>
          </cell>
          <cell r="AL6" t="str">
            <v/>
          </cell>
          <cell r="AM6" t="str">
            <v/>
          </cell>
          <cell r="AN6" t="str">
            <v>印刷</v>
          </cell>
          <cell r="AO6">
            <v>18</v>
          </cell>
          <cell r="AP6">
            <v>2</v>
          </cell>
          <cell r="AR6" t="str">
            <v>-</v>
          </cell>
          <cell r="AS6">
            <v>5</v>
          </cell>
          <cell r="AT6" t="str">
            <v>ＮＥＣトーキン（株）営業本部仙台支店</v>
          </cell>
          <cell r="AU6" t="str">
            <v>共同印刷（株）</v>
          </cell>
          <cell r="AV6" t="str">
            <v>凸版印刷（株）北海道事業部</v>
          </cell>
          <cell r="AW6" t="str">
            <v>日本通信紙（株）札幌支店</v>
          </cell>
          <cell r="AY6" t="str">
            <v xml:space="preserve"> </v>
          </cell>
          <cell r="AZ6" t="str">
            <v xml:space="preserve"> </v>
          </cell>
          <cell r="BA6" t="str">
            <v xml:space="preserve"> </v>
          </cell>
          <cell r="BB6" t="str">
            <v xml:space="preserve"> </v>
          </cell>
          <cell r="BC6" t="str">
            <v xml:space="preserve"> </v>
          </cell>
          <cell r="BE6">
            <v>26790000</v>
          </cell>
          <cell r="BF6">
            <v>28129500</v>
          </cell>
          <cell r="BG6">
            <v>0</v>
          </cell>
          <cell r="BH6">
            <v>26790000</v>
          </cell>
          <cell r="BI6">
            <v>28129500</v>
          </cell>
          <cell r="BJ6" t="str">
            <v>共同印刷（株）</v>
          </cell>
          <cell r="BK6">
            <v>26790000</v>
          </cell>
          <cell r="BL6">
            <v>28129500</v>
          </cell>
          <cell r="BM6">
            <v>1339500</v>
          </cell>
          <cell r="BN6" t="str">
            <v>契 約 書</v>
          </cell>
          <cell r="BO6" t="str">
            <v>済</v>
          </cell>
          <cell r="BP6" t="str">
            <v>しない</v>
          </cell>
          <cell r="BQ6" t="str">
            <v>入  札</v>
          </cell>
          <cell r="BR6">
            <v>1</v>
          </cell>
          <cell r="BS6">
            <v>38495</v>
          </cell>
          <cell r="BU6">
            <v>5</v>
          </cell>
          <cell r="BV6" t="str">
            <v>建改じゃないですね</v>
          </cell>
          <cell r="BW6">
            <v>5</v>
          </cell>
          <cell r="BX6" t="str">
            <v/>
          </cell>
          <cell r="BY6" t="str">
            <v>交付</v>
          </cell>
          <cell r="BZ6" t="str">
            <v>済</v>
          </cell>
          <cell r="CA6">
            <v>38590</v>
          </cell>
          <cell r="CB6" t="str">
            <v>納期と同じ</v>
          </cell>
          <cell r="CD6">
            <v>38590</v>
          </cell>
          <cell r="CE6">
            <v>38597</v>
          </cell>
          <cell r="CF6" t="str">
            <v>経過</v>
          </cell>
          <cell r="CG6" t="str">
            <v>カズ　853-5152</v>
          </cell>
          <cell r="CH6" t="str">
            <v>共同印刷（株）</v>
          </cell>
          <cell r="CI6" t="str">
            <v>カズ　清水</v>
          </cell>
          <cell r="CJ6" t="str">
            <v>経営企画課</v>
          </cell>
          <cell r="CK6" t="str">
            <v>安藤　友明　2115</v>
          </cell>
          <cell r="CN6">
            <v>28129500</v>
          </cell>
          <cell r="CO6">
            <v>28.2</v>
          </cell>
          <cell r="CP6">
            <v>0</v>
          </cell>
          <cell r="CQ6">
            <v>1</v>
          </cell>
        </row>
        <row r="7">
          <cell r="B7" t="str">
            <v>手売用「共通ウィズユーカード」等（前期分）</v>
          </cell>
          <cell r="C7" t="str">
            <v>0</v>
          </cell>
          <cell r="D7" t="str">
            <v/>
          </cell>
          <cell r="G7">
            <v>38478</v>
          </cell>
          <cell r="I7">
            <v>87365817</v>
          </cell>
          <cell r="J7">
            <v>3007683</v>
          </cell>
          <cell r="K7">
            <v>90373500</v>
          </cell>
          <cell r="L7" t="str">
            <v>入札</v>
          </cell>
          <cell r="M7">
            <v>3150000</v>
          </cell>
          <cell r="N7" t="str">
            <v>枚</v>
          </cell>
          <cell r="O7" t="str">
            <v>軌・営　高・営</v>
          </cell>
          <cell r="P7">
            <v>38590</v>
          </cell>
          <cell r="Q7" t="str">
            <v>経営企画課</v>
          </cell>
          <cell r="R7" t="str">
            <v>安藤　友明　2115</v>
          </cell>
          <cell r="S7" t="str">
            <v>管理者印必要</v>
          </cell>
          <cell r="T7" t="str">
            <v>無</v>
          </cell>
          <cell r="U7" t="str">
            <v>納入後</v>
          </cell>
          <cell r="V7" t="str">
            <v>壱</v>
          </cell>
          <cell r="X7" t="str">
            <v>管理者</v>
          </cell>
          <cell r="Y7" t="str">
            <v>必 要</v>
          </cell>
          <cell r="Z7" t="str">
            <v>なか１０日</v>
          </cell>
          <cell r="AA7" t="str">
            <v>入札</v>
          </cell>
          <cell r="AB7">
            <v>38498</v>
          </cell>
          <cell r="AC7">
            <v>38496</v>
          </cell>
          <cell r="AD7">
            <v>1100</v>
          </cell>
          <cell r="AE7" t="str">
            <v>出版･印刷業</v>
          </cell>
          <cell r="AF7" t="str">
            <v>出版</v>
          </cell>
          <cell r="AG7" t="str">
            <v>印刷</v>
          </cell>
          <cell r="AH7" t="str">
            <v>製本</v>
          </cell>
          <cell r="AI7" t="str">
            <v/>
          </cell>
          <cell r="AJ7" t="str">
            <v/>
          </cell>
          <cell r="AK7" t="str">
            <v/>
          </cell>
          <cell r="AL7" t="str">
            <v/>
          </cell>
          <cell r="AM7" t="str">
            <v/>
          </cell>
          <cell r="AN7" t="str">
            <v>印刷</v>
          </cell>
          <cell r="AO7">
            <v>18</v>
          </cell>
          <cell r="AP7">
            <v>2</v>
          </cell>
          <cell r="AR7" t="str">
            <v>-</v>
          </cell>
          <cell r="AS7">
            <v>6</v>
          </cell>
          <cell r="AT7" t="str">
            <v>ＮＥＣトーキン（株）営業本部仙台支店</v>
          </cell>
          <cell r="AU7" t="str">
            <v>共同印刷（株）</v>
          </cell>
          <cell r="AV7" t="str">
            <v>凸版印刷（株）北海道事業部</v>
          </cell>
          <cell r="AW7" t="str">
            <v>日本通信紙（株）札幌支店</v>
          </cell>
          <cell r="AY7" t="str">
            <v xml:space="preserve"> </v>
          </cell>
          <cell r="AZ7" t="str">
            <v xml:space="preserve"> </v>
          </cell>
          <cell r="BA7" t="str">
            <v xml:space="preserve"> </v>
          </cell>
          <cell r="BB7" t="str">
            <v xml:space="preserve"> </v>
          </cell>
          <cell r="BC7" t="str">
            <v xml:space="preserve"> </v>
          </cell>
          <cell r="BE7">
            <v>86070000</v>
          </cell>
          <cell r="BF7">
            <v>90373500</v>
          </cell>
          <cell r="BG7">
            <v>0</v>
          </cell>
          <cell r="BH7">
            <v>86070000</v>
          </cell>
          <cell r="BI7">
            <v>90373500</v>
          </cell>
          <cell r="BJ7" t="str">
            <v>日本通信紙（株）札幌支店</v>
          </cell>
          <cell r="BK7">
            <v>85995000</v>
          </cell>
          <cell r="BL7">
            <v>90294750</v>
          </cell>
          <cell r="BM7">
            <v>4299750</v>
          </cell>
          <cell r="BN7" t="str">
            <v>契 約 書</v>
          </cell>
          <cell r="BO7" t="str">
            <v>済</v>
          </cell>
          <cell r="BP7" t="str">
            <v>しない</v>
          </cell>
          <cell r="BQ7" t="str">
            <v>入  札</v>
          </cell>
          <cell r="BR7">
            <v>0.99912861624259319</v>
          </cell>
          <cell r="BS7">
            <v>38496</v>
          </cell>
          <cell r="BU7">
            <v>6</v>
          </cell>
          <cell r="BV7" t="str">
            <v>建改じゃないですね</v>
          </cell>
          <cell r="BW7">
            <v>6</v>
          </cell>
          <cell r="BX7" t="str">
            <v/>
          </cell>
          <cell r="BY7" t="str">
            <v>交付</v>
          </cell>
          <cell r="BZ7" t="str">
            <v>済</v>
          </cell>
          <cell r="CA7">
            <v>38590</v>
          </cell>
          <cell r="CB7" t="str">
            <v>納期と違う</v>
          </cell>
          <cell r="CC7">
            <v>38587</v>
          </cell>
          <cell r="CD7">
            <v>38587</v>
          </cell>
          <cell r="CE7">
            <v>38597</v>
          </cell>
          <cell r="CF7" t="str">
            <v>経過</v>
          </cell>
          <cell r="CG7">
            <v>7260715</v>
          </cell>
          <cell r="CH7" t="str">
            <v>日本通信紙（株）札幌支店</v>
          </cell>
          <cell r="CI7" t="str">
            <v>岡部</v>
          </cell>
          <cell r="CJ7" t="str">
            <v>経営企画課</v>
          </cell>
          <cell r="CK7" t="str">
            <v>安藤　友明　2115</v>
          </cell>
          <cell r="CN7">
            <v>90373500</v>
          </cell>
          <cell r="CO7">
            <v>27.323809523809523</v>
          </cell>
          <cell r="CP7">
            <v>78750</v>
          </cell>
          <cell r="CQ7">
            <v>0.99912861624259319</v>
          </cell>
        </row>
        <row r="8">
          <cell r="B8" t="str">
            <v>新紙幣対応に伴う自動出改札装置改良</v>
          </cell>
          <cell r="C8">
            <v>1</v>
          </cell>
          <cell r="D8">
            <v>1</v>
          </cell>
          <cell r="G8">
            <v>38489</v>
          </cell>
          <cell r="H8" t="str">
            <v>特命</v>
          </cell>
          <cell r="I8">
            <v>78046500</v>
          </cell>
          <cell r="K8">
            <v>78046500</v>
          </cell>
          <cell r="L8" t="str">
            <v>特命</v>
          </cell>
          <cell r="M8" t="str">
            <v>一</v>
          </cell>
          <cell r="N8" t="str">
            <v>式</v>
          </cell>
          <cell r="O8" t="str">
            <v>高・建改</v>
          </cell>
          <cell r="P8">
            <v>38622</v>
          </cell>
          <cell r="Q8" t="str">
            <v>電気課</v>
          </cell>
          <cell r="R8" t="str">
            <v>京谷　憲一　2665</v>
          </cell>
          <cell r="S8" t="str">
            <v>管理者印必要  経理係の合議要</v>
          </cell>
          <cell r="T8" t="str">
            <v>無</v>
          </cell>
          <cell r="U8" t="str">
            <v>納入後</v>
          </cell>
          <cell r="V8" t="str">
            <v>壱</v>
          </cell>
          <cell r="X8" t="str">
            <v>管理者</v>
          </cell>
          <cell r="Y8" t="str">
            <v>必 要</v>
          </cell>
          <cell r="Z8" t="str">
            <v>なか１０日</v>
          </cell>
          <cell r="AA8" t="str">
            <v>特命</v>
          </cell>
          <cell r="AB8">
            <v>38509</v>
          </cell>
          <cell r="AC8">
            <v>38504</v>
          </cell>
          <cell r="AD8">
            <v>1400</v>
          </cell>
          <cell r="AF8" t="e">
            <v>#N/A</v>
          </cell>
          <cell r="AG8" t="e">
            <v>#N/A</v>
          </cell>
          <cell r="AH8" t="e">
            <v>#N/A</v>
          </cell>
          <cell r="AI8" t="e">
            <v>#N/A</v>
          </cell>
          <cell r="AJ8" t="e">
            <v>#N/A</v>
          </cell>
          <cell r="AK8" t="e">
            <v>#N/A</v>
          </cell>
          <cell r="AL8" t="e">
            <v>#N/A</v>
          </cell>
          <cell r="AM8" t="e">
            <v>#N/A</v>
          </cell>
          <cell r="AO8" t="str">
            <v/>
          </cell>
          <cell r="AP8" t="str">
            <v/>
          </cell>
          <cell r="AS8" t="str">
            <v>-</v>
          </cell>
          <cell r="AY8" t="str">
            <v xml:space="preserve"> </v>
          </cell>
          <cell r="AZ8" t="str">
            <v xml:space="preserve"> </v>
          </cell>
          <cell r="BA8" t="str">
            <v xml:space="preserve"> </v>
          </cell>
          <cell r="BB8" t="str">
            <v xml:space="preserve"> </v>
          </cell>
          <cell r="BC8" t="str">
            <v xml:space="preserve"> </v>
          </cell>
          <cell r="BE8">
            <v>74300000</v>
          </cell>
          <cell r="BF8">
            <v>78015000</v>
          </cell>
          <cell r="BG8">
            <v>4.0360554284946115E-4</v>
          </cell>
          <cell r="BH8">
            <v>74300000</v>
          </cell>
          <cell r="BI8">
            <v>78015000</v>
          </cell>
          <cell r="BJ8" t="str">
            <v>日本信号（株）北海道支店</v>
          </cell>
          <cell r="BK8">
            <v>74000000</v>
          </cell>
          <cell r="BL8">
            <v>77700000</v>
          </cell>
          <cell r="BM8">
            <v>3700000</v>
          </cell>
          <cell r="BN8" t="str">
            <v>契 約 書</v>
          </cell>
          <cell r="BO8" t="str">
            <v>済</v>
          </cell>
          <cell r="BP8" t="str">
            <v>する</v>
          </cell>
          <cell r="BQ8" t="str">
            <v>見積</v>
          </cell>
          <cell r="BR8">
            <v>0.99596231493943477</v>
          </cell>
          <cell r="BS8">
            <v>38504</v>
          </cell>
          <cell r="BT8" t="str">
            <v>特例政令適用　告示</v>
          </cell>
          <cell r="BU8">
            <v>6</v>
          </cell>
          <cell r="BV8">
            <v>1</v>
          </cell>
          <cell r="BW8" t="str">
            <v>建改　１</v>
          </cell>
          <cell r="BX8">
            <v>1</v>
          </cell>
          <cell r="BY8" t="str">
            <v>交付</v>
          </cell>
          <cell r="BZ8" t="str">
            <v>済</v>
          </cell>
          <cell r="CA8">
            <v>38622</v>
          </cell>
          <cell r="CB8" t="str">
            <v>納期と同じ</v>
          </cell>
          <cell r="CD8">
            <v>38622</v>
          </cell>
          <cell r="CE8">
            <v>38624</v>
          </cell>
          <cell r="CF8" t="str">
            <v>経過</v>
          </cell>
          <cell r="CG8">
            <v>2714161</v>
          </cell>
          <cell r="CH8" t="str">
            <v>日本信号（株）北海道支店</v>
          </cell>
          <cell r="CI8" t="str">
            <v>佐々木　藤井</v>
          </cell>
          <cell r="CJ8" t="str">
            <v>電気課</v>
          </cell>
          <cell r="CK8" t="str">
            <v>京谷　憲一　2665</v>
          </cell>
          <cell r="CN8">
            <v>78046500</v>
          </cell>
          <cell r="CO8" t="e">
            <v>#VALUE!</v>
          </cell>
          <cell r="CP8">
            <v>346500</v>
          </cell>
          <cell r="CQ8">
            <v>0.99556033902865604</v>
          </cell>
        </row>
        <row r="9">
          <cell r="B9" t="str">
            <v>継電器試験器</v>
          </cell>
          <cell r="C9">
            <v>2</v>
          </cell>
          <cell r="D9">
            <v>2</v>
          </cell>
          <cell r="E9" t="str">
            <v>けいでんきしけんき</v>
          </cell>
          <cell r="G9">
            <v>38491</v>
          </cell>
          <cell r="I9">
            <v>8434125</v>
          </cell>
          <cell r="K9">
            <v>8434125</v>
          </cell>
          <cell r="L9" t="str">
            <v>入札</v>
          </cell>
          <cell r="M9" t="str">
            <v>一</v>
          </cell>
          <cell r="N9" t="str">
            <v>式</v>
          </cell>
          <cell r="O9" t="str">
            <v>高・建改</v>
          </cell>
          <cell r="P9">
            <v>38776</v>
          </cell>
          <cell r="Q9" t="str">
            <v>車両課(真駒内)</v>
          </cell>
          <cell r="R9" t="str">
            <v>小関　克美　8304</v>
          </cell>
          <cell r="S9" t="str">
            <v>主管の部長印が必要  経理係の合議要</v>
          </cell>
          <cell r="T9" t="str">
            <v>無</v>
          </cell>
          <cell r="U9" t="str">
            <v>納入後</v>
          </cell>
          <cell r="V9" t="str">
            <v>壱</v>
          </cell>
          <cell r="X9" t="str">
            <v>部長</v>
          </cell>
          <cell r="Y9" t="str">
            <v>必 要</v>
          </cell>
          <cell r="Z9" t="str">
            <v>なか５日</v>
          </cell>
          <cell r="AA9" t="str">
            <v>入札</v>
          </cell>
          <cell r="AB9">
            <v>38503</v>
          </cell>
          <cell r="AC9">
            <v>38505</v>
          </cell>
          <cell r="AD9">
            <v>1100</v>
          </cell>
          <cell r="AE9" t="str">
            <v>電気機械器具製造業</v>
          </cell>
          <cell r="AF9" t="str">
            <v>発電用・送電用</v>
          </cell>
          <cell r="AG9" t="str">
            <v>通信機械器具</v>
          </cell>
          <cell r="AH9" t="str">
            <v>電子計算機・同付属装置</v>
          </cell>
          <cell r="AI9" t="str">
            <v>電子応用装置</v>
          </cell>
          <cell r="AJ9" t="str">
            <v>電気計測器</v>
          </cell>
          <cell r="AK9" t="str">
            <v>電子機器・通信機器用部品</v>
          </cell>
          <cell r="AL9" t="str">
            <v>その他電気機械器具</v>
          </cell>
          <cell r="AM9" t="str">
            <v/>
          </cell>
          <cell r="AN9" t="str">
            <v>電気計測器</v>
          </cell>
          <cell r="AO9">
            <v>2</v>
          </cell>
          <cell r="AP9">
            <v>5</v>
          </cell>
          <cell r="AR9" t="str">
            <v>Ａ</v>
          </cell>
          <cell r="AS9">
            <v>4</v>
          </cell>
          <cell r="AT9" t="str">
            <v>（株）東芝北海道支社</v>
          </cell>
          <cell r="AU9" t="str">
            <v>日本信号（株）北海道支店</v>
          </cell>
          <cell r="AV9" t="str">
            <v>（株）日立製作所北海道支社</v>
          </cell>
          <cell r="AW9" t="str">
            <v>三菱電機（株）北海道支社</v>
          </cell>
          <cell r="AY9" t="str">
            <v xml:space="preserve"> </v>
          </cell>
          <cell r="AZ9" t="str">
            <v xml:space="preserve"> </v>
          </cell>
          <cell r="BA9" t="str">
            <v xml:space="preserve"> </v>
          </cell>
          <cell r="BB9" t="str">
            <v xml:space="preserve"> </v>
          </cell>
          <cell r="BC9" t="str">
            <v xml:space="preserve"> </v>
          </cell>
          <cell r="BE9">
            <v>8000000</v>
          </cell>
          <cell r="BF9">
            <v>8400000</v>
          </cell>
          <cell r="BG9">
            <v>4.046062869592304E-3</v>
          </cell>
          <cell r="BH9">
            <v>8000000</v>
          </cell>
          <cell r="BI9">
            <v>8400000</v>
          </cell>
          <cell r="BJ9" t="str">
            <v>（株）日立製作所北海道支社</v>
          </cell>
          <cell r="BK9">
            <v>7600000</v>
          </cell>
          <cell r="BL9">
            <v>7980000</v>
          </cell>
          <cell r="BM9">
            <v>380000</v>
          </cell>
          <cell r="BN9" t="str">
            <v>契 約 書</v>
          </cell>
          <cell r="BO9" t="str">
            <v>済</v>
          </cell>
          <cell r="BP9" t="str">
            <v>する</v>
          </cell>
          <cell r="BQ9" t="str">
            <v>入  札</v>
          </cell>
          <cell r="BR9">
            <v>0.95</v>
          </cell>
          <cell r="BS9">
            <v>38506</v>
          </cell>
          <cell r="BU9">
            <v>6</v>
          </cell>
          <cell r="BV9">
            <v>2</v>
          </cell>
          <cell r="BW9" t="str">
            <v>建改　２</v>
          </cell>
          <cell r="BX9">
            <v>2</v>
          </cell>
          <cell r="BY9" t="str">
            <v>交付</v>
          </cell>
          <cell r="BZ9" t="str">
            <v>済</v>
          </cell>
          <cell r="CA9">
            <v>38776</v>
          </cell>
          <cell r="CB9" t="str">
            <v>納期と違う</v>
          </cell>
          <cell r="CC9">
            <v>38771</v>
          </cell>
          <cell r="CD9">
            <v>38771</v>
          </cell>
          <cell r="CE9">
            <v>38776</v>
          </cell>
          <cell r="CF9" t="str">
            <v>経過</v>
          </cell>
          <cell r="CG9">
            <v>2210354</v>
          </cell>
          <cell r="CH9" t="str">
            <v>（株）日立製作所北海道支社</v>
          </cell>
          <cell r="CI9" t="str">
            <v>土井　土屋</v>
          </cell>
          <cell r="CJ9" t="str">
            <v>車両課(真駒内)</v>
          </cell>
          <cell r="CK9" t="str">
            <v>小関　克美　8304</v>
          </cell>
          <cell r="CN9">
            <v>8434125</v>
          </cell>
          <cell r="CO9" t="e">
            <v>#VALUE!</v>
          </cell>
          <cell r="CP9">
            <v>454125</v>
          </cell>
          <cell r="CQ9">
            <v>0.94615624027388734</v>
          </cell>
        </row>
        <row r="10">
          <cell r="B10" t="str">
            <v>旅客配布用地下鉄時刻表</v>
          </cell>
          <cell r="C10">
            <v>2</v>
          </cell>
          <cell r="D10" t="str">
            <v/>
          </cell>
          <cell r="G10">
            <v>38492</v>
          </cell>
          <cell r="I10">
            <v>1967070</v>
          </cell>
          <cell r="K10">
            <v>1967070</v>
          </cell>
          <cell r="L10" t="str">
            <v>公開</v>
          </cell>
          <cell r="M10" t="str">
            <v>一</v>
          </cell>
          <cell r="N10" t="str">
            <v>式</v>
          </cell>
          <cell r="O10" t="str">
            <v>高・営</v>
          </cell>
          <cell r="P10">
            <v>38526</v>
          </cell>
          <cell r="Q10" t="str">
            <v>業務課</v>
          </cell>
          <cell r="R10" t="str">
            <v>桜庭　一昭　2416</v>
          </cell>
          <cell r="S10" t="str">
            <v>主管の部長印が必要</v>
          </cell>
          <cell r="T10" t="str">
            <v>無</v>
          </cell>
          <cell r="U10" t="str">
            <v>納入後</v>
          </cell>
          <cell r="V10" t="str">
            <v>壱</v>
          </cell>
          <cell r="X10" t="str">
            <v>課長</v>
          </cell>
          <cell r="Y10" t="str">
            <v>省略可</v>
          </cell>
          <cell r="Z10" t="str">
            <v>なか１日</v>
          </cell>
          <cell r="AA10" t="str">
            <v>公開</v>
          </cell>
          <cell r="AB10">
            <v>38498</v>
          </cell>
          <cell r="AC10">
            <v>38498</v>
          </cell>
          <cell r="AF10" t="e">
            <v>#N/A</v>
          </cell>
          <cell r="AG10" t="e">
            <v>#N/A</v>
          </cell>
          <cell r="AH10" t="e">
            <v>#N/A</v>
          </cell>
          <cell r="AI10" t="e">
            <v>#N/A</v>
          </cell>
          <cell r="AJ10" t="e">
            <v>#N/A</v>
          </cell>
          <cell r="AK10" t="e">
            <v>#N/A</v>
          </cell>
          <cell r="AL10" t="e">
            <v>#N/A</v>
          </cell>
          <cell r="AM10" t="e">
            <v>#N/A</v>
          </cell>
          <cell r="AO10" t="str">
            <v/>
          </cell>
          <cell r="AP10" t="str">
            <v/>
          </cell>
          <cell r="AS10" t="str">
            <v>-</v>
          </cell>
          <cell r="AT10" t="str">
            <v>ひまわり印刷（株）</v>
          </cell>
          <cell r="AU10" t="str">
            <v>（株）須田製版</v>
          </cell>
          <cell r="AV10" t="str">
            <v>柏陽印刷（株）</v>
          </cell>
          <cell r="AW10" t="str">
            <v>北陽ビジネスフォーム（株）</v>
          </cell>
          <cell r="AY10" t="str">
            <v xml:space="preserve"> </v>
          </cell>
          <cell r="AZ10" t="str">
            <v xml:space="preserve"> </v>
          </cell>
          <cell r="BA10" t="str">
            <v xml:space="preserve"> </v>
          </cell>
          <cell r="BB10" t="str">
            <v xml:space="preserve"> </v>
          </cell>
          <cell r="BC10" t="str">
            <v xml:space="preserve"> </v>
          </cell>
          <cell r="BF10">
            <v>0</v>
          </cell>
          <cell r="BG10">
            <v>1</v>
          </cell>
          <cell r="BI10">
            <v>1967070</v>
          </cell>
          <cell r="BJ10" t="str">
            <v>ひまわり印刷（株）</v>
          </cell>
          <cell r="BK10">
            <v>591600</v>
          </cell>
          <cell r="BL10">
            <v>621180</v>
          </cell>
          <cell r="BM10">
            <v>29580</v>
          </cell>
          <cell r="BN10" t="str">
            <v>請書</v>
          </cell>
          <cell r="BO10" t="str">
            <v>非契約書</v>
          </cell>
          <cell r="BP10" t="str">
            <v>しない</v>
          </cell>
          <cell r="BQ10" t="str">
            <v>見積(公開)</v>
          </cell>
          <cell r="BR10">
            <v>0.31578947368421051</v>
          </cell>
          <cell r="BS10">
            <v>38502</v>
          </cell>
          <cell r="BU10">
            <v>7</v>
          </cell>
          <cell r="BV10" t="str">
            <v>建改じゃないですね</v>
          </cell>
          <cell r="BW10">
            <v>7</v>
          </cell>
          <cell r="BX10" t="str">
            <v/>
          </cell>
          <cell r="BY10" t="str">
            <v/>
          </cell>
          <cell r="BZ10" t="str">
            <v/>
          </cell>
          <cell r="CA10">
            <v>38526</v>
          </cell>
          <cell r="CD10" t="str">
            <v/>
          </cell>
          <cell r="CF10" t="str">
            <v/>
          </cell>
          <cell r="CG10">
            <v>7484500</v>
          </cell>
          <cell r="CH10" t="str">
            <v>ひまわり印刷（株）</v>
          </cell>
          <cell r="CI10" t="str">
            <v>黒沢</v>
          </cell>
          <cell r="CJ10" t="str">
            <v>業務課</v>
          </cell>
          <cell r="CK10" t="str">
            <v>桜庭　一昭　2416</v>
          </cell>
          <cell r="CN10">
            <v>1967070</v>
          </cell>
          <cell r="CO10" t="e">
            <v>#VALUE!</v>
          </cell>
          <cell r="CP10">
            <v>1345890</v>
          </cell>
          <cell r="CQ10">
            <v>0.31578947368421051</v>
          </cell>
        </row>
        <row r="11">
          <cell r="B11" t="str">
            <v>地下４５駅避難経路図</v>
          </cell>
          <cell r="C11">
            <v>2</v>
          </cell>
          <cell r="D11" t="str">
            <v/>
          </cell>
          <cell r="G11">
            <v>38497</v>
          </cell>
          <cell r="I11">
            <v>8930880</v>
          </cell>
          <cell r="K11">
            <v>8930880</v>
          </cell>
          <cell r="L11" t="str">
            <v>入札</v>
          </cell>
          <cell r="M11" t="str">
            <v>一</v>
          </cell>
          <cell r="N11" t="str">
            <v>式</v>
          </cell>
          <cell r="O11" t="str">
            <v>高・営</v>
          </cell>
          <cell r="P11">
            <v>38533</v>
          </cell>
          <cell r="Q11" t="str">
            <v>業務課</v>
          </cell>
          <cell r="R11" t="str">
            <v>佐藤　顕　2417</v>
          </cell>
          <cell r="S11" t="str">
            <v>主管の部長印が必要</v>
          </cell>
          <cell r="T11" t="str">
            <v>無</v>
          </cell>
          <cell r="U11" t="str">
            <v>納入後</v>
          </cell>
          <cell r="V11" t="str">
            <v>壱</v>
          </cell>
          <cell r="X11" t="str">
            <v>部長</v>
          </cell>
          <cell r="Y11" t="str">
            <v>必 要</v>
          </cell>
          <cell r="Z11" t="str">
            <v>なか５日</v>
          </cell>
          <cell r="AA11" t="str">
            <v>入札</v>
          </cell>
          <cell r="AB11">
            <v>38509</v>
          </cell>
          <cell r="AC11">
            <v>38510</v>
          </cell>
          <cell r="AD11">
            <v>1105</v>
          </cell>
          <cell r="AE11" t="str">
            <v>その他製造業</v>
          </cell>
          <cell r="AF11" t="str">
            <v>看板・標識</v>
          </cell>
          <cell r="AG11" t="str">
            <v>玩具・運動競技用具</v>
          </cell>
          <cell r="AH11" t="str">
            <v>他に分類されない製造業</v>
          </cell>
          <cell r="AI11" t="str">
            <v/>
          </cell>
          <cell r="AJ11" t="str">
            <v/>
          </cell>
          <cell r="AK11" t="str">
            <v/>
          </cell>
          <cell r="AL11" t="str">
            <v/>
          </cell>
          <cell r="AM11" t="str">
            <v/>
          </cell>
          <cell r="AN11" t="str">
            <v>看板・標識</v>
          </cell>
          <cell r="AO11">
            <v>19</v>
          </cell>
          <cell r="AP11">
            <v>1</v>
          </cell>
          <cell r="AR11" t="str">
            <v>Ａ</v>
          </cell>
          <cell r="AS11">
            <v>4</v>
          </cell>
          <cell r="AT11" t="str">
            <v>（株）大宮ホーロー北海道製作所</v>
          </cell>
          <cell r="AU11" t="str">
            <v>凸版印刷（株）北海道事業部</v>
          </cell>
          <cell r="AV11" t="str">
            <v>（株）日本孔版</v>
          </cell>
          <cell r="AW11" t="str">
            <v>表示灯（株）札幌支社</v>
          </cell>
          <cell r="AY11" t="str">
            <v xml:space="preserve"> </v>
          </cell>
          <cell r="AZ11" t="str">
            <v xml:space="preserve"> </v>
          </cell>
          <cell r="BA11" t="str">
            <v xml:space="preserve"> </v>
          </cell>
          <cell r="BB11" t="str">
            <v xml:space="preserve"> </v>
          </cell>
          <cell r="BC11" t="str">
            <v xml:space="preserve"> </v>
          </cell>
          <cell r="BE11">
            <v>8000000</v>
          </cell>
          <cell r="BF11">
            <v>8400000</v>
          </cell>
          <cell r="BG11">
            <v>5.9443190368698273E-2</v>
          </cell>
          <cell r="BH11">
            <v>8000000</v>
          </cell>
          <cell r="BI11">
            <v>8400000</v>
          </cell>
          <cell r="BJ11" t="str">
            <v>（株）日本孔版</v>
          </cell>
          <cell r="BK11">
            <v>7650000</v>
          </cell>
          <cell r="BL11">
            <v>8032500</v>
          </cell>
          <cell r="BM11">
            <v>382500</v>
          </cell>
          <cell r="BN11" t="str">
            <v>契 約 書</v>
          </cell>
          <cell r="BO11" t="str">
            <v>済</v>
          </cell>
          <cell r="BP11" t="str">
            <v>しない</v>
          </cell>
          <cell r="BQ11" t="str">
            <v>入  札</v>
          </cell>
          <cell r="BR11">
            <v>0.95625000000000004</v>
          </cell>
          <cell r="BS11">
            <v>38511</v>
          </cell>
          <cell r="BU11">
            <v>8</v>
          </cell>
          <cell r="BV11" t="str">
            <v>建改じゃないですね</v>
          </cell>
          <cell r="BW11">
            <v>8</v>
          </cell>
          <cell r="BX11" t="str">
            <v/>
          </cell>
          <cell r="BY11" t="str">
            <v>交付</v>
          </cell>
          <cell r="BZ11" t="str">
            <v>済</v>
          </cell>
          <cell r="CA11">
            <v>38533</v>
          </cell>
          <cell r="CB11" t="str">
            <v>納期と同じ</v>
          </cell>
          <cell r="CD11">
            <v>38533</v>
          </cell>
          <cell r="CE11">
            <v>38580</v>
          </cell>
          <cell r="CF11" t="str">
            <v>経過</v>
          </cell>
          <cell r="CG11">
            <v>7913301</v>
          </cell>
          <cell r="CH11" t="str">
            <v>（株）日本孔版</v>
          </cell>
          <cell r="CI11" t="str">
            <v>新谷あらや</v>
          </cell>
          <cell r="CJ11" t="str">
            <v>業務課</v>
          </cell>
          <cell r="CK11" t="str">
            <v>佐藤　顕　2417</v>
          </cell>
          <cell r="CN11">
            <v>8930880</v>
          </cell>
          <cell r="CO11" t="e">
            <v>#VALUE!</v>
          </cell>
          <cell r="CP11">
            <v>898380</v>
          </cell>
          <cell r="CQ11">
            <v>0.89940744920993232</v>
          </cell>
        </row>
        <row r="12">
          <cell r="B12" t="str">
            <v>記念共通ウィズユーカード【映画「鋼の錬金術師」】</v>
          </cell>
          <cell r="C12">
            <v>2</v>
          </cell>
          <cell r="D12" t="str">
            <v/>
          </cell>
          <cell r="E12" t="str">
            <v>はがねのれんきんじゅつし</v>
          </cell>
          <cell r="G12">
            <v>38511</v>
          </cell>
          <cell r="H12" t="str">
            <v>特命</v>
          </cell>
          <cell r="I12">
            <v>5512</v>
          </cell>
          <cell r="J12">
            <v>178238</v>
          </cell>
          <cell r="K12">
            <v>183750</v>
          </cell>
          <cell r="L12" t="str">
            <v>特命</v>
          </cell>
          <cell r="M12" t="str">
            <v>一</v>
          </cell>
          <cell r="N12" t="str">
            <v>式</v>
          </cell>
          <cell r="O12" t="str">
            <v>軌・営　高・営</v>
          </cell>
          <cell r="P12">
            <v>38534</v>
          </cell>
          <cell r="Q12" t="str">
            <v>経営企画課</v>
          </cell>
          <cell r="R12" t="str">
            <v>北村　淳　2125</v>
          </cell>
          <cell r="S12" t="str">
            <v>主管の課長印でよい</v>
          </cell>
          <cell r="T12" t="str">
            <v>無</v>
          </cell>
          <cell r="U12" t="str">
            <v>納入後</v>
          </cell>
          <cell r="V12" t="str">
            <v>壱</v>
          </cell>
          <cell r="X12" t="str">
            <v>課長</v>
          </cell>
          <cell r="Y12" t="str">
            <v>省略可</v>
          </cell>
          <cell r="Z12" t="str">
            <v>なか１日</v>
          </cell>
          <cell r="AA12" t="str">
            <v>特命</v>
          </cell>
          <cell r="AB12">
            <v>38516</v>
          </cell>
          <cell r="AC12">
            <v>38517</v>
          </cell>
          <cell r="AD12">
            <v>1400</v>
          </cell>
          <cell r="AF12" t="e">
            <v>#N/A</v>
          </cell>
          <cell r="AG12" t="e">
            <v>#N/A</v>
          </cell>
          <cell r="AH12" t="e">
            <v>#N/A</v>
          </cell>
          <cell r="AI12" t="e">
            <v>#N/A</v>
          </cell>
          <cell r="AJ12" t="e">
            <v>#N/A</v>
          </cell>
          <cell r="AK12" t="e">
            <v>#N/A</v>
          </cell>
          <cell r="AL12" t="e">
            <v>#N/A</v>
          </cell>
          <cell r="AM12" t="e">
            <v>#N/A</v>
          </cell>
          <cell r="AO12" t="str">
            <v/>
          </cell>
          <cell r="AP12" t="str">
            <v/>
          </cell>
          <cell r="AS12" t="str">
            <v>-</v>
          </cell>
          <cell r="AY12" t="str">
            <v xml:space="preserve"> </v>
          </cell>
          <cell r="AZ12" t="str">
            <v xml:space="preserve"> </v>
          </cell>
          <cell r="BA12" t="str">
            <v xml:space="preserve"> </v>
          </cell>
          <cell r="BB12" t="str">
            <v xml:space="preserve"> </v>
          </cell>
          <cell r="BC12" t="str">
            <v xml:space="preserve"> </v>
          </cell>
          <cell r="BF12">
            <v>0</v>
          </cell>
          <cell r="BG12">
            <v>1</v>
          </cell>
          <cell r="BI12">
            <v>183750</v>
          </cell>
          <cell r="BJ12" t="str">
            <v>ＮＥＣトーキン（株）営業本部仙台支店</v>
          </cell>
          <cell r="BK12">
            <v>175000</v>
          </cell>
          <cell r="BL12">
            <v>183750</v>
          </cell>
          <cell r="BM12">
            <v>8750</v>
          </cell>
          <cell r="BN12" t="str">
            <v>発注書</v>
          </cell>
          <cell r="BO12" t="str">
            <v>非契約書</v>
          </cell>
          <cell r="BP12" t="str">
            <v>しない</v>
          </cell>
          <cell r="BQ12" t="str">
            <v>見積</v>
          </cell>
          <cell r="BR12">
            <v>1</v>
          </cell>
          <cell r="BS12">
            <v>38517</v>
          </cell>
          <cell r="BU12">
            <v>9</v>
          </cell>
          <cell r="BV12" t="str">
            <v>建改じゃないですね</v>
          </cell>
          <cell r="BW12">
            <v>9</v>
          </cell>
          <cell r="BX12" t="str">
            <v/>
          </cell>
          <cell r="BY12" t="str">
            <v/>
          </cell>
          <cell r="BZ12" t="str">
            <v/>
          </cell>
          <cell r="CA12">
            <v>38534</v>
          </cell>
          <cell r="CD12" t="str">
            <v/>
          </cell>
          <cell r="CF12" t="str">
            <v/>
          </cell>
          <cell r="CG12" t="str">
            <v>佐鳥221-6530</v>
          </cell>
          <cell r="CH12" t="str">
            <v>ＮＥＣトーキン（株）営業本部仙台支店</v>
          </cell>
          <cell r="CI12" t="str">
            <v>佐鳥　伊藤</v>
          </cell>
          <cell r="CJ12" t="str">
            <v>経営企画課</v>
          </cell>
          <cell r="CK12" t="str">
            <v>北村　淳　2125</v>
          </cell>
          <cell r="CN12">
            <v>183750</v>
          </cell>
          <cell r="CO12" t="e">
            <v>#VALUE!</v>
          </cell>
          <cell r="CP12">
            <v>0</v>
          </cell>
          <cell r="CQ12">
            <v>1</v>
          </cell>
        </row>
        <row r="13">
          <cell r="B13" t="str">
            <v>チョッパーゲート試験器改良</v>
          </cell>
          <cell r="C13">
            <v>3</v>
          </cell>
          <cell r="D13">
            <v>3</v>
          </cell>
          <cell r="G13">
            <v>38526</v>
          </cell>
          <cell r="H13" t="str">
            <v>特命</v>
          </cell>
          <cell r="I13">
            <v>7959000</v>
          </cell>
          <cell r="K13">
            <v>7959000</v>
          </cell>
          <cell r="L13" t="str">
            <v>特命</v>
          </cell>
          <cell r="M13" t="str">
            <v>一</v>
          </cell>
          <cell r="N13" t="str">
            <v>式</v>
          </cell>
          <cell r="O13" t="str">
            <v>高・建改</v>
          </cell>
          <cell r="P13">
            <v>38776</v>
          </cell>
          <cell r="Q13" t="str">
            <v>車両課(真駒内)</v>
          </cell>
          <cell r="R13" t="str">
            <v>小関　克美　8304</v>
          </cell>
          <cell r="S13" t="str">
            <v>主管の部長印が必要  経理係の合議要</v>
          </cell>
          <cell r="T13" t="str">
            <v>無</v>
          </cell>
          <cell r="U13" t="str">
            <v>納入後</v>
          </cell>
          <cell r="V13" t="str">
            <v>壱</v>
          </cell>
          <cell r="X13" t="str">
            <v>部長</v>
          </cell>
          <cell r="Y13" t="str">
            <v>必 要</v>
          </cell>
          <cell r="Z13" t="str">
            <v>なか５日</v>
          </cell>
          <cell r="AA13" t="str">
            <v>特命</v>
          </cell>
          <cell r="AB13">
            <v>38538</v>
          </cell>
          <cell r="AC13">
            <v>38538</v>
          </cell>
          <cell r="AD13">
            <v>1400</v>
          </cell>
          <cell r="AF13" t="e">
            <v>#N/A</v>
          </cell>
          <cell r="AG13" t="e">
            <v>#N/A</v>
          </cell>
          <cell r="AH13" t="e">
            <v>#N/A</v>
          </cell>
          <cell r="AI13" t="e">
            <v>#N/A</v>
          </cell>
          <cell r="AJ13" t="e">
            <v>#N/A</v>
          </cell>
          <cell r="AK13" t="e">
            <v>#N/A</v>
          </cell>
          <cell r="AL13" t="e">
            <v>#N/A</v>
          </cell>
          <cell r="AM13" t="e">
            <v>#N/A</v>
          </cell>
          <cell r="AO13" t="str">
            <v/>
          </cell>
          <cell r="AP13" t="str">
            <v/>
          </cell>
          <cell r="AS13" t="str">
            <v>-</v>
          </cell>
          <cell r="AY13" t="str">
            <v xml:space="preserve"> </v>
          </cell>
          <cell r="AZ13" t="str">
            <v xml:space="preserve"> </v>
          </cell>
          <cell r="BA13" t="str">
            <v xml:space="preserve"> </v>
          </cell>
          <cell r="BB13" t="str">
            <v xml:space="preserve"> </v>
          </cell>
          <cell r="BC13" t="str">
            <v xml:space="preserve"> </v>
          </cell>
          <cell r="BE13">
            <v>7580000</v>
          </cell>
          <cell r="BF13">
            <v>7959000</v>
          </cell>
          <cell r="BG13">
            <v>0</v>
          </cell>
          <cell r="BH13">
            <v>7580000</v>
          </cell>
          <cell r="BI13">
            <v>7959000</v>
          </cell>
          <cell r="BJ13" t="str">
            <v>（株）日立製作所北海道支社</v>
          </cell>
          <cell r="BK13">
            <v>7550000</v>
          </cell>
          <cell r="BL13">
            <v>7927500</v>
          </cell>
          <cell r="BM13">
            <v>377500</v>
          </cell>
          <cell r="BN13" t="str">
            <v>契 約 書</v>
          </cell>
          <cell r="BO13" t="str">
            <v>済</v>
          </cell>
          <cell r="BP13" t="str">
            <v>する</v>
          </cell>
          <cell r="BQ13" t="str">
            <v>見積</v>
          </cell>
          <cell r="BR13">
            <v>0.99604221635883905</v>
          </cell>
          <cell r="BS13">
            <v>38539</v>
          </cell>
          <cell r="BU13">
            <v>9</v>
          </cell>
          <cell r="BV13">
            <v>3</v>
          </cell>
          <cell r="BW13" t="str">
            <v>建改　３</v>
          </cell>
          <cell r="BX13">
            <v>3</v>
          </cell>
          <cell r="BY13" t="str">
            <v>交付</v>
          </cell>
          <cell r="BZ13" t="str">
            <v>済</v>
          </cell>
          <cell r="CA13">
            <v>38776</v>
          </cell>
          <cell r="CB13" t="str">
            <v>納期と違う</v>
          </cell>
          <cell r="CC13">
            <v>38771</v>
          </cell>
          <cell r="CD13">
            <v>38771</v>
          </cell>
          <cell r="CE13">
            <v>38776</v>
          </cell>
          <cell r="CF13" t="str">
            <v>経過</v>
          </cell>
          <cell r="CG13">
            <v>2210354</v>
          </cell>
          <cell r="CH13" t="str">
            <v>（株）日立製作所北海道支社</v>
          </cell>
          <cell r="CI13" t="str">
            <v>土井　土屋</v>
          </cell>
          <cell r="CJ13" t="str">
            <v>車両課(真駒内)</v>
          </cell>
          <cell r="CK13" t="str">
            <v>小関　克美　8304</v>
          </cell>
          <cell r="CN13">
            <v>7959000</v>
          </cell>
          <cell r="CO13" t="e">
            <v>#VALUE!</v>
          </cell>
          <cell r="CP13">
            <v>31500</v>
          </cell>
          <cell r="CQ13">
            <v>0.99604221635883905</v>
          </cell>
        </row>
        <row r="14">
          <cell r="B14" t="str">
            <v>上下式転てつ器制御盤他</v>
          </cell>
          <cell r="C14">
            <v>3</v>
          </cell>
          <cell r="D14" t="str">
            <v/>
          </cell>
          <cell r="G14">
            <v>38526</v>
          </cell>
          <cell r="H14" t="str">
            <v>特命</v>
          </cell>
          <cell r="I14">
            <v>19782000</v>
          </cell>
          <cell r="K14">
            <v>19782000</v>
          </cell>
          <cell r="L14" t="str">
            <v>特命</v>
          </cell>
          <cell r="M14" t="str">
            <v>一</v>
          </cell>
          <cell r="N14" t="str">
            <v>式</v>
          </cell>
          <cell r="O14" t="str">
            <v>高・営</v>
          </cell>
          <cell r="P14">
            <v>38800</v>
          </cell>
          <cell r="Q14" t="str">
            <v>施設課</v>
          </cell>
          <cell r="R14" t="str">
            <v>石川　政幸　2594</v>
          </cell>
          <cell r="S14" t="str">
            <v>主管の部長印が必要</v>
          </cell>
          <cell r="T14" t="str">
            <v>無</v>
          </cell>
          <cell r="U14" t="str">
            <v>納入後</v>
          </cell>
          <cell r="V14" t="str">
            <v>壱</v>
          </cell>
          <cell r="X14" t="str">
            <v>管理者</v>
          </cell>
          <cell r="Y14" t="str">
            <v>必 要</v>
          </cell>
          <cell r="Z14" t="str">
            <v>なか５日</v>
          </cell>
          <cell r="AA14" t="str">
            <v>特命</v>
          </cell>
          <cell r="AB14">
            <v>38539</v>
          </cell>
          <cell r="AC14">
            <v>38538</v>
          </cell>
          <cell r="AD14">
            <v>1500</v>
          </cell>
          <cell r="AF14" t="e">
            <v>#N/A</v>
          </cell>
          <cell r="AG14" t="e">
            <v>#N/A</v>
          </cell>
          <cell r="AH14" t="e">
            <v>#N/A</v>
          </cell>
          <cell r="AI14" t="e">
            <v>#N/A</v>
          </cell>
          <cell r="AJ14" t="e">
            <v>#N/A</v>
          </cell>
          <cell r="AK14" t="e">
            <v>#N/A</v>
          </cell>
          <cell r="AL14" t="e">
            <v>#N/A</v>
          </cell>
          <cell r="AM14" t="e">
            <v>#N/A</v>
          </cell>
          <cell r="AO14" t="str">
            <v/>
          </cell>
          <cell r="AP14" t="str">
            <v/>
          </cell>
          <cell r="AS14" t="str">
            <v>-</v>
          </cell>
          <cell r="AY14" t="str">
            <v xml:space="preserve"> </v>
          </cell>
          <cell r="AZ14" t="str">
            <v xml:space="preserve"> </v>
          </cell>
          <cell r="BA14" t="str">
            <v xml:space="preserve"> </v>
          </cell>
          <cell r="BB14" t="str">
            <v xml:space="preserve"> </v>
          </cell>
          <cell r="BC14" t="str">
            <v xml:space="preserve"> </v>
          </cell>
          <cell r="BE14">
            <v>18550000</v>
          </cell>
          <cell r="BF14">
            <v>19477500</v>
          </cell>
          <cell r="BG14">
            <v>1.5392781316348247E-2</v>
          </cell>
          <cell r="BH14">
            <v>18550000</v>
          </cell>
          <cell r="BI14">
            <v>19477500</v>
          </cell>
          <cell r="BJ14" t="str">
            <v>札幌川重車両エンジニアリング（株）</v>
          </cell>
          <cell r="BK14">
            <v>18550000</v>
          </cell>
          <cell r="BL14">
            <v>19477500</v>
          </cell>
          <cell r="BM14">
            <v>927500</v>
          </cell>
          <cell r="BN14" t="str">
            <v>契 約 書</v>
          </cell>
          <cell r="BO14" t="str">
            <v>済</v>
          </cell>
          <cell r="BP14" t="str">
            <v>しない</v>
          </cell>
          <cell r="BQ14" t="str">
            <v>見積</v>
          </cell>
          <cell r="BR14">
            <v>1</v>
          </cell>
          <cell r="BS14">
            <v>38539</v>
          </cell>
          <cell r="BU14">
            <v>10</v>
          </cell>
          <cell r="BV14" t="str">
            <v>建改じゃないですね</v>
          </cell>
          <cell r="BW14">
            <v>10</v>
          </cell>
          <cell r="BX14" t="str">
            <v/>
          </cell>
          <cell r="BY14" t="str">
            <v>交付</v>
          </cell>
          <cell r="BZ14" t="str">
            <v>済</v>
          </cell>
          <cell r="CA14">
            <v>38800</v>
          </cell>
          <cell r="CB14" t="str">
            <v>納期と違う</v>
          </cell>
          <cell r="CC14">
            <v>38776</v>
          </cell>
          <cell r="CD14">
            <v>38776</v>
          </cell>
          <cell r="CE14">
            <v>38786</v>
          </cell>
          <cell r="CF14" t="str">
            <v>経過</v>
          </cell>
          <cell r="CG14">
            <v>2813701</v>
          </cell>
          <cell r="CH14" t="str">
            <v>札幌川重車両エンジニアリング（株）</v>
          </cell>
          <cell r="CI14" t="str">
            <v>苛原いらはら　武中</v>
          </cell>
          <cell r="CJ14" t="str">
            <v>施設課</v>
          </cell>
          <cell r="CK14" t="str">
            <v>石川　政幸　2594</v>
          </cell>
          <cell r="CN14">
            <v>19782000</v>
          </cell>
          <cell r="CO14" t="e">
            <v>#VALUE!</v>
          </cell>
          <cell r="CP14">
            <v>304500</v>
          </cell>
          <cell r="CQ14">
            <v>0.98460721868365175</v>
          </cell>
        </row>
        <row r="15">
          <cell r="B15" t="str">
            <v>記念共通ウィズユーカード【映画「金色のガッシュベル」】</v>
          </cell>
          <cell r="C15">
            <v>3</v>
          </cell>
          <cell r="D15" t="str">
            <v/>
          </cell>
          <cell r="G15">
            <v>38532</v>
          </cell>
          <cell r="H15" t="str">
            <v>特命</v>
          </cell>
          <cell r="I15">
            <v>178238</v>
          </cell>
          <cell r="J15">
            <v>5512</v>
          </cell>
          <cell r="K15">
            <v>183750</v>
          </cell>
          <cell r="L15" t="str">
            <v>特命</v>
          </cell>
          <cell r="M15" t="str">
            <v>一</v>
          </cell>
          <cell r="N15" t="str">
            <v>式</v>
          </cell>
          <cell r="O15" t="str">
            <v>軌・営　高・営</v>
          </cell>
          <cell r="P15">
            <v>38565</v>
          </cell>
          <cell r="Q15" t="str">
            <v>経営企画課</v>
          </cell>
          <cell r="R15" t="str">
            <v>北村　淳　2125</v>
          </cell>
          <cell r="S15" t="str">
            <v>主管の課長印でよい</v>
          </cell>
          <cell r="T15" t="str">
            <v>無</v>
          </cell>
          <cell r="U15" t="str">
            <v>納入後</v>
          </cell>
          <cell r="V15" t="str">
            <v>壱</v>
          </cell>
          <cell r="X15" t="str">
            <v>課長</v>
          </cell>
          <cell r="Y15" t="str">
            <v>省略可</v>
          </cell>
          <cell r="Z15" t="str">
            <v>なか１日</v>
          </cell>
          <cell r="AA15" t="str">
            <v>特命</v>
          </cell>
          <cell r="AB15">
            <v>38537</v>
          </cell>
          <cell r="AC15">
            <v>38538</v>
          </cell>
          <cell r="AD15">
            <v>1430</v>
          </cell>
          <cell r="AF15" t="e">
            <v>#N/A</v>
          </cell>
          <cell r="AG15" t="e">
            <v>#N/A</v>
          </cell>
          <cell r="AH15" t="e">
            <v>#N/A</v>
          </cell>
          <cell r="AI15" t="e">
            <v>#N/A</v>
          </cell>
          <cell r="AJ15" t="e">
            <v>#N/A</v>
          </cell>
          <cell r="AK15" t="e">
            <v>#N/A</v>
          </cell>
          <cell r="AL15" t="e">
            <v>#N/A</v>
          </cell>
          <cell r="AM15" t="e">
            <v>#N/A</v>
          </cell>
          <cell r="AO15" t="str">
            <v/>
          </cell>
          <cell r="AP15" t="str">
            <v/>
          </cell>
          <cell r="AS15" t="str">
            <v>-</v>
          </cell>
          <cell r="AY15" t="str">
            <v xml:space="preserve"> </v>
          </cell>
          <cell r="AZ15" t="str">
            <v xml:space="preserve"> </v>
          </cell>
          <cell r="BA15" t="str">
            <v xml:space="preserve"> </v>
          </cell>
          <cell r="BB15" t="str">
            <v xml:space="preserve"> </v>
          </cell>
          <cell r="BC15" t="str">
            <v xml:space="preserve"> </v>
          </cell>
          <cell r="BF15">
            <v>0</v>
          </cell>
          <cell r="BG15">
            <v>1</v>
          </cell>
          <cell r="BI15">
            <v>183750</v>
          </cell>
          <cell r="BJ15" t="str">
            <v>ＮＥＣトーキン（株）営業本部仙台支店</v>
          </cell>
          <cell r="BK15">
            <v>175000</v>
          </cell>
          <cell r="BL15">
            <v>183750</v>
          </cell>
          <cell r="BM15">
            <v>8750</v>
          </cell>
          <cell r="BN15" t="str">
            <v>発注書</v>
          </cell>
          <cell r="BO15" t="str">
            <v>非契約書</v>
          </cell>
          <cell r="BP15" t="str">
            <v>しない</v>
          </cell>
          <cell r="BQ15" t="str">
            <v>見積</v>
          </cell>
          <cell r="BR15">
            <v>1</v>
          </cell>
          <cell r="BS15">
            <v>38538</v>
          </cell>
          <cell r="BU15">
            <v>11</v>
          </cell>
          <cell r="BV15" t="str">
            <v>建改じゃないですね</v>
          </cell>
          <cell r="BW15">
            <v>11</v>
          </cell>
          <cell r="BX15" t="str">
            <v/>
          </cell>
          <cell r="BY15" t="str">
            <v/>
          </cell>
          <cell r="BZ15" t="str">
            <v/>
          </cell>
          <cell r="CA15">
            <v>38565</v>
          </cell>
          <cell r="CD15" t="str">
            <v/>
          </cell>
          <cell r="CF15" t="str">
            <v/>
          </cell>
          <cell r="CG15" t="str">
            <v>佐鳥221-6530</v>
          </cell>
          <cell r="CH15" t="str">
            <v>ＮＥＣトーキン（株）営業本部仙台支店</v>
          </cell>
          <cell r="CI15" t="str">
            <v>佐鳥　伊藤</v>
          </cell>
          <cell r="CJ15" t="str">
            <v>経営企画課</v>
          </cell>
          <cell r="CK15" t="str">
            <v>北村　淳　2125</v>
          </cell>
          <cell r="CN15">
            <v>183750</v>
          </cell>
          <cell r="CO15" t="e">
            <v>#VALUE!</v>
          </cell>
          <cell r="CP15">
            <v>0</v>
          </cell>
          <cell r="CQ15">
            <v>1</v>
          </cell>
        </row>
        <row r="16">
          <cell r="B16" t="str">
            <v>記念共通ウィズユーカード【映画「ナルト」】</v>
          </cell>
          <cell r="C16">
            <v>3</v>
          </cell>
          <cell r="D16" t="str">
            <v/>
          </cell>
          <cell r="G16">
            <v>38534</v>
          </cell>
          <cell r="H16" t="str">
            <v>特命</v>
          </cell>
          <cell r="I16">
            <v>4942</v>
          </cell>
          <cell r="J16">
            <v>159803</v>
          </cell>
          <cell r="K16">
            <v>164745</v>
          </cell>
          <cell r="L16" t="str">
            <v>特命</v>
          </cell>
          <cell r="M16" t="str">
            <v>一</v>
          </cell>
          <cell r="N16" t="str">
            <v>式</v>
          </cell>
          <cell r="O16" t="str">
            <v>軌・営　高・営</v>
          </cell>
          <cell r="P16">
            <v>38562</v>
          </cell>
          <cell r="Q16" t="str">
            <v>経営企画課</v>
          </cell>
          <cell r="R16" t="str">
            <v>北村　淳　2125</v>
          </cell>
          <cell r="S16" t="str">
            <v>主管の課長印でよい</v>
          </cell>
          <cell r="T16" t="str">
            <v>無</v>
          </cell>
          <cell r="U16" t="str">
            <v>納入後</v>
          </cell>
          <cell r="V16" t="str">
            <v>壱</v>
          </cell>
          <cell r="X16" t="str">
            <v>課長</v>
          </cell>
          <cell r="Y16" t="str">
            <v>省略可</v>
          </cell>
          <cell r="Z16" t="str">
            <v>なか１日</v>
          </cell>
          <cell r="AA16" t="str">
            <v>特命</v>
          </cell>
          <cell r="AB16">
            <v>38539</v>
          </cell>
          <cell r="AC16">
            <v>38538</v>
          </cell>
          <cell r="AD16">
            <v>1435</v>
          </cell>
          <cell r="AF16" t="e">
            <v>#N/A</v>
          </cell>
          <cell r="AG16" t="e">
            <v>#N/A</v>
          </cell>
          <cell r="AH16" t="e">
            <v>#N/A</v>
          </cell>
          <cell r="AI16" t="e">
            <v>#N/A</v>
          </cell>
          <cell r="AJ16" t="e">
            <v>#N/A</v>
          </cell>
          <cell r="AK16" t="e">
            <v>#N/A</v>
          </cell>
          <cell r="AL16" t="e">
            <v>#N/A</v>
          </cell>
          <cell r="AM16" t="e">
            <v>#N/A</v>
          </cell>
          <cell r="AO16" t="str">
            <v/>
          </cell>
          <cell r="AP16" t="str">
            <v/>
          </cell>
          <cell r="AS16" t="str">
            <v>-</v>
          </cell>
          <cell r="AY16" t="str">
            <v xml:space="preserve"> </v>
          </cell>
          <cell r="AZ16" t="str">
            <v xml:space="preserve"> </v>
          </cell>
          <cell r="BA16" t="str">
            <v xml:space="preserve"> </v>
          </cell>
          <cell r="BB16" t="str">
            <v xml:space="preserve"> </v>
          </cell>
          <cell r="BC16" t="str">
            <v xml:space="preserve"> </v>
          </cell>
          <cell r="BF16">
            <v>0</v>
          </cell>
          <cell r="BG16">
            <v>1</v>
          </cell>
          <cell r="BI16">
            <v>164745</v>
          </cell>
          <cell r="BJ16" t="str">
            <v>ＮＥＣトーキン（株）営業本部仙台支店</v>
          </cell>
          <cell r="BK16">
            <v>156900</v>
          </cell>
          <cell r="BL16">
            <v>164745</v>
          </cell>
          <cell r="BM16">
            <v>7845</v>
          </cell>
          <cell r="BN16" t="str">
            <v>発注書</v>
          </cell>
          <cell r="BO16" t="str">
            <v>非契約書</v>
          </cell>
          <cell r="BP16" t="str">
            <v>しない</v>
          </cell>
          <cell r="BQ16" t="str">
            <v>見積</v>
          </cell>
          <cell r="BR16">
            <v>1</v>
          </cell>
          <cell r="BS16">
            <v>38538</v>
          </cell>
          <cell r="BU16">
            <v>12</v>
          </cell>
          <cell r="BV16" t="str">
            <v>建改じゃないですね</v>
          </cell>
          <cell r="BW16">
            <v>12</v>
          </cell>
          <cell r="BX16" t="str">
            <v/>
          </cell>
          <cell r="BY16" t="str">
            <v/>
          </cell>
          <cell r="BZ16" t="str">
            <v/>
          </cell>
          <cell r="CA16">
            <v>38562</v>
          </cell>
          <cell r="CD16" t="str">
            <v/>
          </cell>
          <cell r="CF16" t="str">
            <v/>
          </cell>
          <cell r="CG16" t="str">
            <v>佐鳥221-6530</v>
          </cell>
          <cell r="CH16" t="str">
            <v>ＮＥＣトーキン（株）営業本部仙台支店</v>
          </cell>
          <cell r="CI16" t="str">
            <v>佐鳥　伊藤</v>
          </cell>
          <cell r="CJ16" t="str">
            <v>経営企画課</v>
          </cell>
          <cell r="CK16" t="str">
            <v>北村　淳　2125</v>
          </cell>
          <cell r="CN16">
            <v>164745</v>
          </cell>
          <cell r="CO16" t="e">
            <v>#VALUE!</v>
          </cell>
          <cell r="CP16">
            <v>0</v>
          </cell>
          <cell r="CQ16">
            <v>1</v>
          </cell>
        </row>
        <row r="17">
          <cell r="B17" t="str">
            <v>南車両基地排水処理装置製造</v>
          </cell>
          <cell r="C17">
            <v>4</v>
          </cell>
          <cell r="D17">
            <v>4</v>
          </cell>
          <cell r="G17">
            <v>38544</v>
          </cell>
          <cell r="I17">
            <v>14007000</v>
          </cell>
          <cell r="K17">
            <v>14007000</v>
          </cell>
          <cell r="L17" t="str">
            <v>入札</v>
          </cell>
          <cell r="M17" t="str">
            <v>一</v>
          </cell>
          <cell r="N17" t="str">
            <v>式</v>
          </cell>
          <cell r="O17" t="str">
            <v>高・建改</v>
          </cell>
          <cell r="P17">
            <v>38748</v>
          </cell>
          <cell r="Q17" t="str">
            <v>車両課(真駒内)</v>
          </cell>
          <cell r="R17" t="str">
            <v>鈴木　靖広　8315</v>
          </cell>
          <cell r="S17" t="str">
            <v>主管の部長印が必要  経理係の合議要</v>
          </cell>
          <cell r="T17" t="str">
            <v>無</v>
          </cell>
          <cell r="U17" t="str">
            <v>納入後</v>
          </cell>
          <cell r="V17" t="str">
            <v>壱</v>
          </cell>
          <cell r="X17" t="str">
            <v>管理者</v>
          </cell>
          <cell r="Y17" t="str">
            <v>必 要</v>
          </cell>
          <cell r="Z17" t="str">
            <v>なか５日</v>
          </cell>
          <cell r="AA17" t="str">
            <v>入札</v>
          </cell>
          <cell r="AB17">
            <v>38558</v>
          </cell>
          <cell r="AC17">
            <v>38562</v>
          </cell>
          <cell r="AD17">
            <v>1110</v>
          </cell>
          <cell r="AE17" t="str">
            <v>一般機械器具製造業</v>
          </cell>
          <cell r="AF17" t="str">
            <v>ボイラ・原動機</v>
          </cell>
          <cell r="AG17" t="str">
            <v>農耕用機械</v>
          </cell>
          <cell r="AH17" t="str">
            <v>建設機械</v>
          </cell>
          <cell r="AI17" t="str">
            <v>事務用機械</v>
          </cell>
          <cell r="AJ17" t="str">
            <v>特殊産業用機械</v>
          </cell>
          <cell r="AK17" t="str">
            <v>その他一般機械器具</v>
          </cell>
          <cell r="AL17" t="str">
            <v/>
          </cell>
          <cell r="AM17" t="str">
            <v/>
          </cell>
          <cell r="AN17" t="str">
            <v>その他一般機械器具</v>
          </cell>
          <cell r="AO17">
            <v>1</v>
          </cell>
          <cell r="AP17">
            <v>6</v>
          </cell>
          <cell r="AR17" t="str">
            <v>Ａ</v>
          </cell>
          <cell r="AS17">
            <v>5</v>
          </cell>
          <cell r="AT17" t="str">
            <v>中道機械（株）</v>
          </cell>
          <cell r="AU17" t="str">
            <v>日本車輌洗滌機（株）北海道支店</v>
          </cell>
          <cell r="AV17" t="str">
            <v>パナソニックＳＳエンジニアリング（株）北海道ＰＳＳＥ社</v>
          </cell>
          <cell r="AW17" t="str">
            <v>（株）日立製作所北海道支社</v>
          </cell>
          <cell r="AX17" t="str">
            <v>富士電機システムズ（株）北海道支社</v>
          </cell>
          <cell r="AY17" t="str">
            <v xml:space="preserve"> </v>
          </cell>
          <cell r="AZ17" t="str">
            <v xml:space="preserve"> </v>
          </cell>
          <cell r="BA17" t="str">
            <v xml:space="preserve"> </v>
          </cell>
          <cell r="BB17" t="str">
            <v xml:space="preserve"> </v>
          </cell>
          <cell r="BC17" t="str">
            <v xml:space="preserve"> </v>
          </cell>
          <cell r="BE17">
            <v>13300000</v>
          </cell>
          <cell r="BF17">
            <v>13965000</v>
          </cell>
          <cell r="BG17">
            <v>2.9985007496251548E-3</v>
          </cell>
          <cell r="BH17">
            <v>13300000</v>
          </cell>
          <cell r="BI17">
            <v>13965000</v>
          </cell>
          <cell r="BJ17" t="str">
            <v>日本車輌洗滌機（株）北海道支店</v>
          </cell>
          <cell r="BK17">
            <v>9650000</v>
          </cell>
          <cell r="BL17">
            <v>10132500</v>
          </cell>
          <cell r="BM17">
            <v>482500</v>
          </cell>
          <cell r="BN17" t="str">
            <v>契 約 書</v>
          </cell>
          <cell r="BO17" t="str">
            <v>済</v>
          </cell>
          <cell r="BP17" t="str">
            <v>する</v>
          </cell>
          <cell r="BQ17" t="str">
            <v>入  札</v>
          </cell>
          <cell r="BR17">
            <v>0.72556390977443608</v>
          </cell>
          <cell r="BS17">
            <v>38565</v>
          </cell>
          <cell r="BT17" t="str">
            <v>入札前に原課から仕様書の誤りありました、とのことで、入札延期・訂正仕様書交付したというもの　検修係長から電話きた</v>
          </cell>
          <cell r="BU17">
            <v>12</v>
          </cell>
          <cell r="BV17">
            <v>4</v>
          </cell>
          <cell r="BW17" t="str">
            <v>建改　４</v>
          </cell>
          <cell r="BX17">
            <v>4</v>
          </cell>
          <cell r="BY17" t="str">
            <v>交付</v>
          </cell>
          <cell r="BZ17" t="str">
            <v>済</v>
          </cell>
          <cell r="CA17">
            <v>38748</v>
          </cell>
          <cell r="CB17" t="str">
            <v>納期と違う</v>
          </cell>
          <cell r="CC17">
            <v>38673</v>
          </cell>
          <cell r="CD17">
            <v>38673</v>
          </cell>
          <cell r="CE17">
            <v>38677</v>
          </cell>
          <cell r="CF17" t="str">
            <v>経過</v>
          </cell>
          <cell r="CG17">
            <v>8611367</v>
          </cell>
          <cell r="CH17" t="str">
            <v>日本車輌洗滌機（株）北海道支店</v>
          </cell>
          <cell r="CI17" t="str">
            <v>-</v>
          </cell>
          <cell r="CJ17" t="str">
            <v>車両課(真駒内)</v>
          </cell>
          <cell r="CK17" t="str">
            <v>鈴木　靖広　8315</v>
          </cell>
          <cell r="CN17">
            <v>14007000</v>
          </cell>
          <cell r="CO17" t="e">
            <v>#VALUE!</v>
          </cell>
          <cell r="CP17">
            <v>3874500</v>
          </cell>
          <cell r="CQ17">
            <v>0.72338830584707647</v>
          </cell>
        </row>
        <row r="18">
          <cell r="B18" t="str">
            <v>券売機用「共通ウィズユーカード」２回目発注分</v>
          </cell>
          <cell r="C18">
            <v>4</v>
          </cell>
          <cell r="D18" t="str">
            <v/>
          </cell>
          <cell r="G18">
            <v>38555</v>
          </cell>
          <cell r="I18">
            <v>67628400</v>
          </cell>
          <cell r="J18">
            <v>2091600</v>
          </cell>
          <cell r="K18">
            <v>69720000</v>
          </cell>
          <cell r="L18" t="str">
            <v>入札</v>
          </cell>
          <cell r="M18">
            <v>2040000</v>
          </cell>
          <cell r="N18" t="str">
            <v>枚</v>
          </cell>
          <cell r="O18" t="str">
            <v>軌・営　高・営</v>
          </cell>
          <cell r="P18">
            <v>38680</v>
          </cell>
          <cell r="Q18" t="str">
            <v>経営企画課</v>
          </cell>
          <cell r="R18" t="str">
            <v>安藤　友明　2115</v>
          </cell>
          <cell r="S18" t="str">
            <v>管理者印必要</v>
          </cell>
          <cell r="T18" t="str">
            <v>無</v>
          </cell>
          <cell r="U18" t="str">
            <v>納入後</v>
          </cell>
          <cell r="V18" t="str">
            <v>壱</v>
          </cell>
          <cell r="X18" t="str">
            <v>管理者</v>
          </cell>
          <cell r="Y18" t="str">
            <v>必 要</v>
          </cell>
          <cell r="Z18" t="str">
            <v>なか１０日</v>
          </cell>
          <cell r="AA18" t="str">
            <v>入札</v>
          </cell>
          <cell r="AB18">
            <v>38575</v>
          </cell>
          <cell r="AC18">
            <v>38581</v>
          </cell>
          <cell r="AD18">
            <v>1100</v>
          </cell>
          <cell r="AE18" t="str">
            <v>出版･印刷業</v>
          </cell>
          <cell r="AF18" t="str">
            <v>出版</v>
          </cell>
          <cell r="AG18" t="str">
            <v>印刷</v>
          </cell>
          <cell r="AH18" t="str">
            <v>製本</v>
          </cell>
          <cell r="AI18" t="str">
            <v/>
          </cell>
          <cell r="AJ18" t="str">
            <v/>
          </cell>
          <cell r="AK18" t="str">
            <v/>
          </cell>
          <cell r="AL18" t="str">
            <v/>
          </cell>
          <cell r="AM18" t="str">
            <v/>
          </cell>
          <cell r="AN18" t="str">
            <v>印刷</v>
          </cell>
          <cell r="AO18">
            <v>18</v>
          </cell>
          <cell r="AP18">
            <v>2</v>
          </cell>
          <cell r="AR18" t="str">
            <v>-</v>
          </cell>
          <cell r="AS18">
            <v>6</v>
          </cell>
          <cell r="AT18" t="str">
            <v>ＮＥＣトーキン（株）営業本部仙台支店</v>
          </cell>
          <cell r="AU18" t="str">
            <v>共同印刷（株）</v>
          </cell>
          <cell r="AV18" t="str">
            <v>凸版印刷（株）北海道事業部</v>
          </cell>
          <cell r="AW18" t="str">
            <v>日本通信紙（株）札幌支店</v>
          </cell>
          <cell r="AY18" t="str">
            <v xml:space="preserve"> </v>
          </cell>
          <cell r="AZ18" t="str">
            <v xml:space="preserve"> </v>
          </cell>
          <cell r="BA18" t="str">
            <v xml:space="preserve"> </v>
          </cell>
          <cell r="BB18" t="str">
            <v xml:space="preserve"> </v>
          </cell>
          <cell r="BC18" t="str">
            <v xml:space="preserve"> </v>
          </cell>
          <cell r="BE18">
            <v>66361200</v>
          </cell>
          <cell r="BF18">
            <v>69679260</v>
          </cell>
          <cell r="BG18">
            <v>5.8433734939755677E-4</v>
          </cell>
          <cell r="BH18">
            <v>66361200</v>
          </cell>
          <cell r="BI18">
            <v>69679260</v>
          </cell>
          <cell r="BJ18" t="str">
            <v>凸版印刷（株）北海道事業部</v>
          </cell>
          <cell r="BK18">
            <v>66361200</v>
          </cell>
          <cell r="BL18">
            <v>69679260</v>
          </cell>
          <cell r="BM18">
            <v>3318060</v>
          </cell>
          <cell r="BN18" t="str">
            <v>契 約 書</v>
          </cell>
          <cell r="BO18" t="str">
            <v>済</v>
          </cell>
          <cell r="BP18" t="str">
            <v>しない</v>
          </cell>
          <cell r="BQ18" t="str">
            <v>入  札</v>
          </cell>
          <cell r="BR18">
            <v>1</v>
          </cell>
          <cell r="BS18">
            <v>38587</v>
          </cell>
          <cell r="BU18">
            <v>13</v>
          </cell>
          <cell r="BV18" t="str">
            <v>建改じゃないですね</v>
          </cell>
          <cell r="BW18">
            <v>13</v>
          </cell>
          <cell r="BX18" t="str">
            <v/>
          </cell>
          <cell r="BY18" t="str">
            <v>交付</v>
          </cell>
          <cell r="BZ18" t="str">
            <v>済</v>
          </cell>
          <cell r="CA18">
            <v>38680</v>
          </cell>
          <cell r="CB18" t="str">
            <v>納期と同じ</v>
          </cell>
          <cell r="CD18">
            <v>38680</v>
          </cell>
          <cell r="CE18">
            <v>38698</v>
          </cell>
          <cell r="CF18" t="str">
            <v>経過</v>
          </cell>
          <cell r="CG18">
            <v>6147791</v>
          </cell>
          <cell r="CH18" t="str">
            <v>凸版印刷（株）北海道事業部</v>
          </cell>
          <cell r="CI18" t="str">
            <v>佐々木</v>
          </cell>
          <cell r="CJ18" t="str">
            <v>経営企画課</v>
          </cell>
          <cell r="CK18" t="str">
            <v>安藤　友明　2115</v>
          </cell>
          <cell r="CN18">
            <v>69720000</v>
          </cell>
          <cell r="CO18">
            <v>32.549019607843135</v>
          </cell>
          <cell r="CP18">
            <v>40740</v>
          </cell>
          <cell r="CQ18">
            <v>0.99941566265060244</v>
          </cell>
        </row>
        <row r="19">
          <cell r="B19" t="str">
            <v>平成１６年度決算書印刷</v>
          </cell>
          <cell r="C19">
            <v>4</v>
          </cell>
          <cell r="D19" t="str">
            <v/>
          </cell>
          <cell r="G19">
            <v>38562</v>
          </cell>
          <cell r="I19">
            <v>210000</v>
          </cell>
          <cell r="K19">
            <v>210000</v>
          </cell>
          <cell r="L19" t="str">
            <v>公開</v>
          </cell>
          <cell r="M19" t="str">
            <v>一</v>
          </cell>
          <cell r="N19" t="str">
            <v>式</v>
          </cell>
          <cell r="O19" t="str">
            <v>高・営</v>
          </cell>
          <cell r="P19">
            <v>38607</v>
          </cell>
          <cell r="Q19" t="str">
            <v>財務課</v>
          </cell>
          <cell r="R19" t="str">
            <v>青木　美憲　2242</v>
          </cell>
          <cell r="S19" t="str">
            <v>主管の課長印でよい</v>
          </cell>
          <cell r="T19" t="str">
            <v>無</v>
          </cell>
          <cell r="U19" t="str">
            <v>納入後</v>
          </cell>
          <cell r="V19" t="str">
            <v>壱</v>
          </cell>
          <cell r="X19" t="str">
            <v>課長</v>
          </cell>
          <cell r="Y19" t="str">
            <v>省略可</v>
          </cell>
          <cell r="Z19" t="str">
            <v>なか１日</v>
          </cell>
          <cell r="AA19" t="str">
            <v>公開</v>
          </cell>
          <cell r="AB19">
            <v>38568</v>
          </cell>
          <cell r="AC19">
            <v>38568</v>
          </cell>
          <cell r="AF19" t="e">
            <v>#N/A</v>
          </cell>
          <cell r="AG19" t="e">
            <v>#N/A</v>
          </cell>
          <cell r="AH19" t="e">
            <v>#N/A</v>
          </cell>
          <cell r="AI19" t="e">
            <v>#N/A</v>
          </cell>
          <cell r="AJ19" t="e">
            <v>#N/A</v>
          </cell>
          <cell r="AK19" t="e">
            <v>#N/A</v>
          </cell>
          <cell r="AL19" t="e">
            <v>#N/A</v>
          </cell>
          <cell r="AM19" t="e">
            <v>#N/A</v>
          </cell>
          <cell r="AO19" t="str">
            <v/>
          </cell>
          <cell r="AP19" t="str">
            <v/>
          </cell>
          <cell r="AS19" t="str">
            <v>-</v>
          </cell>
          <cell r="AT19" t="str">
            <v>柏陽印刷（株）</v>
          </cell>
          <cell r="AU19" t="str">
            <v>ひまわり印刷（株）</v>
          </cell>
          <cell r="AV19" t="str">
            <v>北海道印刷企画（株）</v>
          </cell>
          <cell r="AW19" t="str">
            <v>（株）北海道印刷センター</v>
          </cell>
          <cell r="AY19" t="str">
            <v xml:space="preserve"> </v>
          </cell>
          <cell r="AZ19" t="str">
            <v xml:space="preserve"> </v>
          </cell>
          <cell r="BA19" t="str">
            <v xml:space="preserve"> </v>
          </cell>
          <cell r="BB19" t="str">
            <v xml:space="preserve"> </v>
          </cell>
          <cell r="BC19" t="str">
            <v xml:space="preserve"> </v>
          </cell>
          <cell r="BF19">
            <v>0</v>
          </cell>
          <cell r="BG19">
            <v>1</v>
          </cell>
          <cell r="BI19">
            <v>210000</v>
          </cell>
          <cell r="BJ19" t="str">
            <v>ひまわり印刷（株）</v>
          </cell>
          <cell r="BK19">
            <v>137400</v>
          </cell>
          <cell r="BL19">
            <v>144270</v>
          </cell>
          <cell r="BM19">
            <v>6870</v>
          </cell>
          <cell r="BN19" t="str">
            <v>発注書</v>
          </cell>
          <cell r="BO19" t="str">
            <v>非契約書</v>
          </cell>
          <cell r="BP19" t="str">
            <v>しない</v>
          </cell>
          <cell r="BQ19" t="str">
            <v>見積(公開)</v>
          </cell>
          <cell r="BR19">
            <v>0.68700000000000006</v>
          </cell>
          <cell r="BS19">
            <v>38569</v>
          </cell>
          <cell r="BU19">
            <v>14</v>
          </cell>
          <cell r="BV19" t="str">
            <v>建改じゃないですね</v>
          </cell>
          <cell r="BW19">
            <v>14</v>
          </cell>
          <cell r="BX19" t="str">
            <v/>
          </cell>
          <cell r="BY19" t="str">
            <v/>
          </cell>
          <cell r="BZ19" t="str">
            <v/>
          </cell>
          <cell r="CA19">
            <v>38607</v>
          </cell>
          <cell r="CD19" t="str">
            <v/>
          </cell>
          <cell r="CF19" t="str">
            <v/>
          </cell>
          <cell r="CG19">
            <v>7484500</v>
          </cell>
          <cell r="CH19" t="str">
            <v>ひまわり印刷（株）</v>
          </cell>
          <cell r="CI19" t="str">
            <v>黒沢</v>
          </cell>
          <cell r="CJ19" t="str">
            <v>財務課</v>
          </cell>
          <cell r="CK19" t="str">
            <v>青木　美憲　2242</v>
          </cell>
          <cell r="CN19">
            <v>210000</v>
          </cell>
          <cell r="CO19" t="e">
            <v>#VALUE!</v>
          </cell>
          <cell r="CP19">
            <v>65730</v>
          </cell>
          <cell r="CQ19">
            <v>0.68700000000000006</v>
          </cell>
        </row>
        <row r="20">
          <cell r="B20" t="str">
            <v>敬老優待乗車証</v>
          </cell>
          <cell r="C20">
            <v>4</v>
          </cell>
          <cell r="D20" t="str">
            <v/>
          </cell>
          <cell r="G20">
            <v>38568</v>
          </cell>
          <cell r="I20">
            <v>19908000</v>
          </cell>
          <cell r="K20">
            <v>19908000</v>
          </cell>
          <cell r="L20" t="str">
            <v>入札</v>
          </cell>
          <cell r="M20">
            <v>600000</v>
          </cell>
          <cell r="N20" t="str">
            <v>枚</v>
          </cell>
          <cell r="O20" t="str">
            <v>高・営</v>
          </cell>
          <cell r="P20">
            <v>38678</v>
          </cell>
          <cell r="Q20" t="str">
            <v>経営企画課</v>
          </cell>
          <cell r="R20" t="str">
            <v>安藤　友明　2115</v>
          </cell>
          <cell r="S20" t="str">
            <v>主管の部長印が必要</v>
          </cell>
          <cell r="T20" t="str">
            <v>無</v>
          </cell>
          <cell r="U20" t="str">
            <v>納入後</v>
          </cell>
          <cell r="V20" t="str">
            <v>壱</v>
          </cell>
          <cell r="X20" t="str">
            <v>管理者</v>
          </cell>
          <cell r="Y20" t="str">
            <v>必 要</v>
          </cell>
          <cell r="Z20" t="str">
            <v>なか５日</v>
          </cell>
          <cell r="AA20" t="str">
            <v>入札</v>
          </cell>
          <cell r="AB20">
            <v>38581</v>
          </cell>
          <cell r="AC20">
            <v>38588</v>
          </cell>
          <cell r="AD20">
            <v>1110</v>
          </cell>
          <cell r="AE20" t="str">
            <v>出版･印刷業</v>
          </cell>
          <cell r="AF20" t="str">
            <v>出版</v>
          </cell>
          <cell r="AG20" t="str">
            <v>印刷</v>
          </cell>
          <cell r="AH20" t="str">
            <v>製本</v>
          </cell>
          <cell r="AI20" t="str">
            <v/>
          </cell>
          <cell r="AJ20" t="str">
            <v/>
          </cell>
          <cell r="AK20" t="str">
            <v/>
          </cell>
          <cell r="AL20" t="str">
            <v/>
          </cell>
          <cell r="AM20" t="str">
            <v/>
          </cell>
          <cell r="AN20" t="str">
            <v>印刷</v>
          </cell>
          <cell r="AO20">
            <v>18</v>
          </cell>
          <cell r="AP20">
            <v>2</v>
          </cell>
          <cell r="AR20" t="str">
            <v>-</v>
          </cell>
          <cell r="AS20">
            <v>5</v>
          </cell>
          <cell r="AT20" t="str">
            <v>ＮＥＣトーキン（株）営業本部仙台支店</v>
          </cell>
          <cell r="AU20" t="str">
            <v>共同印刷（株）</v>
          </cell>
          <cell r="AV20" t="str">
            <v>凸版印刷（株）北海道事業部</v>
          </cell>
          <cell r="AW20" t="str">
            <v>日本通信紙（株）札幌支店</v>
          </cell>
          <cell r="AY20" t="str">
            <v xml:space="preserve"> </v>
          </cell>
          <cell r="AZ20" t="str">
            <v xml:space="preserve"> </v>
          </cell>
          <cell r="BA20" t="str">
            <v xml:space="preserve"> </v>
          </cell>
          <cell r="BB20" t="str">
            <v xml:space="preserve"> </v>
          </cell>
          <cell r="BC20" t="str">
            <v xml:space="preserve"> </v>
          </cell>
          <cell r="BE20">
            <v>18960000</v>
          </cell>
          <cell r="BF20">
            <v>19908000</v>
          </cell>
          <cell r="BG20">
            <v>0</v>
          </cell>
          <cell r="BH20">
            <v>18960000</v>
          </cell>
          <cell r="BI20">
            <v>19908000</v>
          </cell>
          <cell r="BJ20" t="str">
            <v>ＮＥＣトーキン（株）営業本部仙台支店</v>
          </cell>
          <cell r="BK20">
            <v>18840000</v>
          </cell>
          <cell r="BL20">
            <v>19782000</v>
          </cell>
          <cell r="BM20">
            <v>942000</v>
          </cell>
          <cell r="BN20" t="str">
            <v>契 約 書</v>
          </cell>
          <cell r="BO20" t="str">
            <v>済</v>
          </cell>
          <cell r="BP20" t="str">
            <v>しない</v>
          </cell>
          <cell r="BQ20" t="str">
            <v>入  札</v>
          </cell>
          <cell r="BR20">
            <v>0.99367088607594933</v>
          </cell>
          <cell r="BS20">
            <v>38593</v>
          </cell>
          <cell r="BU20">
            <v>15</v>
          </cell>
          <cell r="BV20" t="str">
            <v>建改じゃないですね</v>
          </cell>
          <cell r="BW20">
            <v>15</v>
          </cell>
          <cell r="BX20" t="str">
            <v/>
          </cell>
          <cell r="BY20" t="str">
            <v>交付</v>
          </cell>
          <cell r="BZ20" t="str">
            <v>済</v>
          </cell>
          <cell r="CA20">
            <v>38678</v>
          </cell>
          <cell r="CB20" t="str">
            <v>納期と同じ</v>
          </cell>
          <cell r="CD20">
            <v>38678</v>
          </cell>
          <cell r="CE20">
            <v>38686</v>
          </cell>
          <cell r="CF20" t="str">
            <v>経過</v>
          </cell>
          <cell r="CG20" t="str">
            <v>佐鳥221-6530</v>
          </cell>
          <cell r="CH20" t="str">
            <v>ＮＥＣトーキン（株）営業本部仙台支店</v>
          </cell>
          <cell r="CI20" t="str">
            <v>佐鳥　伊藤</v>
          </cell>
          <cell r="CJ20" t="str">
            <v>経営企画課</v>
          </cell>
          <cell r="CK20" t="str">
            <v>安藤　友明　2115</v>
          </cell>
          <cell r="CN20">
            <v>19908000</v>
          </cell>
          <cell r="CO20">
            <v>31.6</v>
          </cell>
          <cell r="CP20">
            <v>126000</v>
          </cell>
          <cell r="CQ20">
            <v>0.99367088607594933</v>
          </cell>
        </row>
        <row r="21">
          <cell r="B21" t="str">
            <v>集電器用部品</v>
          </cell>
          <cell r="C21">
            <v>4</v>
          </cell>
          <cell r="D21" t="str">
            <v/>
          </cell>
          <cell r="G21">
            <v>38582</v>
          </cell>
          <cell r="I21">
            <v>521955</v>
          </cell>
          <cell r="K21">
            <v>521955</v>
          </cell>
          <cell r="L21" t="str">
            <v>公開</v>
          </cell>
          <cell r="M21" t="str">
            <v>一</v>
          </cell>
          <cell r="N21" t="str">
            <v>式</v>
          </cell>
          <cell r="O21" t="str">
            <v>高・営</v>
          </cell>
          <cell r="P21">
            <v>38686</v>
          </cell>
          <cell r="Q21" t="str">
            <v>車両課(真駒内)</v>
          </cell>
          <cell r="R21" t="str">
            <v>遠藤　順一　8313</v>
          </cell>
          <cell r="S21" t="str">
            <v>主管の課長印でよい</v>
          </cell>
          <cell r="T21" t="str">
            <v>無</v>
          </cell>
          <cell r="U21" t="str">
            <v>納入後</v>
          </cell>
          <cell r="V21" t="str">
            <v>壱</v>
          </cell>
          <cell r="X21" t="str">
            <v>課長</v>
          </cell>
          <cell r="Y21" t="str">
            <v>省略可</v>
          </cell>
          <cell r="Z21" t="str">
            <v>なか１日</v>
          </cell>
          <cell r="AA21" t="str">
            <v>公開</v>
          </cell>
          <cell r="AB21">
            <v>38589</v>
          </cell>
          <cell r="AC21">
            <v>38589</v>
          </cell>
          <cell r="AF21" t="e">
            <v>#N/A</v>
          </cell>
          <cell r="AG21" t="e">
            <v>#N/A</v>
          </cell>
          <cell r="AH21" t="e">
            <v>#N/A</v>
          </cell>
          <cell r="AI21" t="e">
            <v>#N/A</v>
          </cell>
          <cell r="AJ21" t="e">
            <v>#N/A</v>
          </cell>
          <cell r="AK21" t="e">
            <v>#N/A</v>
          </cell>
          <cell r="AL21" t="e">
            <v>#N/A</v>
          </cell>
          <cell r="AM21" t="e">
            <v>#N/A</v>
          </cell>
          <cell r="AO21" t="str">
            <v/>
          </cell>
          <cell r="AP21" t="str">
            <v/>
          </cell>
          <cell r="AS21" t="str">
            <v>-</v>
          </cell>
          <cell r="AT21" t="str">
            <v>潮物産（株）札幌支店</v>
          </cell>
          <cell r="AY21" t="str">
            <v xml:space="preserve"> </v>
          </cell>
          <cell r="AZ21" t="str">
            <v xml:space="preserve"> </v>
          </cell>
          <cell r="BA21" t="str">
            <v xml:space="preserve"> </v>
          </cell>
          <cell r="BB21" t="str">
            <v xml:space="preserve"> </v>
          </cell>
          <cell r="BC21" t="str">
            <v xml:space="preserve"> </v>
          </cell>
          <cell r="BF21">
            <v>0</v>
          </cell>
          <cell r="BG21">
            <v>1</v>
          </cell>
          <cell r="BI21">
            <v>521955</v>
          </cell>
          <cell r="BJ21" t="str">
            <v>潮物産（株）札幌支店</v>
          </cell>
          <cell r="BK21">
            <v>497100</v>
          </cell>
          <cell r="BL21">
            <v>521955</v>
          </cell>
          <cell r="BM21">
            <v>24855</v>
          </cell>
          <cell r="BN21" t="str">
            <v>請書</v>
          </cell>
          <cell r="BO21" t="str">
            <v>非契約書</v>
          </cell>
          <cell r="BP21" t="str">
            <v>しない</v>
          </cell>
          <cell r="BQ21" t="str">
            <v>見積(公開)</v>
          </cell>
          <cell r="BR21">
            <v>1</v>
          </cell>
          <cell r="BS21">
            <v>38593</v>
          </cell>
          <cell r="BU21">
            <v>16</v>
          </cell>
          <cell r="BV21" t="str">
            <v>建改じゃないですね</v>
          </cell>
          <cell r="BW21">
            <v>16</v>
          </cell>
          <cell r="BX21" t="str">
            <v/>
          </cell>
          <cell r="BY21" t="str">
            <v/>
          </cell>
          <cell r="BZ21" t="str">
            <v/>
          </cell>
          <cell r="CA21">
            <v>38686</v>
          </cell>
          <cell r="CD21" t="str">
            <v/>
          </cell>
          <cell r="CF21" t="str">
            <v/>
          </cell>
          <cell r="CG21">
            <v>2618275</v>
          </cell>
          <cell r="CH21" t="str">
            <v>潮物産（株）札幌支店</v>
          </cell>
          <cell r="CI21" t="str">
            <v>篠原</v>
          </cell>
          <cell r="CJ21" t="str">
            <v>車両課(真駒内)</v>
          </cell>
          <cell r="CK21" t="str">
            <v>遠藤　順一　8313</v>
          </cell>
          <cell r="CN21">
            <v>521955</v>
          </cell>
          <cell r="CO21" t="e">
            <v>#VALUE!</v>
          </cell>
          <cell r="CP21">
            <v>0</v>
          </cell>
          <cell r="CQ21">
            <v>1</v>
          </cell>
        </row>
        <row r="22">
          <cell r="B22" t="str">
            <v>記念共通ウィズユーカード【映画「魔法戦隊マジレンジャー」】</v>
          </cell>
          <cell r="C22">
            <v>4</v>
          </cell>
          <cell r="D22" t="str">
            <v/>
          </cell>
          <cell r="G22">
            <v>38582</v>
          </cell>
          <cell r="H22" t="str">
            <v>特命</v>
          </cell>
          <cell r="I22">
            <v>159803</v>
          </cell>
          <cell r="J22">
            <v>4942</v>
          </cell>
          <cell r="K22">
            <v>164745</v>
          </cell>
          <cell r="L22" t="str">
            <v>特命</v>
          </cell>
          <cell r="M22" t="str">
            <v>一</v>
          </cell>
          <cell r="N22" t="str">
            <v>式</v>
          </cell>
          <cell r="O22" t="str">
            <v>軌・営　高・営</v>
          </cell>
          <cell r="P22">
            <v>38600</v>
          </cell>
          <cell r="Q22" t="str">
            <v>経営企画課</v>
          </cell>
          <cell r="R22" t="str">
            <v>今野　吉隆　2123</v>
          </cell>
          <cell r="S22" t="str">
            <v>主管の課長印でよい</v>
          </cell>
          <cell r="T22" t="str">
            <v>無</v>
          </cell>
          <cell r="U22" t="str">
            <v>納入後</v>
          </cell>
          <cell r="V22" t="str">
            <v>壱</v>
          </cell>
          <cell r="X22" t="str">
            <v>課長</v>
          </cell>
          <cell r="Y22" t="str">
            <v>省略可</v>
          </cell>
          <cell r="Z22" t="str">
            <v>なか１日</v>
          </cell>
          <cell r="AA22" t="str">
            <v>特命</v>
          </cell>
          <cell r="AB22">
            <v>38587</v>
          </cell>
          <cell r="AC22">
            <v>38588</v>
          </cell>
          <cell r="AD22">
            <v>1500</v>
          </cell>
          <cell r="AF22" t="e">
            <v>#N/A</v>
          </cell>
          <cell r="AG22" t="e">
            <v>#N/A</v>
          </cell>
          <cell r="AH22" t="e">
            <v>#N/A</v>
          </cell>
          <cell r="AI22" t="e">
            <v>#N/A</v>
          </cell>
          <cell r="AJ22" t="e">
            <v>#N/A</v>
          </cell>
          <cell r="AK22" t="e">
            <v>#N/A</v>
          </cell>
          <cell r="AL22" t="e">
            <v>#N/A</v>
          </cell>
          <cell r="AM22" t="e">
            <v>#N/A</v>
          </cell>
          <cell r="AO22" t="str">
            <v/>
          </cell>
          <cell r="AP22" t="str">
            <v/>
          </cell>
          <cell r="AS22" t="str">
            <v>-</v>
          </cell>
          <cell r="AY22" t="str">
            <v xml:space="preserve"> </v>
          </cell>
          <cell r="AZ22" t="str">
            <v xml:space="preserve"> </v>
          </cell>
          <cell r="BA22" t="str">
            <v xml:space="preserve"> </v>
          </cell>
          <cell r="BB22" t="str">
            <v xml:space="preserve"> </v>
          </cell>
          <cell r="BC22" t="str">
            <v xml:space="preserve"> </v>
          </cell>
          <cell r="BF22">
            <v>0</v>
          </cell>
          <cell r="BG22">
            <v>1</v>
          </cell>
          <cell r="BI22">
            <v>164745</v>
          </cell>
          <cell r="BJ22" t="str">
            <v>ＮＥＣトーキン（株）営業本部仙台支店</v>
          </cell>
          <cell r="BK22">
            <v>156900</v>
          </cell>
          <cell r="BL22">
            <v>164745</v>
          </cell>
          <cell r="BM22">
            <v>7845</v>
          </cell>
          <cell r="BN22" t="str">
            <v>発注書</v>
          </cell>
          <cell r="BO22" t="str">
            <v>非契約書</v>
          </cell>
          <cell r="BP22" t="str">
            <v>しない</v>
          </cell>
          <cell r="BQ22" t="str">
            <v>見積</v>
          </cell>
          <cell r="BR22">
            <v>1</v>
          </cell>
          <cell r="BS22">
            <v>38588</v>
          </cell>
          <cell r="BU22">
            <v>17</v>
          </cell>
          <cell r="BV22" t="str">
            <v>建改じゃないですね</v>
          </cell>
          <cell r="BW22">
            <v>17</v>
          </cell>
          <cell r="BX22" t="str">
            <v/>
          </cell>
          <cell r="BY22" t="str">
            <v/>
          </cell>
          <cell r="BZ22" t="str">
            <v/>
          </cell>
          <cell r="CA22">
            <v>38600</v>
          </cell>
          <cell r="CD22" t="str">
            <v/>
          </cell>
          <cell r="CF22" t="str">
            <v/>
          </cell>
          <cell r="CG22" t="str">
            <v>佐鳥221-6530</v>
          </cell>
          <cell r="CH22" t="str">
            <v>ＮＥＣトーキン（株）営業本部仙台支店</v>
          </cell>
          <cell r="CI22" t="str">
            <v>佐鳥　伊藤</v>
          </cell>
          <cell r="CJ22" t="str">
            <v>経営企画課</v>
          </cell>
          <cell r="CK22" t="str">
            <v>今野　吉隆　2123</v>
          </cell>
          <cell r="CN22">
            <v>164745</v>
          </cell>
          <cell r="CO22" t="e">
            <v>#VALUE!</v>
          </cell>
          <cell r="CP22">
            <v>0</v>
          </cell>
          <cell r="CQ22">
            <v>1</v>
          </cell>
        </row>
        <row r="23">
          <cell r="B23" t="str">
            <v>記念共通ウィズユーカード【映画「仮面ライダー響鬼」】</v>
          </cell>
          <cell r="C23">
            <v>4</v>
          </cell>
          <cell r="D23" t="str">
            <v/>
          </cell>
          <cell r="G23">
            <v>38582</v>
          </cell>
          <cell r="H23" t="str">
            <v>特命</v>
          </cell>
          <cell r="I23">
            <v>159803</v>
          </cell>
          <cell r="J23">
            <v>4942</v>
          </cell>
          <cell r="K23">
            <v>164745</v>
          </cell>
          <cell r="L23" t="str">
            <v>特命</v>
          </cell>
          <cell r="M23" t="str">
            <v>一</v>
          </cell>
          <cell r="N23" t="str">
            <v>式</v>
          </cell>
          <cell r="O23" t="str">
            <v>軌・営　高・営</v>
          </cell>
          <cell r="P23">
            <v>38600</v>
          </cell>
          <cell r="Q23" t="str">
            <v>経営企画課</v>
          </cell>
          <cell r="R23" t="str">
            <v>今野　吉隆　2123</v>
          </cell>
          <cell r="S23" t="str">
            <v>主管の課長印でよい</v>
          </cell>
          <cell r="T23" t="str">
            <v>無</v>
          </cell>
          <cell r="U23" t="str">
            <v>納入後</v>
          </cell>
          <cell r="V23" t="str">
            <v>壱</v>
          </cell>
          <cell r="X23" t="str">
            <v>課長</v>
          </cell>
          <cell r="Y23" t="str">
            <v>省略可</v>
          </cell>
          <cell r="Z23" t="str">
            <v>なか１日</v>
          </cell>
          <cell r="AA23" t="str">
            <v>特命</v>
          </cell>
          <cell r="AB23">
            <v>38587</v>
          </cell>
          <cell r="AC23">
            <v>38588</v>
          </cell>
          <cell r="AD23">
            <v>1505</v>
          </cell>
          <cell r="AF23" t="e">
            <v>#N/A</v>
          </cell>
          <cell r="AG23" t="e">
            <v>#N/A</v>
          </cell>
          <cell r="AH23" t="e">
            <v>#N/A</v>
          </cell>
          <cell r="AI23" t="e">
            <v>#N/A</v>
          </cell>
          <cell r="AJ23" t="e">
            <v>#N/A</v>
          </cell>
          <cell r="AK23" t="e">
            <v>#N/A</v>
          </cell>
          <cell r="AL23" t="e">
            <v>#N/A</v>
          </cell>
          <cell r="AM23" t="e">
            <v>#N/A</v>
          </cell>
          <cell r="AO23" t="str">
            <v/>
          </cell>
          <cell r="AP23" t="str">
            <v/>
          </cell>
          <cell r="AS23" t="str">
            <v>-</v>
          </cell>
          <cell r="AY23" t="str">
            <v xml:space="preserve"> </v>
          </cell>
          <cell r="AZ23" t="str">
            <v xml:space="preserve"> </v>
          </cell>
          <cell r="BA23" t="str">
            <v xml:space="preserve"> </v>
          </cell>
          <cell r="BB23" t="str">
            <v xml:space="preserve"> </v>
          </cell>
          <cell r="BC23" t="str">
            <v xml:space="preserve"> </v>
          </cell>
          <cell r="BF23">
            <v>0</v>
          </cell>
          <cell r="BG23">
            <v>1</v>
          </cell>
          <cell r="BI23">
            <v>164745</v>
          </cell>
          <cell r="BJ23" t="str">
            <v>ＮＥＣトーキン（株）営業本部仙台支店</v>
          </cell>
          <cell r="BK23">
            <v>156900</v>
          </cell>
          <cell r="BL23">
            <v>164745</v>
          </cell>
          <cell r="BM23">
            <v>7845</v>
          </cell>
          <cell r="BN23" t="str">
            <v>発注書</v>
          </cell>
          <cell r="BO23" t="str">
            <v>非契約書</v>
          </cell>
          <cell r="BP23" t="str">
            <v>しない</v>
          </cell>
          <cell r="BQ23" t="str">
            <v>見積</v>
          </cell>
          <cell r="BR23">
            <v>1</v>
          </cell>
          <cell r="BS23">
            <v>38588</v>
          </cell>
          <cell r="BU23">
            <v>18</v>
          </cell>
          <cell r="BV23" t="str">
            <v>建改じゃないですね</v>
          </cell>
          <cell r="BW23">
            <v>18</v>
          </cell>
          <cell r="BX23" t="str">
            <v/>
          </cell>
          <cell r="BY23" t="str">
            <v/>
          </cell>
          <cell r="BZ23" t="str">
            <v/>
          </cell>
          <cell r="CA23">
            <v>38600</v>
          </cell>
          <cell r="CD23" t="str">
            <v/>
          </cell>
          <cell r="CF23" t="str">
            <v/>
          </cell>
          <cell r="CG23" t="str">
            <v>佐鳥221-6530</v>
          </cell>
          <cell r="CH23" t="str">
            <v>ＮＥＣトーキン（株）営業本部仙台支店</v>
          </cell>
          <cell r="CI23" t="str">
            <v>佐鳥　伊藤</v>
          </cell>
          <cell r="CJ23" t="str">
            <v>経営企画課</v>
          </cell>
          <cell r="CK23" t="str">
            <v>今野　吉隆　2123</v>
          </cell>
          <cell r="CN23">
            <v>164745</v>
          </cell>
          <cell r="CO23" t="e">
            <v>#VALUE!</v>
          </cell>
          <cell r="CP23">
            <v>0</v>
          </cell>
          <cell r="CQ23">
            <v>1</v>
          </cell>
        </row>
        <row r="24">
          <cell r="B24" t="str">
            <v>回り止め座金他</v>
          </cell>
          <cell r="C24">
            <v>4</v>
          </cell>
          <cell r="D24" t="str">
            <v/>
          </cell>
          <cell r="E24" t="str">
            <v>まわりどめざがねほか</v>
          </cell>
          <cell r="G24">
            <v>38587</v>
          </cell>
          <cell r="I24">
            <v>312900</v>
          </cell>
          <cell r="K24">
            <v>312900</v>
          </cell>
          <cell r="L24" t="str">
            <v>公開</v>
          </cell>
          <cell r="M24" t="str">
            <v>一</v>
          </cell>
          <cell r="N24" t="str">
            <v>式</v>
          </cell>
          <cell r="O24" t="str">
            <v>高・営</v>
          </cell>
          <cell r="P24">
            <v>38656</v>
          </cell>
          <cell r="Q24" t="str">
            <v>車両課(真駒内)</v>
          </cell>
          <cell r="R24" t="str">
            <v>阿部　光男　8317</v>
          </cell>
          <cell r="S24" t="str">
            <v>主管の課長印でよい</v>
          </cell>
          <cell r="T24" t="str">
            <v>無</v>
          </cell>
          <cell r="U24" t="str">
            <v>納入後</v>
          </cell>
          <cell r="V24" t="str">
            <v>壱</v>
          </cell>
          <cell r="W24" t="str">
            <v>○</v>
          </cell>
          <cell r="X24" t="str">
            <v>課長</v>
          </cell>
          <cell r="Y24" t="str">
            <v>省略可</v>
          </cell>
          <cell r="Z24" t="str">
            <v>なか１日</v>
          </cell>
          <cell r="AA24" t="str">
            <v>公開</v>
          </cell>
          <cell r="AB24">
            <v>38596</v>
          </cell>
          <cell r="AC24">
            <v>38596</v>
          </cell>
          <cell r="AF24" t="e">
            <v>#N/A</v>
          </cell>
          <cell r="AG24" t="e">
            <v>#N/A</v>
          </cell>
          <cell r="AH24" t="e">
            <v>#N/A</v>
          </cell>
          <cell r="AI24" t="e">
            <v>#N/A</v>
          </cell>
          <cell r="AJ24" t="e">
            <v>#N/A</v>
          </cell>
          <cell r="AK24" t="e">
            <v>#N/A</v>
          </cell>
          <cell r="AL24" t="e">
            <v>#N/A</v>
          </cell>
          <cell r="AM24" t="e">
            <v>#N/A</v>
          </cell>
          <cell r="AO24" t="str">
            <v/>
          </cell>
          <cell r="AP24" t="str">
            <v/>
          </cell>
          <cell r="AS24" t="str">
            <v>-</v>
          </cell>
          <cell r="AT24" t="str">
            <v>潮物産（株）札幌支店</v>
          </cell>
          <cell r="AU24" t="str">
            <v>（株）大興商事</v>
          </cell>
          <cell r="AV24" t="str">
            <v>マルキン機鋼（株）</v>
          </cell>
          <cell r="AY24" t="str">
            <v xml:space="preserve"> </v>
          </cell>
          <cell r="AZ24" t="str">
            <v xml:space="preserve"> </v>
          </cell>
          <cell r="BA24" t="str">
            <v xml:space="preserve"> </v>
          </cell>
          <cell r="BB24" t="str">
            <v xml:space="preserve"> </v>
          </cell>
          <cell r="BC24" t="str">
            <v xml:space="preserve"> </v>
          </cell>
          <cell r="BF24">
            <v>0</v>
          </cell>
          <cell r="BG24">
            <v>1</v>
          </cell>
          <cell r="BI24">
            <v>312900</v>
          </cell>
          <cell r="BJ24" t="str">
            <v>マルキン機鋼（株）</v>
          </cell>
          <cell r="BK24">
            <v>222000</v>
          </cell>
          <cell r="BL24">
            <v>233100</v>
          </cell>
          <cell r="BM24">
            <v>11100</v>
          </cell>
          <cell r="BN24" t="str">
            <v>発注書</v>
          </cell>
          <cell r="BO24" t="str">
            <v>非契約書</v>
          </cell>
          <cell r="BP24" t="str">
            <v>しない</v>
          </cell>
          <cell r="BQ24" t="str">
            <v>見積(公開)</v>
          </cell>
          <cell r="BR24">
            <v>0.74496644295302017</v>
          </cell>
          <cell r="BS24">
            <v>38597</v>
          </cell>
          <cell r="BU24">
            <v>19</v>
          </cell>
          <cell r="BV24" t="str">
            <v>建改じゃないですね</v>
          </cell>
          <cell r="BW24">
            <v>19</v>
          </cell>
          <cell r="BX24" t="str">
            <v/>
          </cell>
          <cell r="BY24" t="str">
            <v>受渡書省略</v>
          </cell>
          <cell r="BZ24" t="str">
            <v/>
          </cell>
          <cell r="CA24">
            <v>38656</v>
          </cell>
          <cell r="CB24" t="str">
            <v>納期と違う</v>
          </cell>
          <cell r="CC24">
            <v>38639</v>
          </cell>
          <cell r="CD24">
            <v>38639</v>
          </cell>
          <cell r="CE24">
            <v>38645</v>
          </cell>
          <cell r="CF24" t="str">
            <v>経過</v>
          </cell>
          <cell r="CG24">
            <v>2412681</v>
          </cell>
          <cell r="CH24" t="str">
            <v>マルキン機鋼（株）</v>
          </cell>
          <cell r="CI24">
            <v>0</v>
          </cell>
          <cell r="CJ24" t="str">
            <v>車両課(真駒内)</v>
          </cell>
          <cell r="CK24" t="str">
            <v>阿部　光男　8317</v>
          </cell>
          <cell r="CN24">
            <v>312900</v>
          </cell>
          <cell r="CO24" t="e">
            <v>#VALUE!</v>
          </cell>
          <cell r="CP24">
            <v>79800</v>
          </cell>
          <cell r="CQ24">
            <v>0.74496644295302017</v>
          </cell>
        </row>
        <row r="25">
          <cell r="B25" t="str">
            <v>南車両基地トラバーサ式転てつ器走行路他</v>
          </cell>
          <cell r="C25">
            <v>4</v>
          </cell>
          <cell r="D25" t="str">
            <v/>
          </cell>
          <cell r="G25">
            <v>38597</v>
          </cell>
          <cell r="H25" t="str">
            <v>特命</v>
          </cell>
          <cell r="I25">
            <v>16212000</v>
          </cell>
          <cell r="K25">
            <v>16212000</v>
          </cell>
          <cell r="L25" t="str">
            <v>特命</v>
          </cell>
          <cell r="M25" t="str">
            <v>一</v>
          </cell>
          <cell r="N25" t="str">
            <v>式</v>
          </cell>
          <cell r="O25" t="str">
            <v>高・営</v>
          </cell>
          <cell r="P25">
            <v>38793</v>
          </cell>
          <cell r="Q25" t="str">
            <v>施設課</v>
          </cell>
          <cell r="R25" t="str">
            <v>丸山　貴弘　2592</v>
          </cell>
          <cell r="S25" t="str">
            <v>主管の部長印が必要</v>
          </cell>
          <cell r="T25" t="str">
            <v>無</v>
          </cell>
          <cell r="U25" t="str">
            <v>納入後</v>
          </cell>
          <cell r="V25" t="str">
            <v>壱</v>
          </cell>
          <cell r="X25" t="str">
            <v>管理者</v>
          </cell>
          <cell r="Y25" t="str">
            <v>必 要</v>
          </cell>
          <cell r="Z25" t="str">
            <v>なか５日</v>
          </cell>
          <cell r="AA25" t="str">
            <v>特命</v>
          </cell>
          <cell r="AB25">
            <v>38610</v>
          </cell>
          <cell r="AC25">
            <v>38611</v>
          </cell>
          <cell r="AD25">
            <v>1400</v>
          </cell>
          <cell r="AF25" t="e">
            <v>#N/A</v>
          </cell>
          <cell r="AG25" t="e">
            <v>#N/A</v>
          </cell>
          <cell r="AH25" t="e">
            <v>#N/A</v>
          </cell>
          <cell r="AI25" t="e">
            <v>#N/A</v>
          </cell>
          <cell r="AJ25" t="e">
            <v>#N/A</v>
          </cell>
          <cell r="AK25" t="e">
            <v>#N/A</v>
          </cell>
          <cell r="AL25" t="e">
            <v>#N/A</v>
          </cell>
          <cell r="AM25" t="e">
            <v>#N/A</v>
          </cell>
          <cell r="AO25" t="str">
            <v/>
          </cell>
          <cell r="AP25" t="str">
            <v/>
          </cell>
          <cell r="AS25" t="str">
            <v>-</v>
          </cell>
          <cell r="AY25" t="str">
            <v xml:space="preserve"> </v>
          </cell>
          <cell r="AZ25" t="str">
            <v xml:space="preserve"> </v>
          </cell>
          <cell r="BA25" t="str">
            <v xml:space="preserve"> </v>
          </cell>
          <cell r="BB25" t="str">
            <v xml:space="preserve"> </v>
          </cell>
          <cell r="BC25" t="str">
            <v xml:space="preserve"> </v>
          </cell>
          <cell r="BE25">
            <v>15400000</v>
          </cell>
          <cell r="BG25">
            <v>2.5906735751295429E-3</v>
          </cell>
          <cell r="BH25">
            <v>15400000</v>
          </cell>
          <cell r="BI25">
            <v>16170000</v>
          </cell>
          <cell r="BJ25" t="str">
            <v>札幌川重車両エンジニアリング（株）</v>
          </cell>
          <cell r="BK25">
            <v>15217000</v>
          </cell>
          <cell r="BL25">
            <v>15977850</v>
          </cell>
          <cell r="BM25">
            <v>760850</v>
          </cell>
          <cell r="BN25" t="str">
            <v>契 約 書</v>
          </cell>
          <cell r="BO25" t="str">
            <v>済</v>
          </cell>
          <cell r="BP25" t="str">
            <v>しない</v>
          </cell>
          <cell r="BQ25" t="str">
            <v>見積</v>
          </cell>
          <cell r="BR25">
            <v>0.98811688311688317</v>
          </cell>
          <cell r="BS25">
            <v>38615</v>
          </cell>
          <cell r="BU25">
            <v>20</v>
          </cell>
          <cell r="BV25" t="str">
            <v>建改じゃないですね</v>
          </cell>
          <cell r="BW25">
            <v>20</v>
          </cell>
          <cell r="BX25" t="str">
            <v/>
          </cell>
          <cell r="BY25" t="str">
            <v>交付</v>
          </cell>
          <cell r="BZ25" t="str">
            <v>済</v>
          </cell>
          <cell r="CA25">
            <v>38793</v>
          </cell>
          <cell r="CB25" t="str">
            <v>納期と違う</v>
          </cell>
          <cell r="CC25">
            <v>38790</v>
          </cell>
          <cell r="CD25">
            <v>38790</v>
          </cell>
          <cell r="CE25">
            <v>38796</v>
          </cell>
          <cell r="CF25" t="str">
            <v>経過</v>
          </cell>
          <cell r="CG25">
            <v>2813701</v>
          </cell>
          <cell r="CH25" t="str">
            <v>札幌川重車両エンジニアリング（株）</v>
          </cell>
          <cell r="CI25" t="str">
            <v>苛原いらはら　武中</v>
          </cell>
          <cell r="CJ25" t="str">
            <v>施設課</v>
          </cell>
          <cell r="CK25" t="str">
            <v>丸山　貴弘　2592</v>
          </cell>
          <cell r="CN25">
            <v>16212000</v>
          </cell>
          <cell r="CO25" t="e">
            <v>#VALUE!</v>
          </cell>
          <cell r="CP25">
            <v>234150</v>
          </cell>
          <cell r="CQ25">
            <v>0.98555699481865289</v>
          </cell>
        </row>
        <row r="26">
          <cell r="B26" t="str">
            <v>記念共通ウィズユーカード【アートオブスター・ウォーズ展】</v>
          </cell>
          <cell r="C26">
            <v>4</v>
          </cell>
          <cell r="D26" t="str">
            <v/>
          </cell>
          <cell r="G26">
            <v>38602</v>
          </cell>
          <cell r="H26" t="str">
            <v>特命</v>
          </cell>
          <cell r="I26">
            <v>356475</v>
          </cell>
          <cell r="J26">
            <v>11025</v>
          </cell>
          <cell r="K26">
            <v>367500</v>
          </cell>
          <cell r="L26" t="str">
            <v>特命</v>
          </cell>
          <cell r="M26">
            <v>10000</v>
          </cell>
          <cell r="N26" t="str">
            <v>枚</v>
          </cell>
          <cell r="O26" t="str">
            <v>軌・営　高・営</v>
          </cell>
          <cell r="P26">
            <v>38625</v>
          </cell>
          <cell r="Q26" t="str">
            <v>経営企画課</v>
          </cell>
          <cell r="R26" t="str">
            <v>相良　拓也　2113</v>
          </cell>
          <cell r="S26" t="str">
            <v>主管の課長印でよい</v>
          </cell>
          <cell r="T26" t="str">
            <v>無</v>
          </cell>
          <cell r="U26" t="str">
            <v>納入後</v>
          </cell>
          <cell r="V26" t="str">
            <v>壱</v>
          </cell>
          <cell r="X26" t="str">
            <v>課長</v>
          </cell>
          <cell r="Y26" t="str">
            <v>省略可</v>
          </cell>
          <cell r="Z26" t="str">
            <v>なか１日</v>
          </cell>
          <cell r="AA26" t="str">
            <v>特命</v>
          </cell>
          <cell r="AB26">
            <v>38607</v>
          </cell>
          <cell r="AC26">
            <v>38607</v>
          </cell>
          <cell r="AD26">
            <v>1500</v>
          </cell>
          <cell r="AF26" t="e">
            <v>#N/A</v>
          </cell>
          <cell r="AG26" t="e">
            <v>#N/A</v>
          </cell>
          <cell r="AH26" t="e">
            <v>#N/A</v>
          </cell>
          <cell r="AI26" t="e">
            <v>#N/A</v>
          </cell>
          <cell r="AJ26" t="e">
            <v>#N/A</v>
          </cell>
          <cell r="AK26" t="e">
            <v>#N/A</v>
          </cell>
          <cell r="AL26" t="e">
            <v>#N/A</v>
          </cell>
          <cell r="AM26" t="e">
            <v>#N/A</v>
          </cell>
          <cell r="AO26" t="str">
            <v/>
          </cell>
          <cell r="AP26" t="str">
            <v/>
          </cell>
          <cell r="AS26" t="str">
            <v>-</v>
          </cell>
          <cell r="AY26" t="str">
            <v xml:space="preserve"> </v>
          </cell>
          <cell r="AZ26" t="str">
            <v xml:space="preserve"> </v>
          </cell>
          <cell r="BA26" t="str">
            <v xml:space="preserve"> </v>
          </cell>
          <cell r="BB26" t="str">
            <v xml:space="preserve"> </v>
          </cell>
          <cell r="BC26" t="str">
            <v xml:space="preserve"> </v>
          </cell>
          <cell r="BF26">
            <v>0</v>
          </cell>
          <cell r="BG26">
            <v>1</v>
          </cell>
          <cell r="BI26">
            <v>367500</v>
          </cell>
          <cell r="BJ26" t="str">
            <v>ＮＥＣトーキン（株）営業本部仙台支店</v>
          </cell>
          <cell r="BK26">
            <v>350000</v>
          </cell>
          <cell r="BL26">
            <v>367500</v>
          </cell>
          <cell r="BM26">
            <v>17500</v>
          </cell>
          <cell r="BN26" t="str">
            <v>発注書</v>
          </cell>
          <cell r="BO26" t="str">
            <v>非契約書</v>
          </cell>
          <cell r="BP26" t="str">
            <v>しない</v>
          </cell>
          <cell r="BQ26" t="str">
            <v>見積</v>
          </cell>
          <cell r="BR26">
            <v>1</v>
          </cell>
          <cell r="BS26">
            <v>38607</v>
          </cell>
          <cell r="BU26">
            <v>21</v>
          </cell>
          <cell r="BV26" t="str">
            <v>建改じゃないですね</v>
          </cell>
          <cell r="BW26">
            <v>21</v>
          </cell>
          <cell r="BX26" t="str">
            <v/>
          </cell>
          <cell r="BY26" t="str">
            <v/>
          </cell>
          <cell r="BZ26" t="str">
            <v/>
          </cell>
          <cell r="CA26">
            <v>38625</v>
          </cell>
          <cell r="CD26" t="str">
            <v/>
          </cell>
          <cell r="CF26" t="str">
            <v/>
          </cell>
          <cell r="CG26" t="str">
            <v>佐鳥221-6530</v>
          </cell>
          <cell r="CH26" t="str">
            <v>ＮＥＣトーキン（株）営業本部仙台支店</v>
          </cell>
          <cell r="CI26" t="str">
            <v>佐鳥　伊藤</v>
          </cell>
          <cell r="CJ26" t="str">
            <v>経営企画課</v>
          </cell>
          <cell r="CK26" t="str">
            <v>相良　拓也　2113</v>
          </cell>
          <cell r="CN26">
            <v>367500</v>
          </cell>
          <cell r="CO26">
            <v>35</v>
          </cell>
          <cell r="CP26">
            <v>0</v>
          </cell>
          <cell r="CQ26">
            <v>1</v>
          </cell>
        </row>
        <row r="27">
          <cell r="B27" t="str">
            <v>除雪車用ササラ木台</v>
          </cell>
          <cell r="C27">
            <v>4</v>
          </cell>
          <cell r="D27" t="str">
            <v/>
          </cell>
          <cell r="E27" t="str">
            <v>もくだい</v>
          </cell>
          <cell r="G27">
            <v>38604</v>
          </cell>
          <cell r="I27">
            <v>540750</v>
          </cell>
          <cell r="K27">
            <v>540750</v>
          </cell>
          <cell r="L27" t="str">
            <v>公開</v>
          </cell>
          <cell r="M27" t="str">
            <v>一</v>
          </cell>
          <cell r="N27" t="str">
            <v>式</v>
          </cell>
          <cell r="O27" t="str">
            <v>軌・営</v>
          </cell>
          <cell r="P27">
            <v>38695</v>
          </cell>
          <cell r="Q27" t="str">
            <v>電車事業所</v>
          </cell>
          <cell r="R27" t="str">
            <v>内山　晃良　2933</v>
          </cell>
          <cell r="S27" t="str">
            <v>主管の部長印が必要</v>
          </cell>
          <cell r="T27" t="str">
            <v>無</v>
          </cell>
          <cell r="U27" t="str">
            <v>納入後</v>
          </cell>
          <cell r="V27" t="str">
            <v>壱</v>
          </cell>
          <cell r="X27" t="str">
            <v>課長</v>
          </cell>
          <cell r="Y27" t="str">
            <v>省略可</v>
          </cell>
          <cell r="Z27" t="str">
            <v>なか１日</v>
          </cell>
          <cell r="AA27" t="str">
            <v>公開</v>
          </cell>
          <cell r="AB27">
            <v>38610</v>
          </cell>
          <cell r="AC27">
            <v>38610</v>
          </cell>
          <cell r="AF27" t="e">
            <v>#N/A</v>
          </cell>
          <cell r="AG27" t="e">
            <v>#N/A</v>
          </cell>
          <cell r="AH27" t="e">
            <v>#N/A</v>
          </cell>
          <cell r="AI27" t="e">
            <v>#N/A</v>
          </cell>
          <cell r="AJ27" t="e">
            <v>#N/A</v>
          </cell>
          <cell r="AK27" t="e">
            <v>#N/A</v>
          </cell>
          <cell r="AL27" t="e">
            <v>#N/A</v>
          </cell>
          <cell r="AM27" t="e">
            <v>#N/A</v>
          </cell>
          <cell r="AO27" t="str">
            <v/>
          </cell>
          <cell r="AP27" t="str">
            <v/>
          </cell>
          <cell r="AS27" t="str">
            <v>-</v>
          </cell>
          <cell r="AT27" t="str">
            <v>宇佐美木材（株）</v>
          </cell>
          <cell r="AU27" t="str">
            <v>昭和マテリアル（株）札幌営業所</v>
          </cell>
          <cell r="AY27" t="str">
            <v xml:space="preserve"> </v>
          </cell>
          <cell r="AZ27" t="str">
            <v xml:space="preserve"> </v>
          </cell>
          <cell r="BA27" t="str">
            <v xml:space="preserve"> </v>
          </cell>
          <cell r="BB27" t="str">
            <v xml:space="preserve"> </v>
          </cell>
          <cell r="BC27" t="str">
            <v xml:space="preserve"> </v>
          </cell>
          <cell r="BF27">
            <v>0</v>
          </cell>
          <cell r="BG27">
            <v>1</v>
          </cell>
          <cell r="BI27">
            <v>540750</v>
          </cell>
          <cell r="BJ27" t="str">
            <v>宇佐美木材（株）</v>
          </cell>
          <cell r="BK27">
            <v>514080</v>
          </cell>
          <cell r="BL27">
            <v>539784</v>
          </cell>
          <cell r="BM27">
            <v>25704</v>
          </cell>
          <cell r="BN27" t="str">
            <v>請書</v>
          </cell>
          <cell r="BO27" t="str">
            <v>非契約書</v>
          </cell>
          <cell r="BP27" t="str">
            <v>しない</v>
          </cell>
          <cell r="BQ27" t="str">
            <v>見積(公開)</v>
          </cell>
          <cell r="BR27">
            <v>0.99821359223300976</v>
          </cell>
          <cell r="BS27">
            <v>38611</v>
          </cell>
          <cell r="BU27">
            <v>22</v>
          </cell>
          <cell r="BV27" t="str">
            <v>建改じゃないですね</v>
          </cell>
          <cell r="BW27">
            <v>22</v>
          </cell>
          <cell r="BX27" t="str">
            <v/>
          </cell>
          <cell r="BY27" t="str">
            <v/>
          </cell>
          <cell r="BZ27" t="str">
            <v/>
          </cell>
          <cell r="CA27">
            <v>38695</v>
          </cell>
          <cell r="CD27" t="str">
            <v/>
          </cell>
          <cell r="CF27" t="str">
            <v/>
          </cell>
          <cell r="CG27">
            <v>6816479</v>
          </cell>
          <cell r="CH27" t="str">
            <v>宇佐美木材（株）</v>
          </cell>
          <cell r="CI27" t="e">
            <v>#N/A</v>
          </cell>
          <cell r="CJ27" t="str">
            <v>電車事業所</v>
          </cell>
          <cell r="CK27" t="str">
            <v>内山　晃良　2933</v>
          </cell>
          <cell r="CN27">
            <v>540750</v>
          </cell>
          <cell r="CO27" t="e">
            <v>#VALUE!</v>
          </cell>
          <cell r="CP27">
            <v>966</v>
          </cell>
          <cell r="CQ27">
            <v>0.99821359223300976</v>
          </cell>
        </row>
        <row r="28">
          <cell r="B28" t="str">
            <v>除雪車用ササラ</v>
          </cell>
          <cell r="C28">
            <v>4</v>
          </cell>
          <cell r="D28" t="str">
            <v/>
          </cell>
          <cell r="G28">
            <v>38604</v>
          </cell>
          <cell r="I28">
            <v>4809000</v>
          </cell>
          <cell r="K28">
            <v>4809000</v>
          </cell>
          <cell r="L28" t="str">
            <v>入札</v>
          </cell>
          <cell r="M28" t="str">
            <v>一</v>
          </cell>
          <cell r="N28" t="str">
            <v>式</v>
          </cell>
          <cell r="O28" t="str">
            <v>軌・営</v>
          </cell>
          <cell r="P28">
            <v>38695</v>
          </cell>
          <cell r="Q28" t="str">
            <v>電車事業所</v>
          </cell>
          <cell r="R28" t="str">
            <v>内山　晃良　2933</v>
          </cell>
          <cell r="S28" t="str">
            <v>主管の部長印が必要</v>
          </cell>
          <cell r="T28" t="str">
            <v>無</v>
          </cell>
          <cell r="U28" t="str">
            <v>納入後</v>
          </cell>
          <cell r="V28" t="str">
            <v>壱</v>
          </cell>
          <cell r="X28" t="str">
            <v>部長</v>
          </cell>
          <cell r="Y28" t="str">
            <v>必 要</v>
          </cell>
          <cell r="Z28" t="str">
            <v>なか１日</v>
          </cell>
          <cell r="AA28" t="str">
            <v>入札</v>
          </cell>
          <cell r="AB28">
            <v>38610</v>
          </cell>
          <cell r="AC28">
            <v>38611</v>
          </cell>
          <cell r="AD28">
            <v>1050</v>
          </cell>
          <cell r="AE28" t="str">
            <v>一般機械器具製造業</v>
          </cell>
          <cell r="AF28" t="str">
            <v>ボイラ・原動機</v>
          </cell>
          <cell r="AG28" t="str">
            <v>農耕用機械</v>
          </cell>
          <cell r="AH28" t="str">
            <v>建設機械</v>
          </cell>
          <cell r="AI28" t="str">
            <v>事務用機械</v>
          </cell>
          <cell r="AJ28" t="str">
            <v>特殊産業用機械</v>
          </cell>
          <cell r="AK28" t="str">
            <v>その他一般機械器具</v>
          </cell>
          <cell r="AL28" t="str">
            <v/>
          </cell>
          <cell r="AM28" t="str">
            <v/>
          </cell>
          <cell r="AN28" t="str">
            <v>その他一般機械器具</v>
          </cell>
          <cell r="AO28">
            <v>1</v>
          </cell>
          <cell r="AP28">
            <v>6</v>
          </cell>
          <cell r="AR28" t="str">
            <v>Ａ</v>
          </cell>
          <cell r="AS28">
            <v>4</v>
          </cell>
          <cell r="AT28" t="str">
            <v>日本車輌洗滌機（株）北海道支店</v>
          </cell>
          <cell r="AU28" t="str">
            <v>（株）日立製作所北海道支社</v>
          </cell>
          <cell r="AV28" t="str">
            <v>富士電機システムズ（株）北海道支社</v>
          </cell>
          <cell r="AW28" t="str">
            <v>三菱電機（株）北海道支社</v>
          </cell>
          <cell r="AY28" t="str">
            <v xml:space="preserve"> </v>
          </cell>
          <cell r="AZ28" t="str">
            <v xml:space="preserve"> </v>
          </cell>
          <cell r="BA28" t="str">
            <v xml:space="preserve"> </v>
          </cell>
          <cell r="BB28" t="str">
            <v xml:space="preserve"> </v>
          </cell>
          <cell r="BC28" t="str">
            <v xml:space="preserve"> </v>
          </cell>
          <cell r="BE28">
            <v>4580000</v>
          </cell>
          <cell r="BG28">
            <v>0</v>
          </cell>
          <cell r="BH28">
            <v>4580000</v>
          </cell>
          <cell r="BI28">
            <v>4809000</v>
          </cell>
          <cell r="BJ28" t="str">
            <v>日本車輌洗滌機（株）北海道支店</v>
          </cell>
          <cell r="BK28">
            <v>4580000</v>
          </cell>
          <cell r="BL28">
            <v>4809000</v>
          </cell>
          <cell r="BM28">
            <v>229000</v>
          </cell>
          <cell r="BN28" t="str">
            <v>契 約 書</v>
          </cell>
          <cell r="BO28" t="str">
            <v>済</v>
          </cell>
          <cell r="BP28" t="str">
            <v>しない</v>
          </cell>
          <cell r="BQ28" t="str">
            <v>入  札</v>
          </cell>
          <cell r="BR28">
            <v>1</v>
          </cell>
          <cell r="BS28">
            <v>38615</v>
          </cell>
          <cell r="BU28">
            <v>23</v>
          </cell>
          <cell r="BV28" t="str">
            <v>建改じゃないですね</v>
          </cell>
          <cell r="BW28">
            <v>23</v>
          </cell>
          <cell r="BX28" t="str">
            <v/>
          </cell>
          <cell r="BY28" t="str">
            <v>交付</v>
          </cell>
          <cell r="BZ28" t="str">
            <v>済</v>
          </cell>
          <cell r="CA28">
            <v>38695</v>
          </cell>
          <cell r="CB28" t="str">
            <v>納期と違う</v>
          </cell>
          <cell r="CC28">
            <v>38693</v>
          </cell>
          <cell r="CD28">
            <v>38693</v>
          </cell>
          <cell r="CE28">
            <v>38699</v>
          </cell>
          <cell r="CF28" t="str">
            <v>経過</v>
          </cell>
          <cell r="CG28">
            <v>8611367</v>
          </cell>
          <cell r="CH28" t="str">
            <v>日本車輌洗滌機（株）北海道支店</v>
          </cell>
          <cell r="CI28" t="str">
            <v>-</v>
          </cell>
          <cell r="CJ28" t="str">
            <v>電車事業所</v>
          </cell>
          <cell r="CK28" t="str">
            <v>内山　晃良　2933</v>
          </cell>
          <cell r="CL28" t="str">
            <v>（株）日立製作所北海道支社</v>
          </cell>
          <cell r="CN28">
            <v>4809000</v>
          </cell>
          <cell r="CO28" t="e">
            <v>#VALUE!</v>
          </cell>
          <cell r="CP28">
            <v>0</v>
          </cell>
          <cell r="CQ28">
            <v>1</v>
          </cell>
        </row>
        <row r="29">
          <cell r="B29" t="str">
            <v>軌道材料・案内軌条締結部品</v>
          </cell>
          <cell r="C29">
            <v>4</v>
          </cell>
          <cell r="D29" t="str">
            <v/>
          </cell>
          <cell r="G29">
            <v>38604</v>
          </cell>
          <cell r="I29">
            <v>2887500</v>
          </cell>
          <cell r="K29">
            <v>2887500</v>
          </cell>
          <cell r="L29" t="str">
            <v>入札</v>
          </cell>
          <cell r="M29" t="str">
            <v>一</v>
          </cell>
          <cell r="N29" t="str">
            <v>式</v>
          </cell>
          <cell r="O29" t="str">
            <v>高・営</v>
          </cell>
          <cell r="P29">
            <v>38656</v>
          </cell>
          <cell r="Q29" t="str">
            <v>施設課</v>
          </cell>
          <cell r="R29" t="str">
            <v>川島　孝吉　2578</v>
          </cell>
          <cell r="S29" t="str">
            <v>主管の課長印でよい</v>
          </cell>
          <cell r="T29" t="str">
            <v>無</v>
          </cell>
          <cell r="U29" t="str">
            <v>納入後</v>
          </cell>
          <cell r="V29" t="str">
            <v>壱</v>
          </cell>
          <cell r="X29" t="str">
            <v>課長</v>
          </cell>
          <cell r="Y29" t="str">
            <v>必 要</v>
          </cell>
          <cell r="Z29" t="str">
            <v>なか１日</v>
          </cell>
          <cell r="AA29" t="str">
            <v>入札</v>
          </cell>
          <cell r="AB29">
            <v>38609</v>
          </cell>
          <cell r="AC29">
            <v>38616</v>
          </cell>
          <cell r="AD29">
            <v>1100</v>
          </cell>
          <cell r="AE29" t="str">
            <v>輸送機械器具製造業</v>
          </cell>
          <cell r="AF29" t="str">
            <v>自動車・同付属品</v>
          </cell>
          <cell r="AG29" t="str">
            <v>鉄道車両・同部品</v>
          </cell>
          <cell r="AH29" t="str">
            <v>航空機・同付属品</v>
          </cell>
          <cell r="AI29" t="str">
            <v>その他輸送用機械器具</v>
          </cell>
          <cell r="AJ29" t="str">
            <v/>
          </cell>
          <cell r="AK29" t="str">
            <v/>
          </cell>
          <cell r="AL29" t="str">
            <v/>
          </cell>
          <cell r="AM29" t="str">
            <v/>
          </cell>
          <cell r="AN29" t="str">
            <v>鉄道車両・同部品</v>
          </cell>
          <cell r="AO29">
            <v>3</v>
          </cell>
          <cell r="AP29">
            <v>2</v>
          </cell>
          <cell r="AR29" t="str">
            <v>Ｃ</v>
          </cell>
          <cell r="AS29">
            <v>3</v>
          </cell>
          <cell r="AT29" t="str">
            <v>札幌川重車両エンジニアリング（株）</v>
          </cell>
          <cell r="AU29" t="str">
            <v>日本軌道工業（株）札幌営業所</v>
          </cell>
          <cell r="AV29" t="str">
            <v>（株）理興製作所</v>
          </cell>
          <cell r="AY29" t="str">
            <v xml:space="preserve"> </v>
          </cell>
          <cell r="AZ29" t="str">
            <v xml:space="preserve"> </v>
          </cell>
          <cell r="BA29" t="str">
            <v xml:space="preserve"> </v>
          </cell>
          <cell r="BB29" t="str">
            <v xml:space="preserve"> </v>
          </cell>
          <cell r="BC29" t="str">
            <v xml:space="preserve"> </v>
          </cell>
          <cell r="BE29">
            <v>2750000</v>
          </cell>
          <cell r="BF29">
            <v>2887500</v>
          </cell>
          <cell r="BG29">
            <v>0</v>
          </cell>
          <cell r="BH29">
            <v>2750000</v>
          </cell>
          <cell r="BI29">
            <v>2887500</v>
          </cell>
          <cell r="BJ29" t="str">
            <v>日本軌道工業（株）札幌営業所</v>
          </cell>
          <cell r="BK29">
            <v>2640000</v>
          </cell>
          <cell r="BL29">
            <v>2772000</v>
          </cell>
          <cell r="BM29">
            <v>132000</v>
          </cell>
          <cell r="BN29" t="str">
            <v>契 約 書</v>
          </cell>
          <cell r="BO29" t="str">
            <v>済</v>
          </cell>
          <cell r="BP29" t="str">
            <v>しない</v>
          </cell>
          <cell r="BQ29" t="str">
            <v>入  札</v>
          </cell>
          <cell r="BR29">
            <v>0.96</v>
          </cell>
          <cell r="BS29">
            <v>38617</v>
          </cell>
          <cell r="BU29">
            <v>0</v>
          </cell>
          <cell r="BV29" t="str">
            <v>建改じゃないですね</v>
          </cell>
          <cell r="BW29">
            <v>24</v>
          </cell>
          <cell r="BX29" t="str">
            <v/>
          </cell>
          <cell r="BY29" t="str">
            <v>交付</v>
          </cell>
          <cell r="BZ29" t="str">
            <v>済</v>
          </cell>
          <cell r="CA29">
            <v>38656</v>
          </cell>
          <cell r="CB29" t="str">
            <v>納期と同じ</v>
          </cell>
          <cell r="CD29">
            <v>38656</v>
          </cell>
          <cell r="CE29">
            <v>38666</v>
          </cell>
          <cell r="CF29" t="str">
            <v>経過</v>
          </cell>
          <cell r="CG29">
            <v>6711113</v>
          </cell>
          <cell r="CH29" t="str">
            <v>日本軌道工業（株）札幌営業所</v>
          </cell>
          <cell r="CI29" t="str">
            <v>紫藤しとう</v>
          </cell>
          <cell r="CJ29" t="str">
            <v>施設課</v>
          </cell>
          <cell r="CK29" t="str">
            <v>川島　孝吉　2578</v>
          </cell>
          <cell r="CN29">
            <v>2887500</v>
          </cell>
          <cell r="CO29" t="e">
            <v>#VALUE!</v>
          </cell>
          <cell r="CP29">
            <v>115500</v>
          </cell>
          <cell r="CQ29">
            <v>0.96</v>
          </cell>
        </row>
        <row r="30">
          <cell r="B30" t="str">
            <v>案内軌条締結部品</v>
          </cell>
          <cell r="C30">
            <v>4</v>
          </cell>
          <cell r="D30" t="str">
            <v/>
          </cell>
          <cell r="G30">
            <v>38604</v>
          </cell>
          <cell r="H30" t="str">
            <v>特命</v>
          </cell>
          <cell r="I30">
            <v>1795500</v>
          </cell>
          <cell r="K30">
            <v>1795500</v>
          </cell>
          <cell r="L30" t="str">
            <v>特命</v>
          </cell>
          <cell r="M30" t="str">
            <v>一</v>
          </cell>
          <cell r="N30" t="str">
            <v>式</v>
          </cell>
          <cell r="O30" t="str">
            <v>高・営</v>
          </cell>
          <cell r="P30">
            <v>38656</v>
          </cell>
          <cell r="Q30" t="str">
            <v>施設課</v>
          </cell>
          <cell r="R30" t="str">
            <v>川島　孝吉　2578</v>
          </cell>
          <cell r="S30" t="str">
            <v>主管の課長印でよい</v>
          </cell>
          <cell r="T30" t="str">
            <v>無</v>
          </cell>
          <cell r="U30" t="str">
            <v>納入後</v>
          </cell>
          <cell r="V30" t="str">
            <v>壱</v>
          </cell>
          <cell r="W30" t="str">
            <v>○</v>
          </cell>
          <cell r="X30" t="str">
            <v>課長</v>
          </cell>
          <cell r="Y30" t="str">
            <v>省略可</v>
          </cell>
          <cell r="Z30" t="str">
            <v>なか１日</v>
          </cell>
          <cell r="AA30" t="str">
            <v>特命</v>
          </cell>
          <cell r="AB30">
            <v>38609</v>
          </cell>
          <cell r="AC30">
            <v>38616</v>
          </cell>
          <cell r="AD30">
            <v>1120</v>
          </cell>
          <cell r="AF30" t="e">
            <v>#N/A</v>
          </cell>
          <cell r="AG30" t="e">
            <v>#N/A</v>
          </cell>
          <cell r="AH30" t="e">
            <v>#N/A</v>
          </cell>
          <cell r="AI30" t="e">
            <v>#N/A</v>
          </cell>
          <cell r="AJ30" t="e">
            <v>#N/A</v>
          </cell>
          <cell r="AK30" t="e">
            <v>#N/A</v>
          </cell>
          <cell r="AL30" t="e">
            <v>#N/A</v>
          </cell>
          <cell r="AM30" t="e">
            <v>#N/A</v>
          </cell>
          <cell r="AO30" t="str">
            <v/>
          </cell>
          <cell r="AP30" t="str">
            <v/>
          </cell>
          <cell r="AS30" t="str">
            <v>-</v>
          </cell>
          <cell r="AY30" t="str">
            <v xml:space="preserve"> </v>
          </cell>
          <cell r="AZ30" t="str">
            <v xml:space="preserve"> </v>
          </cell>
          <cell r="BA30" t="str">
            <v xml:space="preserve"> </v>
          </cell>
          <cell r="BB30" t="str">
            <v xml:space="preserve"> </v>
          </cell>
          <cell r="BC30" t="str">
            <v xml:space="preserve"> </v>
          </cell>
          <cell r="BF30">
            <v>0</v>
          </cell>
          <cell r="BG30">
            <v>1</v>
          </cell>
          <cell r="BI30">
            <v>1795500</v>
          </cell>
          <cell r="BJ30" t="str">
            <v>日本軌道工業（株）札幌営業所</v>
          </cell>
          <cell r="BK30">
            <v>1688200</v>
          </cell>
          <cell r="BL30">
            <v>1772610</v>
          </cell>
          <cell r="BM30">
            <v>84410</v>
          </cell>
          <cell r="BN30" t="str">
            <v>契 約 書</v>
          </cell>
          <cell r="BO30" t="str">
            <v>済</v>
          </cell>
          <cell r="BP30" t="str">
            <v>しない</v>
          </cell>
          <cell r="BQ30" t="str">
            <v>見積</v>
          </cell>
          <cell r="BR30">
            <v>0.98725146198830405</v>
          </cell>
          <cell r="BS30">
            <v>38617</v>
          </cell>
          <cell r="BU30">
            <v>1</v>
          </cell>
          <cell r="BV30" t="str">
            <v>建改じゃないですね</v>
          </cell>
          <cell r="BW30">
            <v>1</v>
          </cell>
          <cell r="BX30" t="str">
            <v/>
          </cell>
          <cell r="BY30" t="str">
            <v>受渡書省略</v>
          </cell>
          <cell r="BZ30" t="str">
            <v/>
          </cell>
          <cell r="CA30">
            <v>38656</v>
          </cell>
          <cell r="CB30" t="str">
            <v>納期と同じ</v>
          </cell>
          <cell r="CD30">
            <v>38656</v>
          </cell>
          <cell r="CE30">
            <v>38666</v>
          </cell>
          <cell r="CF30" t="str">
            <v>経過</v>
          </cell>
          <cell r="CG30">
            <v>6711113</v>
          </cell>
          <cell r="CH30" t="str">
            <v>日本軌道工業（株）札幌営業所</v>
          </cell>
          <cell r="CI30" t="str">
            <v>紫藤しとう</v>
          </cell>
          <cell r="CJ30" t="str">
            <v>施設課</v>
          </cell>
          <cell r="CK30" t="str">
            <v>川島　孝吉　2578</v>
          </cell>
          <cell r="CN30">
            <v>1795500</v>
          </cell>
          <cell r="CO30" t="e">
            <v>#VALUE!</v>
          </cell>
          <cell r="CP30">
            <v>22890</v>
          </cell>
          <cell r="CQ30">
            <v>0.98725146198830405</v>
          </cell>
        </row>
        <row r="31">
          <cell r="B31" t="str">
            <v>総合伝送路システム改良</v>
          </cell>
          <cell r="C31">
            <v>5</v>
          </cell>
          <cell r="D31">
            <v>5</v>
          </cell>
          <cell r="G31">
            <v>38607</v>
          </cell>
          <cell r="H31" t="str">
            <v>特命</v>
          </cell>
          <cell r="I31">
            <v>13398000</v>
          </cell>
          <cell r="K31">
            <v>13398000</v>
          </cell>
          <cell r="L31" t="str">
            <v>特命</v>
          </cell>
          <cell r="M31" t="str">
            <v>一</v>
          </cell>
          <cell r="N31" t="str">
            <v>式</v>
          </cell>
          <cell r="O31" t="str">
            <v>高・建改</v>
          </cell>
          <cell r="P31">
            <v>38799</v>
          </cell>
          <cell r="Q31" t="str">
            <v>電気課</v>
          </cell>
          <cell r="R31" t="str">
            <v>佐藤　正　2654</v>
          </cell>
          <cell r="S31" t="str">
            <v>主管の部長印が必要  経理係の合議要</v>
          </cell>
          <cell r="T31" t="str">
            <v>無</v>
          </cell>
          <cell r="U31" t="str">
            <v>納入後</v>
          </cell>
          <cell r="V31" t="str">
            <v>壱</v>
          </cell>
          <cell r="X31" t="str">
            <v>管理者</v>
          </cell>
          <cell r="Y31" t="str">
            <v>必 要</v>
          </cell>
          <cell r="Z31" t="str">
            <v>なか５日</v>
          </cell>
          <cell r="AA31" t="str">
            <v>特命</v>
          </cell>
          <cell r="AB31">
            <v>38622</v>
          </cell>
          <cell r="AC31">
            <v>38622</v>
          </cell>
          <cell r="AD31">
            <v>1400</v>
          </cell>
          <cell r="AF31" t="e">
            <v>#N/A</v>
          </cell>
          <cell r="AG31" t="e">
            <v>#N/A</v>
          </cell>
          <cell r="AH31" t="e">
            <v>#N/A</v>
          </cell>
          <cell r="AI31" t="e">
            <v>#N/A</v>
          </cell>
          <cell r="AJ31" t="e">
            <v>#N/A</v>
          </cell>
          <cell r="AK31" t="e">
            <v>#N/A</v>
          </cell>
          <cell r="AL31" t="e">
            <v>#N/A</v>
          </cell>
          <cell r="AM31" t="e">
            <v>#N/A</v>
          </cell>
          <cell r="AO31" t="str">
            <v/>
          </cell>
          <cell r="AP31" t="str">
            <v/>
          </cell>
          <cell r="AS31" t="str">
            <v>-</v>
          </cell>
          <cell r="AY31" t="str">
            <v xml:space="preserve"> </v>
          </cell>
          <cell r="AZ31" t="str">
            <v xml:space="preserve"> </v>
          </cell>
          <cell r="BA31" t="str">
            <v xml:space="preserve"> </v>
          </cell>
          <cell r="BB31" t="str">
            <v xml:space="preserve"> </v>
          </cell>
          <cell r="BC31" t="str">
            <v xml:space="preserve"> </v>
          </cell>
          <cell r="BE31">
            <v>12700000</v>
          </cell>
          <cell r="BF31">
            <v>13335000</v>
          </cell>
          <cell r="BG31">
            <v>4.7021943573667402E-3</v>
          </cell>
          <cell r="BH31">
            <v>12700000</v>
          </cell>
          <cell r="BI31">
            <v>13335000</v>
          </cell>
          <cell r="BJ31" t="str">
            <v>日本電気（株）北海道支社</v>
          </cell>
          <cell r="BK31">
            <v>12660000</v>
          </cell>
          <cell r="BL31">
            <v>13293000</v>
          </cell>
          <cell r="BM31">
            <v>633000</v>
          </cell>
          <cell r="BN31" t="str">
            <v>契 約 書</v>
          </cell>
          <cell r="BO31" t="str">
            <v>済</v>
          </cell>
          <cell r="BP31" t="str">
            <v>する</v>
          </cell>
          <cell r="BQ31" t="str">
            <v>見積</v>
          </cell>
          <cell r="BR31">
            <v>0.99685039370078743</v>
          </cell>
          <cell r="BS31">
            <v>38625</v>
          </cell>
          <cell r="BU31">
            <v>1</v>
          </cell>
          <cell r="BV31">
            <v>5</v>
          </cell>
          <cell r="BW31" t="str">
            <v>建改　５</v>
          </cell>
          <cell r="BX31">
            <v>5</v>
          </cell>
          <cell r="BY31" t="str">
            <v>交付</v>
          </cell>
          <cell r="BZ31" t="str">
            <v>済</v>
          </cell>
          <cell r="CA31">
            <v>38799</v>
          </cell>
          <cell r="CB31" t="str">
            <v>納期と同じ</v>
          </cell>
          <cell r="CD31">
            <v>38799</v>
          </cell>
          <cell r="CE31">
            <v>38806</v>
          </cell>
          <cell r="CF31" t="str">
            <v>経過</v>
          </cell>
          <cell r="CG31">
            <v>2310183</v>
          </cell>
          <cell r="CH31" t="str">
            <v>日本電気（株）北海道支社</v>
          </cell>
          <cell r="CI31" t="str">
            <v>鎌田かまた</v>
          </cell>
          <cell r="CJ31" t="str">
            <v>電気課</v>
          </cell>
          <cell r="CK31" t="str">
            <v>佐藤　正　2654</v>
          </cell>
          <cell r="CN31">
            <v>13398000</v>
          </cell>
          <cell r="CO31" t="e">
            <v>#VALUE!</v>
          </cell>
          <cell r="CP31">
            <v>105000</v>
          </cell>
          <cell r="CQ31">
            <v>0.99216300940438873</v>
          </cell>
        </row>
        <row r="32">
          <cell r="B32" t="str">
            <v>東豊線運行管理システム更新</v>
          </cell>
          <cell r="C32">
            <v>6</v>
          </cell>
          <cell r="D32">
            <v>6</v>
          </cell>
          <cell r="G32">
            <v>38611</v>
          </cell>
          <cell r="H32" t="str">
            <v>特命</v>
          </cell>
          <cell r="I32">
            <v>915033000</v>
          </cell>
          <cell r="K32">
            <v>915033000</v>
          </cell>
          <cell r="L32" t="str">
            <v>特命</v>
          </cell>
          <cell r="M32" t="str">
            <v>一</v>
          </cell>
          <cell r="N32" t="str">
            <v>式</v>
          </cell>
          <cell r="O32" t="str">
            <v>高・建改</v>
          </cell>
          <cell r="P32">
            <v>39538</v>
          </cell>
          <cell r="Q32" t="str">
            <v>電気課</v>
          </cell>
          <cell r="R32" t="str">
            <v>伊藤　公一　2652</v>
          </cell>
          <cell r="S32" t="str">
            <v>管理者印必要  経理係の合議要</v>
          </cell>
          <cell r="T32" t="str">
            <v>４回</v>
          </cell>
          <cell r="U32" t="str">
            <v>納入後</v>
          </cell>
          <cell r="V32" t="str">
            <v>壱</v>
          </cell>
          <cell r="X32" t="str">
            <v>管理者</v>
          </cell>
          <cell r="Y32" t="str">
            <v>必 要</v>
          </cell>
          <cell r="Z32" t="str">
            <v>なか１０日</v>
          </cell>
          <cell r="AA32" t="str">
            <v>特命</v>
          </cell>
          <cell r="AB32">
            <v>38636</v>
          </cell>
          <cell r="AC32">
            <v>38625</v>
          </cell>
          <cell r="AD32">
            <v>1400</v>
          </cell>
          <cell r="AF32" t="e">
            <v>#N/A</v>
          </cell>
          <cell r="AG32" t="e">
            <v>#N/A</v>
          </cell>
          <cell r="AH32" t="e">
            <v>#N/A</v>
          </cell>
          <cell r="AI32" t="e">
            <v>#N/A</v>
          </cell>
          <cell r="AJ32" t="e">
            <v>#N/A</v>
          </cell>
          <cell r="AK32" t="e">
            <v>#N/A</v>
          </cell>
          <cell r="AL32" t="e">
            <v>#N/A</v>
          </cell>
          <cell r="AM32" t="e">
            <v>#N/A</v>
          </cell>
          <cell r="AO32" t="str">
            <v/>
          </cell>
          <cell r="AP32" t="str">
            <v/>
          </cell>
          <cell r="AS32" t="str">
            <v>-</v>
          </cell>
          <cell r="AY32" t="str">
            <v xml:space="preserve"> </v>
          </cell>
          <cell r="AZ32" t="str">
            <v xml:space="preserve"> </v>
          </cell>
          <cell r="BA32" t="str">
            <v xml:space="preserve"> </v>
          </cell>
          <cell r="BB32" t="str">
            <v xml:space="preserve"> </v>
          </cell>
          <cell r="BC32" t="str">
            <v xml:space="preserve"> </v>
          </cell>
          <cell r="BE32">
            <v>870000000</v>
          </cell>
          <cell r="BF32">
            <v>913500000</v>
          </cell>
          <cell r="BG32">
            <v>1.6753494136276803E-3</v>
          </cell>
          <cell r="BH32">
            <v>870000000</v>
          </cell>
          <cell r="BI32">
            <v>913500000</v>
          </cell>
          <cell r="BJ32" t="str">
            <v>（株）日立製作所北海道支社</v>
          </cell>
          <cell r="BK32">
            <v>870000000</v>
          </cell>
          <cell r="BL32">
            <v>913500000</v>
          </cell>
          <cell r="BM32">
            <v>43500000</v>
          </cell>
          <cell r="BN32" t="str">
            <v>契 約 書</v>
          </cell>
          <cell r="BO32" t="str">
            <v>済</v>
          </cell>
          <cell r="BP32" t="str">
            <v>する</v>
          </cell>
          <cell r="BQ32" t="str">
            <v>見積</v>
          </cell>
          <cell r="BR32">
            <v>1</v>
          </cell>
          <cell r="BS32">
            <v>38625</v>
          </cell>
          <cell r="BU32">
            <v>1</v>
          </cell>
          <cell r="BV32">
            <v>6</v>
          </cell>
          <cell r="BW32" t="str">
            <v>建改　６</v>
          </cell>
          <cell r="BX32">
            <v>6</v>
          </cell>
          <cell r="BY32" t="str">
            <v>交付</v>
          </cell>
          <cell r="BZ32" t="str">
            <v/>
          </cell>
          <cell r="CA32">
            <v>39538</v>
          </cell>
          <cell r="CD32" t="str">
            <v/>
          </cell>
          <cell r="CF32" t="str">
            <v/>
          </cell>
          <cell r="CG32">
            <v>2210354</v>
          </cell>
          <cell r="CH32" t="str">
            <v>（株）日立製作所北海道支社</v>
          </cell>
          <cell r="CI32" t="str">
            <v>土井　土屋</v>
          </cell>
          <cell r="CJ32" t="str">
            <v>電気課</v>
          </cell>
          <cell r="CK32" t="str">
            <v>伊藤　公一　2652</v>
          </cell>
          <cell r="CN32">
            <v>915033000</v>
          </cell>
          <cell r="CO32" t="e">
            <v>#VALUE!</v>
          </cell>
          <cell r="CP32">
            <v>1533000</v>
          </cell>
          <cell r="CQ32">
            <v>0.99832465058637232</v>
          </cell>
        </row>
        <row r="33">
          <cell r="B33" t="str">
            <v>平成１７年度定期券発行装置等改良（冬ダイヤ）</v>
          </cell>
          <cell r="C33">
            <v>6</v>
          </cell>
          <cell r="D33" t="str">
            <v/>
          </cell>
          <cell r="G33">
            <v>38651</v>
          </cell>
          <cell r="H33" t="str">
            <v>特命</v>
          </cell>
          <cell r="I33">
            <v>5008500</v>
          </cell>
          <cell r="K33">
            <v>5008500</v>
          </cell>
          <cell r="L33" t="str">
            <v>特命</v>
          </cell>
          <cell r="M33" t="str">
            <v>一</v>
          </cell>
          <cell r="N33" t="str">
            <v>式</v>
          </cell>
          <cell r="O33" t="str">
            <v>高・営</v>
          </cell>
          <cell r="P33">
            <v>38686</v>
          </cell>
          <cell r="Q33" t="str">
            <v>電気課</v>
          </cell>
          <cell r="R33" t="str">
            <v>中田　貴也　2664</v>
          </cell>
          <cell r="S33" t="str">
            <v>主管の部長印が必要</v>
          </cell>
          <cell r="T33" t="str">
            <v>無</v>
          </cell>
          <cell r="U33" t="str">
            <v>納入後</v>
          </cell>
          <cell r="V33" t="str">
            <v>壱</v>
          </cell>
          <cell r="X33" t="str">
            <v>部長</v>
          </cell>
          <cell r="Y33" t="str">
            <v>必 要</v>
          </cell>
          <cell r="Z33" t="str">
            <v>なか５日</v>
          </cell>
          <cell r="AA33" t="str">
            <v>特命</v>
          </cell>
          <cell r="AB33">
            <v>38664</v>
          </cell>
          <cell r="AC33">
            <v>38660</v>
          </cell>
          <cell r="AD33">
            <v>1400</v>
          </cell>
          <cell r="AF33" t="e">
            <v>#N/A</v>
          </cell>
          <cell r="AG33" t="e">
            <v>#N/A</v>
          </cell>
          <cell r="AH33" t="e">
            <v>#N/A</v>
          </cell>
          <cell r="AI33" t="e">
            <v>#N/A</v>
          </cell>
          <cell r="AJ33" t="e">
            <v>#N/A</v>
          </cell>
          <cell r="AK33" t="e">
            <v>#N/A</v>
          </cell>
          <cell r="AL33" t="e">
            <v>#N/A</v>
          </cell>
          <cell r="AM33" t="e">
            <v>#N/A</v>
          </cell>
          <cell r="AO33" t="str">
            <v/>
          </cell>
          <cell r="AP33" t="str">
            <v/>
          </cell>
          <cell r="AS33" t="str">
            <v>-</v>
          </cell>
          <cell r="AY33" t="str">
            <v xml:space="preserve"> </v>
          </cell>
          <cell r="AZ33" t="str">
            <v xml:space="preserve"> </v>
          </cell>
          <cell r="BA33" t="str">
            <v xml:space="preserve"> </v>
          </cell>
          <cell r="BB33" t="str">
            <v xml:space="preserve"> </v>
          </cell>
          <cell r="BC33" t="str">
            <v xml:space="preserve"> </v>
          </cell>
          <cell r="BE33">
            <v>4700000</v>
          </cell>
          <cell r="BF33">
            <v>4935000</v>
          </cell>
          <cell r="BG33">
            <v>1.4675052410901501E-2</v>
          </cell>
          <cell r="BH33">
            <v>4700000</v>
          </cell>
          <cell r="BI33">
            <v>4935000</v>
          </cell>
          <cell r="BJ33" t="str">
            <v>（株）東芝北海道支社</v>
          </cell>
          <cell r="BK33">
            <v>4700000</v>
          </cell>
          <cell r="BL33">
            <v>4935000</v>
          </cell>
          <cell r="BM33">
            <v>235000</v>
          </cell>
          <cell r="BN33" t="str">
            <v>契 約 書</v>
          </cell>
          <cell r="BO33" t="str">
            <v>済</v>
          </cell>
          <cell r="BP33" t="str">
            <v>しない</v>
          </cell>
          <cell r="BQ33" t="str">
            <v>見積</v>
          </cell>
          <cell r="BR33">
            <v>1</v>
          </cell>
          <cell r="BS33">
            <v>38663</v>
          </cell>
          <cell r="BU33">
            <v>2</v>
          </cell>
          <cell r="BV33" t="str">
            <v>建改じゃないですね</v>
          </cell>
          <cell r="BW33">
            <v>2</v>
          </cell>
          <cell r="BX33" t="str">
            <v/>
          </cell>
          <cell r="BY33" t="str">
            <v>交付</v>
          </cell>
          <cell r="BZ33" t="str">
            <v>済</v>
          </cell>
          <cell r="CA33">
            <v>38686</v>
          </cell>
          <cell r="CB33" t="str">
            <v>納期と同じ</v>
          </cell>
          <cell r="CD33">
            <v>38686</v>
          </cell>
          <cell r="CE33">
            <v>38688</v>
          </cell>
          <cell r="CF33" t="str">
            <v>経過</v>
          </cell>
          <cell r="CG33">
            <v>2142505</v>
          </cell>
          <cell r="CH33" t="str">
            <v>（株）東芝北海道支社</v>
          </cell>
          <cell r="CI33" t="str">
            <v>岸田　星野　外岡とのおか</v>
          </cell>
          <cell r="CJ33" t="str">
            <v>電気課</v>
          </cell>
          <cell r="CK33" t="str">
            <v>中田　貴也　2664</v>
          </cell>
          <cell r="CN33">
            <v>5008500</v>
          </cell>
          <cell r="CO33" t="e">
            <v>#VALUE!</v>
          </cell>
          <cell r="CP33">
            <v>73500</v>
          </cell>
          <cell r="CQ33">
            <v>0.9853249475890985</v>
          </cell>
        </row>
        <row r="34">
          <cell r="B34" t="str">
            <v>券売機用「共通ウィズユーカード」３回目発注分</v>
          </cell>
          <cell r="C34">
            <v>6</v>
          </cell>
          <cell r="D34" t="str">
            <v/>
          </cell>
          <cell r="G34">
            <v>38653</v>
          </cell>
          <cell r="I34">
            <v>1024695</v>
          </cell>
          <cell r="J34">
            <v>33131805</v>
          </cell>
          <cell r="K34">
            <v>34156500</v>
          </cell>
          <cell r="L34" t="str">
            <v>入札</v>
          </cell>
          <cell r="M34">
            <v>1000000</v>
          </cell>
          <cell r="N34" t="str">
            <v>枚</v>
          </cell>
          <cell r="O34" t="str">
            <v>軌・営　高・営</v>
          </cell>
          <cell r="P34">
            <v>38735</v>
          </cell>
          <cell r="Q34" t="str">
            <v>経営企画課</v>
          </cell>
          <cell r="R34" t="str">
            <v>安藤　友明　2115</v>
          </cell>
          <cell r="S34" t="str">
            <v>管理者印必要</v>
          </cell>
          <cell r="T34" t="str">
            <v>無</v>
          </cell>
          <cell r="U34" t="str">
            <v>納入後</v>
          </cell>
          <cell r="V34" t="str">
            <v>壱</v>
          </cell>
          <cell r="X34" t="str">
            <v>管理者</v>
          </cell>
          <cell r="Y34" t="str">
            <v>必 要</v>
          </cell>
          <cell r="Z34" t="str">
            <v>なか５日</v>
          </cell>
          <cell r="AA34" t="str">
            <v>入札</v>
          </cell>
          <cell r="AB34">
            <v>38667</v>
          </cell>
          <cell r="AC34">
            <v>38667</v>
          </cell>
          <cell r="AD34">
            <v>1100</v>
          </cell>
          <cell r="AE34" t="str">
            <v>出版･印刷業</v>
          </cell>
          <cell r="AF34" t="str">
            <v>出版</v>
          </cell>
          <cell r="AG34" t="str">
            <v>印刷</v>
          </cell>
          <cell r="AH34" t="str">
            <v>製本</v>
          </cell>
          <cell r="AI34" t="str">
            <v/>
          </cell>
          <cell r="AJ34" t="str">
            <v/>
          </cell>
          <cell r="AK34" t="str">
            <v/>
          </cell>
          <cell r="AL34" t="str">
            <v/>
          </cell>
          <cell r="AM34" t="str">
            <v/>
          </cell>
          <cell r="AN34" t="str">
            <v>印刷</v>
          </cell>
          <cell r="AO34">
            <v>18</v>
          </cell>
          <cell r="AP34">
            <v>2</v>
          </cell>
          <cell r="AR34" t="str">
            <v>-</v>
          </cell>
          <cell r="AS34">
            <v>6</v>
          </cell>
          <cell r="AT34" t="str">
            <v>ＮＥＣトーキン（株）営業本部仙台支店</v>
          </cell>
          <cell r="AU34" t="str">
            <v>共同印刷（株）</v>
          </cell>
          <cell r="AV34" t="str">
            <v>凸版印刷（株）北海道事業部</v>
          </cell>
          <cell r="AW34" t="str">
            <v>日本通信紙（株）札幌支店</v>
          </cell>
          <cell r="AY34" t="str">
            <v xml:space="preserve"> </v>
          </cell>
          <cell r="AZ34" t="str">
            <v xml:space="preserve"> </v>
          </cell>
          <cell r="BA34" t="str">
            <v xml:space="preserve"> </v>
          </cell>
          <cell r="BB34" t="str">
            <v xml:space="preserve"> </v>
          </cell>
          <cell r="BC34" t="str">
            <v xml:space="preserve"> </v>
          </cell>
          <cell r="BE34">
            <v>32500000</v>
          </cell>
          <cell r="BF34">
            <v>34125000</v>
          </cell>
          <cell r="BG34">
            <v>9.2222563787269785E-4</v>
          </cell>
          <cell r="BH34">
            <v>32500000</v>
          </cell>
          <cell r="BI34">
            <v>34125000</v>
          </cell>
          <cell r="BJ34" t="str">
            <v>ＮＥＣトーキン（株）営業本部仙台支店</v>
          </cell>
          <cell r="BK34">
            <v>32500000</v>
          </cell>
          <cell r="BL34">
            <v>34125000</v>
          </cell>
          <cell r="BM34">
            <v>1625000</v>
          </cell>
          <cell r="BN34" t="str">
            <v>契 約 書</v>
          </cell>
          <cell r="BO34" t="str">
            <v>済</v>
          </cell>
          <cell r="BP34" t="str">
            <v>しない</v>
          </cell>
          <cell r="BQ34" t="str">
            <v>入  札</v>
          </cell>
          <cell r="BR34">
            <v>1</v>
          </cell>
          <cell r="BS34">
            <v>38672</v>
          </cell>
          <cell r="BU34">
            <v>3</v>
          </cell>
          <cell r="BV34" t="str">
            <v>建改じゃないですね</v>
          </cell>
          <cell r="BW34">
            <v>3</v>
          </cell>
          <cell r="BX34" t="str">
            <v/>
          </cell>
          <cell r="BY34" t="str">
            <v>交付</v>
          </cell>
          <cell r="BZ34" t="str">
            <v>済</v>
          </cell>
          <cell r="CA34">
            <v>38735</v>
          </cell>
          <cell r="CB34" t="str">
            <v>納期と同じ</v>
          </cell>
          <cell r="CD34">
            <v>38735</v>
          </cell>
          <cell r="CE34">
            <v>38747</v>
          </cell>
          <cell r="CF34" t="str">
            <v>経過</v>
          </cell>
          <cell r="CG34" t="str">
            <v>佐鳥221-6530</v>
          </cell>
          <cell r="CH34" t="str">
            <v>ＮＥＣトーキン（株）営業本部仙台支店</v>
          </cell>
          <cell r="CI34" t="str">
            <v>佐鳥　伊藤</v>
          </cell>
          <cell r="CJ34" t="str">
            <v>経営企画課</v>
          </cell>
          <cell r="CK34" t="str">
            <v>安藤　友明　2115</v>
          </cell>
          <cell r="CN34">
            <v>34156500</v>
          </cell>
          <cell r="CO34">
            <v>32.53</v>
          </cell>
          <cell r="CP34">
            <v>31500</v>
          </cell>
          <cell r="CQ34">
            <v>0.9990777743621273</v>
          </cell>
        </row>
        <row r="35">
          <cell r="B35" t="str">
            <v>設備指令システム改良</v>
          </cell>
          <cell r="C35">
            <v>7</v>
          </cell>
          <cell r="D35">
            <v>7</v>
          </cell>
          <cell r="G35">
            <v>38653</v>
          </cell>
          <cell r="H35" t="str">
            <v>特命</v>
          </cell>
          <cell r="I35">
            <v>5281500</v>
          </cell>
          <cell r="K35">
            <v>5281500</v>
          </cell>
          <cell r="L35" t="str">
            <v>特命</v>
          </cell>
          <cell r="M35" t="str">
            <v>一</v>
          </cell>
          <cell r="N35" t="str">
            <v>式</v>
          </cell>
          <cell r="O35" t="str">
            <v>高・建改</v>
          </cell>
          <cell r="P35">
            <v>38793</v>
          </cell>
          <cell r="Q35" t="str">
            <v>電気課</v>
          </cell>
          <cell r="R35" t="str">
            <v>多田　国康　2642</v>
          </cell>
          <cell r="S35" t="str">
            <v>主管の部長印が必要  経理係の合議要</v>
          </cell>
          <cell r="T35" t="str">
            <v>無</v>
          </cell>
          <cell r="U35" t="str">
            <v>納入後</v>
          </cell>
          <cell r="V35" t="str">
            <v>壱</v>
          </cell>
          <cell r="X35" t="str">
            <v>部長</v>
          </cell>
          <cell r="Y35" t="str">
            <v>必 要</v>
          </cell>
          <cell r="Z35" t="str">
            <v>なか５日</v>
          </cell>
          <cell r="AA35" t="str">
            <v>特命</v>
          </cell>
          <cell r="AB35">
            <v>38666</v>
          </cell>
          <cell r="AC35">
            <v>38667</v>
          </cell>
          <cell r="AD35">
            <v>1400</v>
          </cell>
          <cell r="AF35" t="e">
            <v>#N/A</v>
          </cell>
          <cell r="AG35" t="e">
            <v>#N/A</v>
          </cell>
          <cell r="AH35" t="e">
            <v>#N/A</v>
          </cell>
          <cell r="AI35" t="e">
            <v>#N/A</v>
          </cell>
          <cell r="AJ35" t="e">
            <v>#N/A</v>
          </cell>
          <cell r="AK35" t="e">
            <v>#N/A</v>
          </cell>
          <cell r="AL35" t="e">
            <v>#N/A</v>
          </cell>
          <cell r="AM35" t="e">
            <v>#N/A</v>
          </cell>
          <cell r="AO35" t="str">
            <v/>
          </cell>
          <cell r="AP35" t="str">
            <v/>
          </cell>
          <cell r="AS35" t="str">
            <v>-</v>
          </cell>
          <cell r="BE35">
            <v>5000000</v>
          </cell>
          <cell r="BF35">
            <v>5250000</v>
          </cell>
          <cell r="BG35">
            <v>5.9642147117295874E-3</v>
          </cell>
          <cell r="BH35">
            <v>5000000</v>
          </cell>
          <cell r="BI35">
            <v>5250000</v>
          </cell>
          <cell r="BJ35" t="str">
            <v>富士電機システムズ（株）北海道支社</v>
          </cell>
          <cell r="BK35">
            <v>5000000</v>
          </cell>
          <cell r="BL35">
            <v>5250000</v>
          </cell>
          <cell r="BM35">
            <v>250000</v>
          </cell>
          <cell r="BN35" t="str">
            <v>契 約 書</v>
          </cell>
          <cell r="BO35" t="str">
            <v>済</v>
          </cell>
          <cell r="BP35" t="str">
            <v>する</v>
          </cell>
          <cell r="BQ35" t="str">
            <v>見積</v>
          </cell>
          <cell r="BR35">
            <v>1</v>
          </cell>
          <cell r="BS35">
            <v>38671</v>
          </cell>
          <cell r="BU35">
            <v>3</v>
          </cell>
          <cell r="BV35">
            <v>7</v>
          </cell>
          <cell r="BW35" t="str">
            <v>建改　７</v>
          </cell>
          <cell r="BX35">
            <v>7</v>
          </cell>
          <cell r="BY35" t="str">
            <v>交付</v>
          </cell>
          <cell r="BZ35" t="str">
            <v>済</v>
          </cell>
          <cell r="CA35">
            <v>38793</v>
          </cell>
          <cell r="CB35" t="str">
            <v>納期と違う</v>
          </cell>
          <cell r="CC35">
            <v>38791</v>
          </cell>
          <cell r="CD35">
            <v>38791</v>
          </cell>
          <cell r="CE35">
            <v>38793</v>
          </cell>
          <cell r="CF35" t="str">
            <v>経過</v>
          </cell>
          <cell r="CG35" t="str">
            <v>221-5462</v>
          </cell>
          <cell r="CH35" t="str">
            <v>富士電機システムズ（株）北海道支社</v>
          </cell>
          <cell r="CI35" t="str">
            <v>本多　坂田　郷田</v>
          </cell>
          <cell r="CJ35" t="str">
            <v>電気課</v>
          </cell>
          <cell r="CK35" t="str">
            <v>多田　国康　2642</v>
          </cell>
          <cell r="CN35">
            <v>5281500</v>
          </cell>
          <cell r="CO35" t="e">
            <v>#VALUE!</v>
          </cell>
          <cell r="CP35">
            <v>31500</v>
          </cell>
          <cell r="CQ35">
            <v>0.99403578528827041</v>
          </cell>
        </row>
        <row r="36">
          <cell r="B36" t="str">
            <v>ＣＴＣ／ＩＲ伝送装置設置（東西線・東豊線）</v>
          </cell>
          <cell r="C36">
            <v>8</v>
          </cell>
          <cell r="D36">
            <v>8</v>
          </cell>
          <cell r="G36">
            <v>38660</v>
          </cell>
          <cell r="H36" t="str">
            <v>特命</v>
          </cell>
          <cell r="I36">
            <v>159022500</v>
          </cell>
          <cell r="K36">
            <v>159022500</v>
          </cell>
          <cell r="L36" t="str">
            <v>特命</v>
          </cell>
          <cell r="M36" t="str">
            <v>一</v>
          </cell>
          <cell r="N36" t="str">
            <v>式</v>
          </cell>
          <cell r="O36" t="str">
            <v>高・建改</v>
          </cell>
          <cell r="P36">
            <v>39108</v>
          </cell>
          <cell r="Q36" t="str">
            <v>電気課</v>
          </cell>
          <cell r="R36" t="str">
            <v>佐藤　公俊　2655</v>
          </cell>
          <cell r="S36" t="str">
            <v>管理者印必要  経理係の合議要</v>
          </cell>
          <cell r="T36" t="str">
            <v>無</v>
          </cell>
          <cell r="U36" t="str">
            <v>納入後</v>
          </cell>
          <cell r="V36" t="str">
            <v>壱</v>
          </cell>
          <cell r="X36" t="str">
            <v>管理者</v>
          </cell>
          <cell r="Y36" t="str">
            <v>必 要</v>
          </cell>
          <cell r="Z36" t="str">
            <v>なか１０日</v>
          </cell>
          <cell r="AA36" t="str">
            <v>特命</v>
          </cell>
          <cell r="AB36">
            <v>38681</v>
          </cell>
          <cell r="AC36">
            <v>38672</v>
          </cell>
          <cell r="AD36">
            <v>1400</v>
          </cell>
          <cell r="AF36" t="e">
            <v>#N/A</v>
          </cell>
          <cell r="AG36" t="e">
            <v>#N/A</v>
          </cell>
          <cell r="AH36" t="e">
            <v>#N/A</v>
          </cell>
          <cell r="AI36" t="e">
            <v>#N/A</v>
          </cell>
          <cell r="AJ36" t="e">
            <v>#N/A</v>
          </cell>
          <cell r="AK36" t="e">
            <v>#N/A</v>
          </cell>
          <cell r="AL36" t="e">
            <v>#N/A</v>
          </cell>
          <cell r="AM36" t="e">
            <v>#N/A</v>
          </cell>
          <cell r="AO36" t="str">
            <v/>
          </cell>
          <cell r="AP36" t="str">
            <v/>
          </cell>
          <cell r="AS36" t="str">
            <v>-</v>
          </cell>
          <cell r="AY36" t="str">
            <v xml:space="preserve"> </v>
          </cell>
          <cell r="AZ36" t="str">
            <v xml:space="preserve"> </v>
          </cell>
          <cell r="BA36" t="str">
            <v xml:space="preserve"> </v>
          </cell>
          <cell r="BB36" t="str">
            <v xml:space="preserve"> </v>
          </cell>
          <cell r="BC36" t="str">
            <v xml:space="preserve"> </v>
          </cell>
          <cell r="BE36">
            <v>151000000</v>
          </cell>
          <cell r="BF36">
            <v>158550000</v>
          </cell>
          <cell r="BG36">
            <v>2.9712776493892035E-3</v>
          </cell>
          <cell r="BH36">
            <v>151000000</v>
          </cell>
          <cell r="BI36">
            <v>158550000</v>
          </cell>
          <cell r="BJ36" t="str">
            <v>日本信号（株）北海道支店</v>
          </cell>
          <cell r="BK36">
            <v>149000000</v>
          </cell>
          <cell r="BL36">
            <v>156450000</v>
          </cell>
          <cell r="BM36">
            <v>7450000</v>
          </cell>
          <cell r="BN36" t="str">
            <v>契 約 書</v>
          </cell>
          <cell r="BO36" t="str">
            <v>済</v>
          </cell>
          <cell r="BP36" t="str">
            <v>する</v>
          </cell>
          <cell r="BQ36" t="str">
            <v>見積</v>
          </cell>
          <cell r="BR36">
            <v>0.98675496688741726</v>
          </cell>
          <cell r="BS36">
            <v>38673</v>
          </cell>
          <cell r="BU36">
            <v>3</v>
          </cell>
          <cell r="BV36">
            <v>8</v>
          </cell>
          <cell r="BW36" t="str">
            <v>建改　８</v>
          </cell>
          <cell r="BX36">
            <v>8</v>
          </cell>
          <cell r="BY36" t="str">
            <v>交付</v>
          </cell>
          <cell r="BZ36" t="str">
            <v/>
          </cell>
          <cell r="CA36">
            <v>39108</v>
          </cell>
          <cell r="CD36" t="str">
            <v/>
          </cell>
          <cell r="CF36" t="str">
            <v/>
          </cell>
          <cell r="CG36">
            <v>2714161</v>
          </cell>
          <cell r="CH36" t="str">
            <v>日本信号（株）北海道支店</v>
          </cell>
          <cell r="CI36" t="str">
            <v>佐々木　藤井</v>
          </cell>
          <cell r="CJ36" t="str">
            <v>電気課</v>
          </cell>
          <cell r="CK36" t="str">
            <v>佐藤　公俊　2655</v>
          </cell>
          <cell r="CN36">
            <v>159022500</v>
          </cell>
          <cell r="CO36" t="e">
            <v>#VALUE!</v>
          </cell>
          <cell r="CP36">
            <v>2572500</v>
          </cell>
          <cell r="CQ36">
            <v>0.98382304390888087</v>
          </cell>
        </row>
        <row r="37">
          <cell r="B37" t="str">
            <v>東西線大通故障監視装置改良</v>
          </cell>
          <cell r="C37">
            <v>9</v>
          </cell>
          <cell r="D37">
            <v>9</v>
          </cell>
          <cell r="G37">
            <v>38665</v>
          </cell>
          <cell r="H37" t="str">
            <v>特命</v>
          </cell>
          <cell r="I37">
            <v>3685500</v>
          </cell>
          <cell r="K37">
            <v>3685500</v>
          </cell>
          <cell r="L37" t="str">
            <v>特命</v>
          </cell>
          <cell r="M37" t="str">
            <v>一</v>
          </cell>
          <cell r="N37" t="str">
            <v>式</v>
          </cell>
          <cell r="O37" t="str">
            <v>高・建改</v>
          </cell>
          <cell r="P37">
            <v>38806</v>
          </cell>
          <cell r="Q37" t="str">
            <v>電気課</v>
          </cell>
          <cell r="R37" t="str">
            <v>伊藤　公一　2652</v>
          </cell>
          <cell r="S37" t="str">
            <v>主管の課長印でよい  経理係の合議要</v>
          </cell>
          <cell r="T37" t="str">
            <v>無</v>
          </cell>
          <cell r="U37" t="str">
            <v>納入後</v>
          </cell>
          <cell r="V37" t="str">
            <v>壱</v>
          </cell>
          <cell r="X37" t="str">
            <v>部長</v>
          </cell>
          <cell r="Y37" t="str">
            <v>必 要</v>
          </cell>
          <cell r="Z37" t="str">
            <v>なか１日</v>
          </cell>
          <cell r="AA37" t="str">
            <v>特命</v>
          </cell>
          <cell r="AB37">
            <v>38671</v>
          </cell>
          <cell r="AC37">
            <v>38672</v>
          </cell>
          <cell r="AD37">
            <v>1500</v>
          </cell>
          <cell r="AF37" t="e">
            <v>#N/A</v>
          </cell>
          <cell r="AG37" t="e">
            <v>#N/A</v>
          </cell>
          <cell r="AH37" t="e">
            <v>#N/A</v>
          </cell>
          <cell r="AI37" t="e">
            <v>#N/A</v>
          </cell>
          <cell r="AJ37" t="e">
            <v>#N/A</v>
          </cell>
          <cell r="AK37" t="e">
            <v>#N/A</v>
          </cell>
          <cell r="AL37" t="e">
            <v>#N/A</v>
          </cell>
          <cell r="AM37" t="e">
            <v>#N/A</v>
          </cell>
          <cell r="AO37" t="str">
            <v/>
          </cell>
          <cell r="AP37" t="str">
            <v/>
          </cell>
          <cell r="AS37" t="str">
            <v>-</v>
          </cell>
          <cell r="AY37" t="str">
            <v xml:space="preserve"> </v>
          </cell>
          <cell r="AZ37" t="str">
            <v xml:space="preserve"> </v>
          </cell>
          <cell r="BA37" t="str">
            <v xml:space="preserve"> </v>
          </cell>
          <cell r="BB37" t="str">
            <v xml:space="preserve"> </v>
          </cell>
          <cell r="BC37" t="str">
            <v xml:space="preserve"> </v>
          </cell>
          <cell r="BE37">
            <v>3500000</v>
          </cell>
          <cell r="BF37">
            <v>3675000</v>
          </cell>
          <cell r="BG37">
            <v>2.8490028490028019E-3</v>
          </cell>
          <cell r="BH37">
            <v>3500000</v>
          </cell>
          <cell r="BI37">
            <v>3675000</v>
          </cell>
          <cell r="BJ37" t="str">
            <v>日本電気（株）北海道支社</v>
          </cell>
          <cell r="BK37">
            <v>3400000</v>
          </cell>
          <cell r="BL37">
            <v>3570000</v>
          </cell>
          <cell r="BM37">
            <v>170000</v>
          </cell>
          <cell r="BN37" t="str">
            <v>契 約 書</v>
          </cell>
          <cell r="BO37" t="str">
            <v>済</v>
          </cell>
          <cell r="BP37" t="str">
            <v>する</v>
          </cell>
          <cell r="BQ37" t="str">
            <v>見積</v>
          </cell>
          <cell r="BR37">
            <v>0.97142857142857142</v>
          </cell>
          <cell r="BS37">
            <v>38674</v>
          </cell>
          <cell r="BU37">
            <v>3</v>
          </cell>
          <cell r="BV37">
            <v>9</v>
          </cell>
          <cell r="BW37" t="str">
            <v>建改　９</v>
          </cell>
          <cell r="BX37">
            <v>9</v>
          </cell>
          <cell r="BY37" t="str">
            <v>交付</v>
          </cell>
          <cell r="BZ37" t="str">
            <v>済</v>
          </cell>
          <cell r="CA37">
            <v>38806</v>
          </cell>
          <cell r="CB37" t="str">
            <v>納期と違う</v>
          </cell>
          <cell r="CC37">
            <v>38775</v>
          </cell>
          <cell r="CD37">
            <v>38775</v>
          </cell>
          <cell r="CE37">
            <v>38777</v>
          </cell>
          <cell r="CF37" t="str">
            <v>経過</v>
          </cell>
          <cell r="CG37">
            <v>2310183</v>
          </cell>
          <cell r="CH37" t="str">
            <v>日本電気（株）北海道支社</v>
          </cell>
          <cell r="CI37" t="str">
            <v>鎌田かまた</v>
          </cell>
          <cell r="CJ37" t="str">
            <v>電気課</v>
          </cell>
          <cell r="CK37" t="str">
            <v>伊藤　公一　2652</v>
          </cell>
          <cell r="CN37">
            <v>3685500</v>
          </cell>
          <cell r="CO37" t="e">
            <v>#VALUE!</v>
          </cell>
          <cell r="CP37">
            <v>115500</v>
          </cell>
          <cell r="CQ37">
            <v>0.96866096866096862</v>
          </cell>
        </row>
        <row r="38">
          <cell r="B38" t="str">
            <v>地下鉄料金表</v>
          </cell>
          <cell r="C38">
            <v>9</v>
          </cell>
          <cell r="D38" t="str">
            <v/>
          </cell>
          <cell r="G38">
            <v>38672</v>
          </cell>
          <cell r="I38">
            <v>16611000</v>
          </cell>
          <cell r="K38">
            <v>16611000</v>
          </cell>
          <cell r="L38" t="str">
            <v>入札</v>
          </cell>
          <cell r="M38" t="str">
            <v>一</v>
          </cell>
          <cell r="N38" t="str">
            <v>式</v>
          </cell>
          <cell r="O38" t="str">
            <v>高・営</v>
          </cell>
          <cell r="P38">
            <v>38748</v>
          </cell>
          <cell r="Q38" t="str">
            <v>業務課</v>
          </cell>
          <cell r="R38" t="str">
            <v>桜庭　一昭　2416</v>
          </cell>
          <cell r="S38" t="str">
            <v>主管の部長印が必要</v>
          </cell>
          <cell r="T38" t="str">
            <v>無</v>
          </cell>
          <cell r="U38" t="str">
            <v>納入後</v>
          </cell>
          <cell r="V38" t="str">
            <v>壱</v>
          </cell>
          <cell r="X38" t="str">
            <v>管理者</v>
          </cell>
          <cell r="Y38" t="str">
            <v>必 要</v>
          </cell>
          <cell r="Z38" t="str">
            <v>なか５日</v>
          </cell>
          <cell r="AA38" t="str">
            <v>入札</v>
          </cell>
          <cell r="AB38" t="e">
            <v>#NAME?</v>
          </cell>
          <cell r="AC38">
            <v>38688</v>
          </cell>
          <cell r="AD38">
            <v>1100</v>
          </cell>
          <cell r="AE38" t="str">
            <v>その他製造業</v>
          </cell>
          <cell r="AF38" t="str">
            <v>看板・標識</v>
          </cell>
          <cell r="AG38" t="str">
            <v>玩具・運動競技用具</v>
          </cell>
          <cell r="AH38" t="str">
            <v>他に分類されない製造業</v>
          </cell>
          <cell r="AI38" t="str">
            <v/>
          </cell>
          <cell r="AJ38" t="str">
            <v/>
          </cell>
          <cell r="AK38" t="str">
            <v/>
          </cell>
          <cell r="AL38" t="str">
            <v/>
          </cell>
          <cell r="AM38" t="str">
            <v/>
          </cell>
          <cell r="AN38" t="str">
            <v>看板・標識</v>
          </cell>
          <cell r="AO38">
            <v>19</v>
          </cell>
          <cell r="AP38">
            <v>1</v>
          </cell>
          <cell r="AR38" t="str">
            <v>Ａ</v>
          </cell>
          <cell r="AS38">
            <v>5</v>
          </cell>
          <cell r="AT38" t="str">
            <v>岩崎電気（株）札幌営業所</v>
          </cell>
          <cell r="AU38" t="str">
            <v>（株）大宮ホーロー北海道製作所</v>
          </cell>
          <cell r="AV38" t="str">
            <v>（株）コトブキ札幌支店</v>
          </cell>
          <cell r="AW38" t="str">
            <v>（株）中央ネームプレート製作所</v>
          </cell>
          <cell r="AX38" t="str">
            <v>（株）日本孔版</v>
          </cell>
          <cell r="AY38" t="str">
            <v xml:space="preserve"> </v>
          </cell>
          <cell r="AZ38" t="str">
            <v xml:space="preserve"> </v>
          </cell>
          <cell r="BA38" t="str">
            <v xml:space="preserve"> </v>
          </cell>
          <cell r="BB38" t="str">
            <v xml:space="preserve"> </v>
          </cell>
          <cell r="BC38" t="str">
            <v xml:space="preserve"> </v>
          </cell>
          <cell r="BE38">
            <v>15800000</v>
          </cell>
          <cell r="BG38">
            <v>1.2642225031606058E-3</v>
          </cell>
          <cell r="BH38">
            <v>15800000</v>
          </cell>
          <cell r="BI38">
            <v>16590000</v>
          </cell>
          <cell r="BJ38" t="str">
            <v>（株）日本孔版</v>
          </cell>
          <cell r="BK38">
            <v>13600000</v>
          </cell>
          <cell r="BL38">
            <v>14280000</v>
          </cell>
          <cell r="BM38">
            <v>680000</v>
          </cell>
          <cell r="BN38" t="str">
            <v>契 約 書</v>
          </cell>
          <cell r="BO38" t="str">
            <v>済</v>
          </cell>
          <cell r="BP38" t="str">
            <v>しない</v>
          </cell>
          <cell r="BQ38" t="str">
            <v>入  札</v>
          </cell>
          <cell r="BR38">
            <v>0.86075949367088611</v>
          </cell>
          <cell r="BS38">
            <v>38691</v>
          </cell>
          <cell r="BU38">
            <v>4</v>
          </cell>
          <cell r="BV38" t="str">
            <v>建改じゃないですね</v>
          </cell>
          <cell r="BW38">
            <v>4</v>
          </cell>
          <cell r="BX38" t="str">
            <v/>
          </cell>
          <cell r="BY38" t="str">
            <v>交付</v>
          </cell>
          <cell r="BZ38" t="str">
            <v>済</v>
          </cell>
          <cell r="CA38">
            <v>38748</v>
          </cell>
          <cell r="CB38" t="str">
            <v>納期と同じ</v>
          </cell>
          <cell r="CD38">
            <v>38748</v>
          </cell>
          <cell r="CE38">
            <v>38755</v>
          </cell>
          <cell r="CF38" t="str">
            <v>経過</v>
          </cell>
          <cell r="CG38">
            <v>7913301</v>
          </cell>
          <cell r="CH38" t="str">
            <v>（株）日本孔版</v>
          </cell>
          <cell r="CI38" t="str">
            <v>新谷あらや</v>
          </cell>
          <cell r="CJ38" t="str">
            <v>業務課</v>
          </cell>
          <cell r="CK38" t="str">
            <v>桜庭　一昭　2416</v>
          </cell>
          <cell r="CL38" t="str">
            <v>（株）コトブキ札幌支店</v>
          </cell>
          <cell r="CN38">
            <v>16611000</v>
          </cell>
          <cell r="CO38" t="e">
            <v>#VALUE!</v>
          </cell>
          <cell r="CP38">
            <v>2331000</v>
          </cell>
          <cell r="CQ38">
            <v>0.85967130214917831</v>
          </cell>
        </row>
        <row r="39">
          <cell r="B39" t="str">
            <v>記念共通ウィズユーカード【機関車トーマス】</v>
          </cell>
          <cell r="C39">
            <v>9</v>
          </cell>
          <cell r="D39" t="str">
            <v/>
          </cell>
          <cell r="G39">
            <v>38680</v>
          </cell>
          <cell r="H39" t="str">
            <v>特命</v>
          </cell>
          <cell r="I39">
            <v>159803</v>
          </cell>
          <cell r="J39">
            <v>4942</v>
          </cell>
          <cell r="K39">
            <v>164745</v>
          </cell>
          <cell r="L39" t="str">
            <v>特命</v>
          </cell>
          <cell r="M39">
            <v>3000</v>
          </cell>
          <cell r="N39" t="str">
            <v>枚</v>
          </cell>
          <cell r="O39" t="str">
            <v>軌・営　高・営</v>
          </cell>
          <cell r="P39">
            <v>38688</v>
          </cell>
          <cell r="Q39" t="str">
            <v>経営企画課</v>
          </cell>
          <cell r="R39" t="str">
            <v>北村　淳　2125</v>
          </cell>
          <cell r="S39" t="str">
            <v>主管の課長印でよい</v>
          </cell>
          <cell r="T39" t="str">
            <v>無</v>
          </cell>
          <cell r="U39" t="str">
            <v>納入後</v>
          </cell>
          <cell r="V39" t="str">
            <v>壱</v>
          </cell>
          <cell r="X39" t="str">
            <v>課長</v>
          </cell>
          <cell r="Y39" t="str">
            <v>省略可</v>
          </cell>
          <cell r="Z39" t="str">
            <v>なか１日</v>
          </cell>
          <cell r="AA39" t="str">
            <v>特命</v>
          </cell>
          <cell r="AB39">
            <v>38685</v>
          </cell>
          <cell r="AC39">
            <v>38684</v>
          </cell>
          <cell r="AD39">
            <v>1100</v>
          </cell>
          <cell r="AF39" t="e">
            <v>#N/A</v>
          </cell>
          <cell r="AG39" t="e">
            <v>#N/A</v>
          </cell>
          <cell r="AH39" t="e">
            <v>#N/A</v>
          </cell>
          <cell r="AI39" t="e">
            <v>#N/A</v>
          </cell>
          <cell r="AJ39" t="e">
            <v>#N/A</v>
          </cell>
          <cell r="AK39" t="e">
            <v>#N/A</v>
          </cell>
          <cell r="AL39" t="e">
            <v>#N/A</v>
          </cell>
          <cell r="AM39" t="e">
            <v>#N/A</v>
          </cell>
          <cell r="AO39" t="str">
            <v/>
          </cell>
          <cell r="AP39" t="str">
            <v/>
          </cell>
          <cell r="AS39" t="str">
            <v>-</v>
          </cell>
          <cell r="AY39" t="str">
            <v xml:space="preserve"> </v>
          </cell>
          <cell r="AZ39" t="str">
            <v xml:space="preserve"> </v>
          </cell>
          <cell r="BA39" t="str">
            <v xml:space="preserve"> </v>
          </cell>
          <cell r="BB39" t="str">
            <v xml:space="preserve"> </v>
          </cell>
          <cell r="BC39" t="str">
            <v xml:space="preserve"> </v>
          </cell>
          <cell r="BF39">
            <v>0</v>
          </cell>
          <cell r="BG39">
            <v>1</v>
          </cell>
          <cell r="BI39">
            <v>164745</v>
          </cell>
          <cell r="BJ39" t="str">
            <v>ＮＥＣトーキン（株）営業本部仙台支店</v>
          </cell>
          <cell r="BK39">
            <v>156900</v>
          </cell>
          <cell r="BL39">
            <v>164745</v>
          </cell>
          <cell r="BM39">
            <v>7845</v>
          </cell>
          <cell r="BN39" t="str">
            <v>発注書</v>
          </cell>
          <cell r="BO39" t="str">
            <v>非契約書</v>
          </cell>
          <cell r="BP39" t="str">
            <v>しない</v>
          </cell>
          <cell r="BQ39" t="str">
            <v>見積</v>
          </cell>
          <cell r="BR39">
            <v>1</v>
          </cell>
          <cell r="BS39">
            <v>38684</v>
          </cell>
          <cell r="BU39">
            <v>5</v>
          </cell>
          <cell r="BV39" t="str">
            <v>建改じゃないですね</v>
          </cell>
          <cell r="BW39">
            <v>5</v>
          </cell>
          <cell r="BX39" t="str">
            <v/>
          </cell>
          <cell r="BY39" t="str">
            <v/>
          </cell>
          <cell r="BZ39" t="str">
            <v/>
          </cell>
          <cell r="CA39">
            <v>38688</v>
          </cell>
          <cell r="CD39" t="str">
            <v/>
          </cell>
          <cell r="CF39" t="str">
            <v/>
          </cell>
          <cell r="CG39" t="str">
            <v>佐鳥221-6530</v>
          </cell>
          <cell r="CH39" t="str">
            <v>ＮＥＣトーキン（株）営業本部仙台支店</v>
          </cell>
          <cell r="CI39" t="str">
            <v>佐鳥　伊藤</v>
          </cell>
          <cell r="CJ39" t="str">
            <v>経営企画課</v>
          </cell>
          <cell r="CK39" t="str">
            <v>北村　淳　2125</v>
          </cell>
          <cell r="CN39">
            <v>164745</v>
          </cell>
          <cell r="CO39">
            <v>52.3</v>
          </cell>
          <cell r="CP39">
            <v>0</v>
          </cell>
          <cell r="CQ39">
            <v>1</v>
          </cell>
        </row>
        <row r="40">
          <cell r="B40" t="str">
            <v>記念共通ウィズユーカード【ミッフィー展】</v>
          </cell>
          <cell r="C40">
            <v>9</v>
          </cell>
          <cell r="D40" t="str">
            <v/>
          </cell>
          <cell r="G40">
            <v>38681</v>
          </cell>
          <cell r="H40" t="str">
            <v>特命</v>
          </cell>
          <cell r="I40">
            <v>159803</v>
          </cell>
          <cell r="J40">
            <v>4942</v>
          </cell>
          <cell r="K40">
            <v>164745</v>
          </cell>
          <cell r="L40" t="str">
            <v>特命</v>
          </cell>
          <cell r="M40">
            <v>3000</v>
          </cell>
          <cell r="N40" t="str">
            <v>枚</v>
          </cell>
          <cell r="O40" t="str">
            <v>軌・営　高・営</v>
          </cell>
          <cell r="P40">
            <v>38698</v>
          </cell>
          <cell r="Q40" t="str">
            <v>経営企画課</v>
          </cell>
          <cell r="R40" t="str">
            <v>北村　淳　2125</v>
          </cell>
          <cell r="S40" t="str">
            <v>主管の課長印でよい</v>
          </cell>
          <cell r="T40" t="str">
            <v>無</v>
          </cell>
          <cell r="U40" t="str">
            <v>納入後</v>
          </cell>
          <cell r="V40" t="str">
            <v>壱</v>
          </cell>
          <cell r="X40" t="str">
            <v>課長</v>
          </cell>
          <cell r="Y40" t="str">
            <v>省略可</v>
          </cell>
          <cell r="Z40" t="str">
            <v>なか１日</v>
          </cell>
          <cell r="AA40" t="str">
            <v>特命</v>
          </cell>
          <cell r="AB40">
            <v>38686</v>
          </cell>
          <cell r="AC40">
            <v>38686</v>
          </cell>
          <cell r="AD40">
            <v>1000</v>
          </cell>
          <cell r="AF40" t="e">
            <v>#N/A</v>
          </cell>
          <cell r="AG40" t="e">
            <v>#N/A</v>
          </cell>
          <cell r="AH40" t="e">
            <v>#N/A</v>
          </cell>
          <cell r="AI40" t="e">
            <v>#N/A</v>
          </cell>
          <cell r="AJ40" t="e">
            <v>#N/A</v>
          </cell>
          <cell r="AK40" t="e">
            <v>#N/A</v>
          </cell>
          <cell r="AL40" t="e">
            <v>#N/A</v>
          </cell>
          <cell r="AM40" t="e">
            <v>#N/A</v>
          </cell>
          <cell r="AO40" t="str">
            <v/>
          </cell>
          <cell r="AP40" t="str">
            <v/>
          </cell>
          <cell r="AS40" t="str">
            <v>-</v>
          </cell>
          <cell r="AY40" t="str">
            <v xml:space="preserve"> </v>
          </cell>
          <cell r="AZ40" t="str">
            <v xml:space="preserve"> </v>
          </cell>
          <cell r="BA40" t="str">
            <v xml:space="preserve"> </v>
          </cell>
          <cell r="BB40" t="str">
            <v xml:space="preserve"> </v>
          </cell>
          <cell r="BC40" t="str">
            <v xml:space="preserve"> </v>
          </cell>
          <cell r="BF40">
            <v>0</v>
          </cell>
          <cell r="BG40">
            <v>1</v>
          </cell>
          <cell r="BI40">
            <v>164745</v>
          </cell>
          <cell r="BJ40" t="str">
            <v>ＮＥＣトーキン（株）営業本部仙台支店</v>
          </cell>
          <cell r="BK40">
            <v>156900</v>
          </cell>
          <cell r="BL40">
            <v>164745</v>
          </cell>
          <cell r="BM40">
            <v>7845</v>
          </cell>
          <cell r="BN40" t="str">
            <v>発注書</v>
          </cell>
          <cell r="BO40" t="str">
            <v>非契約書</v>
          </cell>
          <cell r="BP40" t="str">
            <v>しない</v>
          </cell>
          <cell r="BQ40" t="str">
            <v>見積</v>
          </cell>
          <cell r="BR40">
            <v>1</v>
          </cell>
          <cell r="BS40">
            <v>38686</v>
          </cell>
          <cell r="BU40">
            <v>6</v>
          </cell>
          <cell r="BV40" t="str">
            <v>建改じゃないですね</v>
          </cell>
          <cell r="BW40">
            <v>6</v>
          </cell>
          <cell r="BX40" t="str">
            <v/>
          </cell>
          <cell r="BY40" t="str">
            <v/>
          </cell>
          <cell r="BZ40" t="str">
            <v/>
          </cell>
          <cell r="CA40">
            <v>38698</v>
          </cell>
          <cell r="CD40" t="str">
            <v/>
          </cell>
          <cell r="CF40" t="str">
            <v/>
          </cell>
          <cell r="CG40" t="str">
            <v>佐鳥221-6530</v>
          </cell>
          <cell r="CH40" t="str">
            <v>ＮＥＣトーキン（株）営業本部仙台支店</v>
          </cell>
          <cell r="CI40" t="str">
            <v>佐鳥　伊藤</v>
          </cell>
          <cell r="CJ40" t="str">
            <v>経営企画課</v>
          </cell>
          <cell r="CK40" t="str">
            <v>北村　淳　2125</v>
          </cell>
          <cell r="CN40">
            <v>164745</v>
          </cell>
          <cell r="CO40">
            <v>52.3</v>
          </cell>
          <cell r="CP40">
            <v>0</v>
          </cell>
          <cell r="CQ40">
            <v>1</v>
          </cell>
        </row>
        <row r="41">
          <cell r="B41" t="str">
            <v>広告デザインカード【札幌地方検察庁】</v>
          </cell>
          <cell r="C41">
            <v>9</v>
          </cell>
          <cell r="D41" t="str">
            <v/>
          </cell>
          <cell r="G41">
            <v>38681</v>
          </cell>
          <cell r="H41" t="str">
            <v>特命</v>
          </cell>
          <cell r="I41">
            <v>924000</v>
          </cell>
          <cell r="K41">
            <v>924000</v>
          </cell>
          <cell r="L41" t="str">
            <v>特命</v>
          </cell>
          <cell r="M41">
            <v>100000</v>
          </cell>
          <cell r="N41" t="str">
            <v>枚</v>
          </cell>
          <cell r="O41" t="str">
            <v>高・営</v>
          </cell>
          <cell r="P41">
            <v>38752</v>
          </cell>
          <cell r="Q41" t="str">
            <v>経営企画課</v>
          </cell>
          <cell r="R41" t="str">
            <v>今野　吉隆　2123</v>
          </cell>
          <cell r="S41" t="str">
            <v>主管の部長印が必要</v>
          </cell>
          <cell r="T41" t="str">
            <v>無</v>
          </cell>
          <cell r="U41" t="str">
            <v>納入後</v>
          </cell>
          <cell r="V41" t="str">
            <v>壱</v>
          </cell>
          <cell r="X41" t="str">
            <v>課長</v>
          </cell>
          <cell r="Y41" t="str">
            <v>省略可</v>
          </cell>
          <cell r="Z41" t="str">
            <v>なか１日</v>
          </cell>
          <cell r="AA41" t="str">
            <v>特命</v>
          </cell>
          <cell r="AB41">
            <v>38686</v>
          </cell>
          <cell r="AC41">
            <v>38686</v>
          </cell>
          <cell r="AD41">
            <v>1010</v>
          </cell>
          <cell r="AF41" t="e">
            <v>#N/A</v>
          </cell>
          <cell r="AG41" t="e">
            <v>#N/A</v>
          </cell>
          <cell r="AH41" t="e">
            <v>#N/A</v>
          </cell>
          <cell r="AI41" t="e">
            <v>#N/A</v>
          </cell>
          <cell r="AJ41" t="e">
            <v>#N/A</v>
          </cell>
          <cell r="AK41" t="e">
            <v>#N/A</v>
          </cell>
          <cell r="AL41" t="e">
            <v>#N/A</v>
          </cell>
          <cell r="AM41" t="e">
            <v>#N/A</v>
          </cell>
          <cell r="AO41" t="str">
            <v/>
          </cell>
          <cell r="AP41" t="str">
            <v/>
          </cell>
          <cell r="AS41" t="str">
            <v>-</v>
          </cell>
          <cell r="AY41" t="str">
            <v xml:space="preserve"> </v>
          </cell>
          <cell r="AZ41" t="str">
            <v xml:space="preserve"> </v>
          </cell>
          <cell r="BA41" t="str">
            <v xml:space="preserve"> </v>
          </cell>
          <cell r="BB41" t="str">
            <v xml:space="preserve"> </v>
          </cell>
          <cell r="BC41" t="str">
            <v xml:space="preserve"> </v>
          </cell>
          <cell r="BF41">
            <v>0</v>
          </cell>
          <cell r="BG41">
            <v>1</v>
          </cell>
          <cell r="BI41">
            <v>924000</v>
          </cell>
          <cell r="BJ41" t="str">
            <v>ＮＥＣトーキン（株）営業本部仙台支店</v>
          </cell>
          <cell r="BK41">
            <v>880000</v>
          </cell>
          <cell r="BL41">
            <v>924000</v>
          </cell>
          <cell r="BM41">
            <v>44000</v>
          </cell>
          <cell r="BN41" t="str">
            <v>請書</v>
          </cell>
          <cell r="BO41" t="str">
            <v>非契約書</v>
          </cell>
          <cell r="BP41" t="str">
            <v>しない</v>
          </cell>
          <cell r="BQ41" t="str">
            <v>見積</v>
          </cell>
          <cell r="BR41">
            <v>1</v>
          </cell>
          <cell r="BS41">
            <v>38691</v>
          </cell>
          <cell r="BU41">
            <v>7</v>
          </cell>
          <cell r="BV41" t="str">
            <v>建改じゃないですね</v>
          </cell>
          <cell r="BW41">
            <v>7</v>
          </cell>
          <cell r="BX41" t="str">
            <v/>
          </cell>
          <cell r="BY41" t="str">
            <v/>
          </cell>
          <cell r="BZ41" t="str">
            <v/>
          </cell>
          <cell r="CA41">
            <v>38752</v>
          </cell>
          <cell r="CD41" t="str">
            <v/>
          </cell>
          <cell r="CF41" t="str">
            <v/>
          </cell>
          <cell r="CG41" t="str">
            <v>佐鳥221-6530</v>
          </cell>
          <cell r="CH41" t="str">
            <v>ＮＥＣトーキン（株）営業本部仙台支店</v>
          </cell>
          <cell r="CI41" t="str">
            <v>佐鳥　伊藤</v>
          </cell>
          <cell r="CJ41" t="str">
            <v>経営企画課</v>
          </cell>
          <cell r="CK41" t="str">
            <v>今野　吉隆　2123</v>
          </cell>
          <cell r="CN41">
            <v>924000</v>
          </cell>
          <cell r="CO41">
            <v>8.8000000000000007</v>
          </cell>
          <cell r="CP41">
            <v>0</v>
          </cell>
          <cell r="CQ41">
            <v>1</v>
          </cell>
        </row>
        <row r="42">
          <cell r="B42" t="str">
            <v>南北線電力管理（中島公園駅・さっぽろ駅・北１８条駅・北２４条駅）</v>
          </cell>
          <cell r="C42">
            <v>10</v>
          </cell>
          <cell r="D42">
            <v>10</v>
          </cell>
          <cell r="G42">
            <v>38687</v>
          </cell>
          <cell r="H42" t="str">
            <v>特命</v>
          </cell>
          <cell r="I42">
            <v>128793000</v>
          </cell>
          <cell r="K42">
            <v>128793000</v>
          </cell>
          <cell r="L42" t="str">
            <v>特命</v>
          </cell>
          <cell r="M42" t="str">
            <v>一</v>
          </cell>
          <cell r="N42" t="str">
            <v>式</v>
          </cell>
          <cell r="O42" t="str">
            <v>高・建改</v>
          </cell>
          <cell r="P42">
            <v>39892</v>
          </cell>
          <cell r="Q42" t="str">
            <v>電気課</v>
          </cell>
          <cell r="R42" t="str">
            <v>池田　史紀　2632</v>
          </cell>
          <cell r="S42" t="str">
            <v>管理者印必要  経理係の合議要</v>
          </cell>
          <cell r="T42" t="str">
            <v>２回</v>
          </cell>
          <cell r="U42" t="str">
            <v>納入後</v>
          </cell>
          <cell r="V42" t="str">
            <v>壱</v>
          </cell>
          <cell r="X42" t="str">
            <v>管理者</v>
          </cell>
          <cell r="Y42" t="str">
            <v>必 要</v>
          </cell>
          <cell r="Z42" t="str">
            <v>なか１０日</v>
          </cell>
          <cell r="AA42" t="str">
            <v>特命</v>
          </cell>
          <cell r="AB42" t="e">
            <v>#NAME?</v>
          </cell>
          <cell r="AC42">
            <v>38707</v>
          </cell>
          <cell r="AD42">
            <v>1430</v>
          </cell>
          <cell r="AF42" t="e">
            <v>#N/A</v>
          </cell>
          <cell r="AG42" t="e">
            <v>#N/A</v>
          </cell>
          <cell r="AH42" t="e">
            <v>#N/A</v>
          </cell>
          <cell r="AI42" t="e">
            <v>#N/A</v>
          </cell>
          <cell r="AJ42" t="e">
            <v>#N/A</v>
          </cell>
          <cell r="AK42" t="e">
            <v>#N/A</v>
          </cell>
          <cell r="AL42" t="e">
            <v>#N/A</v>
          </cell>
          <cell r="AM42" t="e">
            <v>#N/A</v>
          </cell>
          <cell r="AO42" t="str">
            <v/>
          </cell>
          <cell r="AP42" t="str">
            <v/>
          </cell>
          <cell r="AS42" t="str">
            <v>-</v>
          </cell>
          <cell r="AY42" t="str">
            <v xml:space="preserve"> </v>
          </cell>
          <cell r="AZ42" t="str">
            <v xml:space="preserve"> </v>
          </cell>
          <cell r="BA42" t="str">
            <v xml:space="preserve"> </v>
          </cell>
          <cell r="BB42" t="str">
            <v xml:space="preserve"> </v>
          </cell>
          <cell r="BC42" t="str">
            <v xml:space="preserve"> </v>
          </cell>
          <cell r="BE42">
            <v>120000000</v>
          </cell>
          <cell r="BF42">
            <v>126000000</v>
          </cell>
          <cell r="BG42">
            <v>2.1685961193543157E-2</v>
          </cell>
          <cell r="BH42">
            <v>120000000</v>
          </cell>
          <cell r="BI42">
            <v>126000000</v>
          </cell>
          <cell r="BJ42" t="str">
            <v>（株）日立製作所北海道支社</v>
          </cell>
          <cell r="BK42">
            <v>120000000</v>
          </cell>
          <cell r="BL42">
            <v>126000000</v>
          </cell>
          <cell r="BM42">
            <v>6000000</v>
          </cell>
          <cell r="BN42" t="str">
            <v>契 約 書</v>
          </cell>
          <cell r="BO42" t="str">
            <v>済</v>
          </cell>
          <cell r="BP42" t="str">
            <v>する</v>
          </cell>
          <cell r="BQ42" t="str">
            <v>見積</v>
          </cell>
          <cell r="BR42">
            <v>1</v>
          </cell>
          <cell r="BS42">
            <v>38708</v>
          </cell>
          <cell r="BT42" t="str">
            <v>副支払限度額　特例政令適用除外</v>
          </cell>
          <cell r="BU42">
            <v>7</v>
          </cell>
          <cell r="BV42">
            <v>1</v>
          </cell>
          <cell r="BW42" t="str">
            <v>建改　１</v>
          </cell>
          <cell r="BX42">
            <v>10</v>
          </cell>
          <cell r="BY42" t="str">
            <v>交付</v>
          </cell>
          <cell r="BZ42" t="str">
            <v/>
          </cell>
          <cell r="CA42">
            <v>39892</v>
          </cell>
          <cell r="CD42" t="str">
            <v/>
          </cell>
          <cell r="CF42" t="str">
            <v/>
          </cell>
          <cell r="CG42">
            <v>2210354</v>
          </cell>
          <cell r="CH42" t="str">
            <v>（株）日立製作所北海道支社</v>
          </cell>
          <cell r="CI42" t="str">
            <v>土井　土屋</v>
          </cell>
          <cell r="CJ42" t="str">
            <v>電気課</v>
          </cell>
          <cell r="CK42" t="str">
            <v>池田　史紀　2632</v>
          </cell>
          <cell r="CN42">
            <v>128793000</v>
          </cell>
          <cell r="CO42" t="e">
            <v>#VALUE!</v>
          </cell>
          <cell r="CP42">
            <v>2793000</v>
          </cell>
          <cell r="CQ42">
            <v>0.97831403880645684</v>
          </cell>
        </row>
        <row r="43">
          <cell r="B43" t="str">
            <v>東西線総合伝送路システム更新</v>
          </cell>
          <cell r="C43">
            <v>11</v>
          </cell>
          <cell r="D43">
            <v>11</v>
          </cell>
          <cell r="G43">
            <v>38681</v>
          </cell>
          <cell r="H43" t="str">
            <v>特命</v>
          </cell>
          <cell r="I43">
            <v>1309896000</v>
          </cell>
          <cell r="K43">
            <v>1309896000</v>
          </cell>
          <cell r="L43" t="str">
            <v>特命</v>
          </cell>
          <cell r="M43" t="str">
            <v>一</v>
          </cell>
          <cell r="N43" t="str">
            <v>式</v>
          </cell>
          <cell r="O43" t="str">
            <v>高・建改</v>
          </cell>
          <cell r="P43">
            <v>39527</v>
          </cell>
          <cell r="Q43" t="str">
            <v>電気課</v>
          </cell>
          <cell r="R43" t="str">
            <v>佐藤　正　2654</v>
          </cell>
          <cell r="S43" t="str">
            <v>管理者印必要  経理係の合議要</v>
          </cell>
          <cell r="T43" t="str">
            <v>２回</v>
          </cell>
          <cell r="U43" t="str">
            <v>納入後</v>
          </cell>
          <cell r="V43" t="str">
            <v>壱</v>
          </cell>
          <cell r="X43" t="str">
            <v>管理者</v>
          </cell>
          <cell r="Y43" t="str">
            <v>必 要</v>
          </cell>
          <cell r="Z43" t="str">
            <v>なか１０日</v>
          </cell>
          <cell r="AA43" t="str">
            <v>特命</v>
          </cell>
          <cell r="AB43">
            <v>38701</v>
          </cell>
          <cell r="AC43">
            <v>38707</v>
          </cell>
          <cell r="AD43">
            <v>1400</v>
          </cell>
          <cell r="AF43" t="e">
            <v>#N/A</v>
          </cell>
          <cell r="AG43" t="e">
            <v>#N/A</v>
          </cell>
          <cell r="AH43" t="e">
            <v>#N/A</v>
          </cell>
          <cell r="AI43" t="e">
            <v>#N/A</v>
          </cell>
          <cell r="AJ43" t="e">
            <v>#N/A</v>
          </cell>
          <cell r="AK43" t="e">
            <v>#N/A</v>
          </cell>
          <cell r="AL43" t="e">
            <v>#N/A</v>
          </cell>
          <cell r="AM43" t="e">
            <v>#N/A</v>
          </cell>
          <cell r="AO43" t="str">
            <v/>
          </cell>
          <cell r="AP43" t="str">
            <v/>
          </cell>
          <cell r="AS43" t="str">
            <v>-</v>
          </cell>
          <cell r="AY43" t="str">
            <v xml:space="preserve"> </v>
          </cell>
          <cell r="AZ43" t="str">
            <v xml:space="preserve"> </v>
          </cell>
          <cell r="BA43" t="str">
            <v xml:space="preserve"> </v>
          </cell>
          <cell r="BB43" t="str">
            <v xml:space="preserve"> </v>
          </cell>
          <cell r="BC43" t="str">
            <v xml:space="preserve"> </v>
          </cell>
          <cell r="BE43">
            <v>1247000000</v>
          </cell>
          <cell r="BF43">
            <v>1309350000</v>
          </cell>
          <cell r="BG43">
            <v>4.1682698473777258E-4</v>
          </cell>
          <cell r="BH43">
            <v>1247000000</v>
          </cell>
          <cell r="BI43">
            <v>1309350000</v>
          </cell>
          <cell r="BJ43" t="str">
            <v>日本電気（株）北海道支社</v>
          </cell>
          <cell r="BK43">
            <v>1230000000</v>
          </cell>
          <cell r="BL43">
            <v>1291500000</v>
          </cell>
          <cell r="BM43">
            <v>61500000</v>
          </cell>
          <cell r="BN43" t="str">
            <v>契 約 書</v>
          </cell>
          <cell r="BO43" t="str">
            <v>済</v>
          </cell>
          <cell r="BP43" t="str">
            <v>する</v>
          </cell>
          <cell r="BQ43" t="str">
            <v>見積</v>
          </cell>
          <cell r="BR43">
            <v>0.98636728147554131</v>
          </cell>
          <cell r="BS43">
            <v>38712</v>
          </cell>
          <cell r="BT43" t="str">
            <v>副市長　支払限度額　特例政令適用除外</v>
          </cell>
          <cell r="BU43">
            <v>7</v>
          </cell>
          <cell r="BV43">
            <v>2</v>
          </cell>
          <cell r="BW43" t="str">
            <v>建改　２</v>
          </cell>
          <cell r="BX43">
            <v>11</v>
          </cell>
          <cell r="BY43" t="str">
            <v>交付</v>
          </cell>
          <cell r="BZ43" t="str">
            <v/>
          </cell>
          <cell r="CA43">
            <v>39527</v>
          </cell>
          <cell r="CD43" t="str">
            <v/>
          </cell>
          <cell r="CF43" t="str">
            <v/>
          </cell>
          <cell r="CG43">
            <v>2310183</v>
          </cell>
          <cell r="CH43" t="str">
            <v>日本電気（株）北海道支社</v>
          </cell>
          <cell r="CI43" t="str">
            <v>鎌田かまた</v>
          </cell>
          <cell r="CJ43" t="str">
            <v>電気課</v>
          </cell>
          <cell r="CK43" t="str">
            <v>佐藤　正　2654</v>
          </cell>
          <cell r="CN43">
            <v>1309896000</v>
          </cell>
          <cell r="CO43" t="e">
            <v>#VALUE!</v>
          </cell>
          <cell r="CP43">
            <v>18396000</v>
          </cell>
          <cell r="CQ43">
            <v>0.9859561369757599</v>
          </cell>
        </row>
        <row r="44">
          <cell r="B44" t="str">
            <v>地下鉄駅ナンバリング表示</v>
          </cell>
          <cell r="C44">
            <v>11</v>
          </cell>
          <cell r="D44" t="str">
            <v/>
          </cell>
          <cell r="G44">
            <v>38695</v>
          </cell>
          <cell r="I44">
            <v>2586990</v>
          </cell>
          <cell r="K44">
            <v>2586990</v>
          </cell>
          <cell r="L44" t="str">
            <v>入札</v>
          </cell>
          <cell r="M44" t="str">
            <v>一</v>
          </cell>
          <cell r="N44" t="str">
            <v>式</v>
          </cell>
          <cell r="O44" t="str">
            <v>高・営</v>
          </cell>
          <cell r="P44">
            <v>38748</v>
          </cell>
          <cell r="Q44" t="str">
            <v>業務課</v>
          </cell>
          <cell r="R44" t="str">
            <v>桜庭　一昭　2416</v>
          </cell>
          <cell r="S44" t="str">
            <v>主管の部長印が必要</v>
          </cell>
          <cell r="T44" t="str">
            <v>無</v>
          </cell>
          <cell r="U44" t="str">
            <v>納入後</v>
          </cell>
          <cell r="V44" t="str">
            <v>壱</v>
          </cell>
          <cell r="X44" t="str">
            <v>課長</v>
          </cell>
          <cell r="Y44" t="str">
            <v>必 要</v>
          </cell>
          <cell r="Z44" t="str">
            <v>なか１日</v>
          </cell>
          <cell r="AA44" t="str">
            <v>入札</v>
          </cell>
          <cell r="AB44">
            <v>38700</v>
          </cell>
          <cell r="AC44">
            <v>38702</v>
          </cell>
          <cell r="AD44">
            <v>1100</v>
          </cell>
          <cell r="AE44" t="str">
            <v>その他製造業</v>
          </cell>
          <cell r="AF44" t="str">
            <v>看板・標識</v>
          </cell>
          <cell r="AG44" t="str">
            <v>玩具・運動競技用具</v>
          </cell>
          <cell r="AH44" t="str">
            <v>他に分類されない製造業</v>
          </cell>
          <cell r="AI44" t="str">
            <v/>
          </cell>
          <cell r="AJ44" t="str">
            <v/>
          </cell>
          <cell r="AK44" t="str">
            <v/>
          </cell>
          <cell r="AL44" t="str">
            <v/>
          </cell>
          <cell r="AM44" t="str">
            <v/>
          </cell>
          <cell r="AN44" t="str">
            <v>看板・標識</v>
          </cell>
          <cell r="AO44">
            <v>19</v>
          </cell>
          <cell r="AP44">
            <v>1</v>
          </cell>
          <cell r="AR44" t="str">
            <v>Ｂ</v>
          </cell>
          <cell r="AS44">
            <v>3</v>
          </cell>
          <cell r="AT44" t="str">
            <v>（株）中央ネームプレート製作所</v>
          </cell>
          <cell r="AU44" t="str">
            <v>七欧産業（株）</v>
          </cell>
          <cell r="AV44" t="str">
            <v>（株）日本孔版</v>
          </cell>
          <cell r="AY44" t="str">
            <v xml:space="preserve"> </v>
          </cell>
          <cell r="AZ44" t="str">
            <v xml:space="preserve"> </v>
          </cell>
          <cell r="BA44" t="str">
            <v xml:space="preserve"> </v>
          </cell>
          <cell r="BB44" t="str">
            <v xml:space="preserve"> </v>
          </cell>
          <cell r="BC44" t="str">
            <v xml:space="preserve"> </v>
          </cell>
          <cell r="BE44">
            <v>2217000</v>
          </cell>
          <cell r="BG44">
            <v>0.10017046838217392</v>
          </cell>
          <cell r="BH44">
            <v>2217000</v>
          </cell>
          <cell r="BI44">
            <v>2327850</v>
          </cell>
          <cell r="BJ44" t="str">
            <v>七欧産業（株）</v>
          </cell>
          <cell r="BK44">
            <v>2200000</v>
          </cell>
          <cell r="BL44">
            <v>2310000</v>
          </cell>
          <cell r="BM44">
            <v>110000</v>
          </cell>
          <cell r="BN44" t="str">
            <v>契 約 書</v>
          </cell>
          <cell r="BO44" t="str">
            <v>済</v>
          </cell>
          <cell r="BP44" t="str">
            <v>しない</v>
          </cell>
          <cell r="BQ44" t="str">
            <v>入  札</v>
          </cell>
          <cell r="BR44">
            <v>0.99233198015336044</v>
          </cell>
          <cell r="BS44">
            <v>38705</v>
          </cell>
          <cell r="BU44">
            <v>8</v>
          </cell>
          <cell r="BV44" t="str">
            <v>建改じゃないですね</v>
          </cell>
          <cell r="BW44">
            <v>8</v>
          </cell>
          <cell r="BX44" t="str">
            <v/>
          </cell>
          <cell r="BY44" t="str">
            <v>交付</v>
          </cell>
          <cell r="BZ44" t="str">
            <v>済</v>
          </cell>
          <cell r="CA44">
            <v>38748</v>
          </cell>
          <cell r="CB44" t="str">
            <v>納期と同じ</v>
          </cell>
          <cell r="CD44">
            <v>38748</v>
          </cell>
          <cell r="CE44">
            <v>38756</v>
          </cell>
          <cell r="CF44" t="str">
            <v>経過</v>
          </cell>
          <cell r="CG44">
            <v>6317365</v>
          </cell>
          <cell r="CH44" t="str">
            <v>七欧産業（株）</v>
          </cell>
          <cell r="CI44" t="str">
            <v>石田</v>
          </cell>
          <cell r="CJ44" t="str">
            <v>業務課</v>
          </cell>
          <cell r="CK44" t="str">
            <v>桜庭　一昭　2416</v>
          </cell>
          <cell r="CN44">
            <v>2586990</v>
          </cell>
          <cell r="CO44" t="e">
            <v>#VALUE!</v>
          </cell>
          <cell r="CP44">
            <v>276990</v>
          </cell>
          <cell r="CQ44">
            <v>0.8929296209107882</v>
          </cell>
        </row>
        <row r="45">
          <cell r="B45" t="str">
            <v>栄町駅・新道東駅電照標識</v>
          </cell>
          <cell r="C45">
            <v>11</v>
          </cell>
          <cell r="D45" t="str">
            <v/>
          </cell>
          <cell r="G45">
            <v>38695</v>
          </cell>
          <cell r="I45">
            <v>4990650</v>
          </cell>
          <cell r="K45">
            <v>4990650</v>
          </cell>
          <cell r="L45" t="str">
            <v>入札</v>
          </cell>
          <cell r="M45" t="str">
            <v>一</v>
          </cell>
          <cell r="N45" t="str">
            <v>式</v>
          </cell>
          <cell r="O45" t="str">
            <v>高・営</v>
          </cell>
          <cell r="P45">
            <v>38776</v>
          </cell>
          <cell r="Q45" t="str">
            <v>業務課</v>
          </cell>
          <cell r="R45" t="str">
            <v>小林　辰士　2414</v>
          </cell>
          <cell r="S45" t="str">
            <v>主管の部長印が必要</v>
          </cell>
          <cell r="T45" t="str">
            <v>無</v>
          </cell>
          <cell r="U45" t="str">
            <v>納入後</v>
          </cell>
          <cell r="V45" t="str">
            <v>壱</v>
          </cell>
          <cell r="X45" t="str">
            <v>部長</v>
          </cell>
          <cell r="Y45" t="str">
            <v>必 要</v>
          </cell>
          <cell r="Z45" t="str">
            <v>なか１日</v>
          </cell>
          <cell r="AA45" t="str">
            <v>入札</v>
          </cell>
          <cell r="AB45" t="e">
            <v>#NAME?</v>
          </cell>
          <cell r="AC45">
            <v>38705</v>
          </cell>
          <cell r="AD45">
            <v>1400</v>
          </cell>
          <cell r="AE45" t="str">
            <v>その他製造業</v>
          </cell>
          <cell r="AF45" t="str">
            <v>看板・標識</v>
          </cell>
          <cell r="AG45" t="str">
            <v>玩具・運動競技用具</v>
          </cell>
          <cell r="AH45" t="str">
            <v>他に分類されない製造業</v>
          </cell>
          <cell r="AI45" t="str">
            <v/>
          </cell>
          <cell r="AJ45" t="str">
            <v/>
          </cell>
          <cell r="AK45" t="str">
            <v/>
          </cell>
          <cell r="AL45" t="str">
            <v/>
          </cell>
          <cell r="AM45" t="str">
            <v/>
          </cell>
          <cell r="AN45" t="str">
            <v>看板・標識</v>
          </cell>
          <cell r="AO45">
            <v>19</v>
          </cell>
          <cell r="AP45">
            <v>1</v>
          </cell>
          <cell r="AR45" t="str">
            <v>Ａ</v>
          </cell>
          <cell r="AS45">
            <v>4</v>
          </cell>
          <cell r="AT45" t="str">
            <v>岩崎電気（株）札幌営業所</v>
          </cell>
          <cell r="AU45" t="str">
            <v>エー・アイ・エム（株）北海道支店</v>
          </cell>
          <cell r="AV45" t="str">
            <v>（株）大宮ホーロー北海道製作所</v>
          </cell>
          <cell r="AW45" t="str">
            <v>（株）京三製作所札幌支店</v>
          </cell>
          <cell r="AY45" t="str">
            <v xml:space="preserve"> </v>
          </cell>
          <cell r="AZ45" t="str">
            <v xml:space="preserve"> </v>
          </cell>
          <cell r="BA45" t="str">
            <v xml:space="preserve"> </v>
          </cell>
          <cell r="BB45" t="str">
            <v xml:space="preserve"> </v>
          </cell>
          <cell r="BC45" t="str">
            <v xml:space="preserve"> </v>
          </cell>
          <cell r="BE45">
            <v>4700000</v>
          </cell>
          <cell r="BF45">
            <v>4935000</v>
          </cell>
          <cell r="BG45">
            <v>1.1150852093414709E-2</v>
          </cell>
          <cell r="BH45">
            <v>4700000</v>
          </cell>
          <cell r="BI45">
            <v>4935000</v>
          </cell>
          <cell r="BJ45" t="str">
            <v>エー・アイ・エム（株）北海道支店</v>
          </cell>
          <cell r="BK45">
            <v>4560000</v>
          </cell>
          <cell r="BL45">
            <v>4788000</v>
          </cell>
          <cell r="BM45">
            <v>228000</v>
          </cell>
          <cell r="BN45" t="str">
            <v>契 約 書</v>
          </cell>
          <cell r="BO45" t="str">
            <v>済</v>
          </cell>
          <cell r="BP45" t="str">
            <v>しない</v>
          </cell>
          <cell r="BQ45" t="str">
            <v>入  札</v>
          </cell>
          <cell r="BR45">
            <v>0.97021276595744677</v>
          </cell>
          <cell r="BS45">
            <v>38706</v>
          </cell>
          <cell r="BU45">
            <v>9</v>
          </cell>
          <cell r="BV45" t="str">
            <v>建改じゃないですね</v>
          </cell>
          <cell r="BW45">
            <v>9</v>
          </cell>
          <cell r="BX45" t="str">
            <v/>
          </cell>
          <cell r="BY45" t="str">
            <v>交付</v>
          </cell>
          <cell r="BZ45" t="str">
            <v>済</v>
          </cell>
          <cell r="CA45">
            <v>38776</v>
          </cell>
          <cell r="CB45" t="str">
            <v>納期と同じ</v>
          </cell>
          <cell r="CD45">
            <v>38776</v>
          </cell>
          <cell r="CE45">
            <v>38783</v>
          </cell>
          <cell r="CF45" t="str">
            <v>経過</v>
          </cell>
          <cell r="CG45">
            <v>3776061</v>
          </cell>
          <cell r="CH45" t="str">
            <v>エー・アイ・エム（株）北海道支店</v>
          </cell>
          <cell r="CI45" t="str">
            <v>山中</v>
          </cell>
          <cell r="CJ45" t="str">
            <v>業務課</v>
          </cell>
          <cell r="CK45" t="str">
            <v>小林　辰士　2414</v>
          </cell>
          <cell r="CN45">
            <v>4990650</v>
          </cell>
          <cell r="CO45" t="e">
            <v>#VALUE!</v>
          </cell>
          <cell r="CP45">
            <v>202650</v>
          </cell>
          <cell r="CQ45">
            <v>0.95939406690511253</v>
          </cell>
        </row>
        <row r="46">
          <cell r="B46" t="str">
            <v>クリスマスデザインドニチカキップ印刷</v>
          </cell>
          <cell r="C46">
            <v>11</v>
          </cell>
          <cell r="D46" t="str">
            <v/>
          </cell>
          <cell r="G46">
            <v>38695</v>
          </cell>
          <cell r="H46" t="str">
            <v>特命</v>
          </cell>
          <cell r="I46">
            <v>716520</v>
          </cell>
          <cell r="K46">
            <v>716520</v>
          </cell>
          <cell r="L46" t="str">
            <v>特命</v>
          </cell>
          <cell r="M46" t="str">
            <v>一</v>
          </cell>
          <cell r="N46" t="str">
            <v>式</v>
          </cell>
          <cell r="O46" t="str">
            <v>高・営</v>
          </cell>
          <cell r="P46">
            <v>38708</v>
          </cell>
          <cell r="Q46" t="str">
            <v>経営企画課</v>
          </cell>
          <cell r="R46" t="str">
            <v>安藤　友明　2115</v>
          </cell>
          <cell r="S46" t="str">
            <v>主管の部長印が必要</v>
          </cell>
          <cell r="T46" t="str">
            <v>無</v>
          </cell>
          <cell r="U46" t="str">
            <v>納入後</v>
          </cell>
          <cell r="V46" t="str">
            <v>壱</v>
          </cell>
          <cell r="X46" t="str">
            <v>課長</v>
          </cell>
          <cell r="Y46" t="str">
            <v>省略可</v>
          </cell>
          <cell r="Z46" t="str">
            <v>なか１日</v>
          </cell>
          <cell r="AA46" t="str">
            <v>特命</v>
          </cell>
          <cell r="AB46">
            <v>38700</v>
          </cell>
          <cell r="AC46">
            <v>38700</v>
          </cell>
          <cell r="AD46">
            <v>1030</v>
          </cell>
          <cell r="AF46" t="e">
            <v>#N/A</v>
          </cell>
          <cell r="AG46" t="e">
            <v>#N/A</v>
          </cell>
          <cell r="AH46" t="e">
            <v>#N/A</v>
          </cell>
          <cell r="AI46" t="e">
            <v>#N/A</v>
          </cell>
          <cell r="AJ46" t="e">
            <v>#N/A</v>
          </cell>
          <cell r="AK46" t="e">
            <v>#N/A</v>
          </cell>
          <cell r="AL46" t="e">
            <v>#N/A</v>
          </cell>
          <cell r="AM46" t="e">
            <v>#N/A</v>
          </cell>
          <cell r="AO46" t="str">
            <v/>
          </cell>
          <cell r="AP46" t="str">
            <v/>
          </cell>
          <cell r="AS46" t="str">
            <v>-</v>
          </cell>
          <cell r="AY46" t="str">
            <v xml:space="preserve"> </v>
          </cell>
          <cell r="AZ46" t="str">
            <v xml:space="preserve"> </v>
          </cell>
          <cell r="BA46" t="str">
            <v xml:space="preserve"> </v>
          </cell>
          <cell r="BB46" t="str">
            <v xml:space="preserve"> </v>
          </cell>
          <cell r="BC46" t="str">
            <v xml:space="preserve"> </v>
          </cell>
          <cell r="BF46">
            <v>0</v>
          </cell>
          <cell r="BG46">
            <v>1</v>
          </cell>
          <cell r="BI46">
            <v>716520</v>
          </cell>
          <cell r="BJ46" t="str">
            <v>日本通信紙（株）札幌支店</v>
          </cell>
          <cell r="BK46">
            <v>674800</v>
          </cell>
          <cell r="BL46">
            <v>708540</v>
          </cell>
          <cell r="BM46">
            <v>33740</v>
          </cell>
          <cell r="BN46" t="str">
            <v>請書</v>
          </cell>
          <cell r="BO46" t="str">
            <v>非契約書</v>
          </cell>
          <cell r="BP46" t="str">
            <v>しない</v>
          </cell>
          <cell r="BQ46" t="str">
            <v>見積</v>
          </cell>
          <cell r="BR46">
            <v>0.98886283704572098</v>
          </cell>
          <cell r="BS46">
            <v>38701</v>
          </cell>
          <cell r="BU46">
            <v>10</v>
          </cell>
          <cell r="BV46" t="str">
            <v>建改じゃないですね</v>
          </cell>
          <cell r="BW46">
            <v>10</v>
          </cell>
          <cell r="BX46" t="str">
            <v/>
          </cell>
          <cell r="BY46" t="str">
            <v/>
          </cell>
          <cell r="BZ46" t="str">
            <v/>
          </cell>
          <cell r="CA46">
            <v>38708</v>
          </cell>
          <cell r="CD46" t="str">
            <v/>
          </cell>
          <cell r="CF46" t="str">
            <v/>
          </cell>
          <cell r="CG46">
            <v>7260715</v>
          </cell>
          <cell r="CH46" t="str">
            <v>日本通信紙（株）札幌支店</v>
          </cell>
          <cell r="CI46" t="str">
            <v>岡部</v>
          </cell>
          <cell r="CJ46" t="str">
            <v>経営企画課</v>
          </cell>
          <cell r="CK46" t="str">
            <v>安藤　友明　2115</v>
          </cell>
          <cell r="CN46">
            <v>716520</v>
          </cell>
          <cell r="CO46" t="e">
            <v>#VALUE!</v>
          </cell>
          <cell r="CP46">
            <v>7980</v>
          </cell>
          <cell r="CQ46">
            <v>0.98886283704572098</v>
          </cell>
        </row>
        <row r="47">
          <cell r="B47" t="str">
            <v>旅客配布用地下鉄リーフレット及び駅ナンバリング表示路線図チラシ</v>
          </cell>
          <cell r="C47">
            <v>11</v>
          </cell>
          <cell r="D47" t="str">
            <v/>
          </cell>
          <cell r="G47">
            <v>38698</v>
          </cell>
          <cell r="I47">
            <v>936600</v>
          </cell>
          <cell r="K47">
            <v>936600</v>
          </cell>
          <cell r="L47" t="str">
            <v>公開</v>
          </cell>
          <cell r="M47" t="str">
            <v>一</v>
          </cell>
          <cell r="N47" t="str">
            <v>式</v>
          </cell>
          <cell r="O47" t="str">
            <v>高・営</v>
          </cell>
          <cell r="P47">
            <v>38737</v>
          </cell>
          <cell r="Q47" t="str">
            <v>業務課</v>
          </cell>
          <cell r="R47" t="str">
            <v>桜庭　一昭　2416</v>
          </cell>
          <cell r="S47" t="str">
            <v>主管の部長印が必要</v>
          </cell>
          <cell r="T47" t="str">
            <v>無</v>
          </cell>
          <cell r="U47" t="str">
            <v>納入後</v>
          </cell>
          <cell r="V47" t="str">
            <v>壱</v>
          </cell>
          <cell r="X47" t="str">
            <v>課長</v>
          </cell>
          <cell r="Y47" t="str">
            <v>省略可</v>
          </cell>
          <cell r="Z47" t="str">
            <v>なか１日</v>
          </cell>
          <cell r="AA47" t="str">
            <v>公開</v>
          </cell>
          <cell r="AB47">
            <v>38701</v>
          </cell>
          <cell r="AC47">
            <v>38701</v>
          </cell>
          <cell r="AF47" t="e">
            <v>#N/A</v>
          </cell>
          <cell r="AG47" t="e">
            <v>#N/A</v>
          </cell>
          <cell r="AH47" t="e">
            <v>#N/A</v>
          </cell>
          <cell r="AI47" t="e">
            <v>#N/A</v>
          </cell>
          <cell r="AJ47" t="e">
            <v>#N/A</v>
          </cell>
          <cell r="AK47" t="e">
            <v>#N/A</v>
          </cell>
          <cell r="AL47" t="e">
            <v>#N/A</v>
          </cell>
          <cell r="AM47" t="e">
            <v>#N/A</v>
          </cell>
          <cell r="AO47" t="str">
            <v/>
          </cell>
          <cell r="AP47" t="str">
            <v/>
          </cell>
          <cell r="AS47" t="str">
            <v>-</v>
          </cell>
          <cell r="AT47" t="str">
            <v>ひまわり印刷（株）</v>
          </cell>
          <cell r="AU47" t="str">
            <v>（株）須田製版</v>
          </cell>
          <cell r="AV47" t="str">
            <v>（株）総北海札幌支社</v>
          </cell>
          <cell r="AY47" t="str">
            <v xml:space="preserve"> </v>
          </cell>
          <cell r="AZ47" t="str">
            <v xml:space="preserve"> </v>
          </cell>
          <cell r="BA47" t="str">
            <v xml:space="preserve"> </v>
          </cell>
          <cell r="BB47" t="str">
            <v xml:space="preserve"> </v>
          </cell>
          <cell r="BC47" t="str">
            <v xml:space="preserve"> </v>
          </cell>
          <cell r="BF47">
            <v>0</v>
          </cell>
          <cell r="BG47">
            <v>1</v>
          </cell>
          <cell r="BI47">
            <v>936600</v>
          </cell>
          <cell r="BJ47" t="str">
            <v>ひまわり印刷（株）</v>
          </cell>
          <cell r="BK47">
            <v>481800</v>
          </cell>
          <cell r="BL47">
            <v>505890</v>
          </cell>
          <cell r="BM47">
            <v>24090</v>
          </cell>
          <cell r="BN47" t="str">
            <v>請書</v>
          </cell>
          <cell r="BO47" t="str">
            <v>非契約書</v>
          </cell>
          <cell r="BP47" t="str">
            <v>しない</v>
          </cell>
          <cell r="BQ47" t="str">
            <v>見積(公開)</v>
          </cell>
          <cell r="BR47">
            <v>0.5401345291479821</v>
          </cell>
          <cell r="BS47">
            <v>38707</v>
          </cell>
          <cell r="BU47">
            <v>11</v>
          </cell>
          <cell r="BV47" t="str">
            <v>建改じゃないですね</v>
          </cell>
          <cell r="BW47">
            <v>11</v>
          </cell>
          <cell r="BX47" t="str">
            <v/>
          </cell>
          <cell r="BY47" t="str">
            <v/>
          </cell>
          <cell r="BZ47" t="str">
            <v/>
          </cell>
          <cell r="CA47">
            <v>38737</v>
          </cell>
          <cell r="CD47" t="str">
            <v/>
          </cell>
          <cell r="CF47" t="str">
            <v/>
          </cell>
          <cell r="CG47">
            <v>7484500</v>
          </cell>
          <cell r="CH47" t="str">
            <v>ひまわり印刷（株）</v>
          </cell>
          <cell r="CI47" t="str">
            <v>黒沢</v>
          </cell>
          <cell r="CJ47" t="str">
            <v>業務課</v>
          </cell>
          <cell r="CK47" t="str">
            <v>桜庭　一昭　2416</v>
          </cell>
          <cell r="CN47">
            <v>936600</v>
          </cell>
          <cell r="CO47" t="e">
            <v>#VALUE!</v>
          </cell>
          <cell r="CP47">
            <v>430710</v>
          </cell>
          <cell r="CQ47">
            <v>0.5401345291479821</v>
          </cell>
        </row>
        <row r="48">
          <cell r="B48" t="str">
            <v>特殊乗車証券紙（福祉）</v>
          </cell>
          <cell r="C48">
            <v>11</v>
          </cell>
          <cell r="D48" t="str">
            <v/>
          </cell>
          <cell r="G48">
            <v>38698</v>
          </cell>
          <cell r="I48">
            <v>718530</v>
          </cell>
          <cell r="J48">
            <v>62481</v>
          </cell>
          <cell r="K48">
            <v>781011</v>
          </cell>
          <cell r="L48" t="str">
            <v>見積合せ</v>
          </cell>
          <cell r="M48">
            <v>7000</v>
          </cell>
          <cell r="N48" t="str">
            <v>枚</v>
          </cell>
          <cell r="O48" t="str">
            <v>軌・営　高・営</v>
          </cell>
          <cell r="P48">
            <v>38777</v>
          </cell>
          <cell r="Q48" t="str">
            <v>経営企画課</v>
          </cell>
          <cell r="R48" t="str">
            <v>相良　拓也　2113</v>
          </cell>
          <cell r="S48" t="str">
            <v>主管の部長印が必要</v>
          </cell>
          <cell r="T48" t="str">
            <v>無</v>
          </cell>
          <cell r="U48" t="str">
            <v>納入後</v>
          </cell>
          <cell r="V48" t="str">
            <v>壱</v>
          </cell>
          <cell r="W48" t="str">
            <v>○</v>
          </cell>
          <cell r="X48" t="str">
            <v>課長</v>
          </cell>
          <cell r="Y48" t="str">
            <v>省略可</v>
          </cell>
          <cell r="Z48" t="str">
            <v>なか１日</v>
          </cell>
          <cell r="AA48" t="str">
            <v>見積合せ</v>
          </cell>
          <cell r="AB48">
            <v>38701</v>
          </cell>
          <cell r="AC48">
            <v>38705</v>
          </cell>
          <cell r="AD48">
            <v>1410</v>
          </cell>
          <cell r="AE48" t="str">
            <v>出版･印刷業</v>
          </cell>
          <cell r="AF48" t="str">
            <v>出版</v>
          </cell>
          <cell r="AG48" t="str">
            <v>印刷</v>
          </cell>
          <cell r="AH48" t="str">
            <v>製本</v>
          </cell>
          <cell r="AI48" t="str">
            <v/>
          </cell>
          <cell r="AJ48" t="str">
            <v/>
          </cell>
          <cell r="AK48" t="str">
            <v/>
          </cell>
          <cell r="AL48" t="str">
            <v/>
          </cell>
          <cell r="AM48" t="str">
            <v/>
          </cell>
          <cell r="AN48" t="str">
            <v>印刷</v>
          </cell>
          <cell r="AO48">
            <v>18</v>
          </cell>
          <cell r="AP48">
            <v>2</v>
          </cell>
          <cell r="AR48" t="str">
            <v>-</v>
          </cell>
          <cell r="AS48" t="str">
            <v>-</v>
          </cell>
          <cell r="AT48" t="str">
            <v>凸版印刷（株）北海道事業部</v>
          </cell>
          <cell r="AU48" t="str">
            <v>日本通信紙（株）札幌支店</v>
          </cell>
          <cell r="AY48" t="str">
            <v xml:space="preserve"> </v>
          </cell>
          <cell r="AZ48" t="str">
            <v xml:space="preserve"> </v>
          </cell>
          <cell r="BA48" t="str">
            <v xml:space="preserve"> </v>
          </cell>
          <cell r="BB48" t="str">
            <v xml:space="preserve"> </v>
          </cell>
          <cell r="BC48" t="str">
            <v xml:space="preserve"> </v>
          </cell>
          <cell r="BF48">
            <v>0</v>
          </cell>
          <cell r="BG48">
            <v>1</v>
          </cell>
          <cell r="BI48">
            <v>781011</v>
          </cell>
          <cell r="BJ48" t="str">
            <v>日本通信紙（株）札幌支店</v>
          </cell>
          <cell r="BK48">
            <v>742000</v>
          </cell>
          <cell r="BL48">
            <v>779100</v>
          </cell>
          <cell r="BM48">
            <v>37100</v>
          </cell>
          <cell r="BN48" t="str">
            <v>請書</v>
          </cell>
          <cell r="BO48" t="str">
            <v>非契約書</v>
          </cell>
          <cell r="BP48" t="str">
            <v>しない</v>
          </cell>
          <cell r="BQ48" t="str">
            <v>見積合せ</v>
          </cell>
          <cell r="BR48">
            <v>0.99755317146621492</v>
          </cell>
          <cell r="BS48">
            <v>38706</v>
          </cell>
          <cell r="BU48">
            <v>12</v>
          </cell>
          <cell r="BV48" t="str">
            <v>建改じゃないですね</v>
          </cell>
          <cell r="BW48">
            <v>12</v>
          </cell>
          <cell r="BX48" t="str">
            <v/>
          </cell>
          <cell r="BY48" t="str">
            <v>受渡書省略</v>
          </cell>
          <cell r="BZ48" t="str">
            <v/>
          </cell>
          <cell r="CA48">
            <v>38777</v>
          </cell>
          <cell r="CB48" t="str">
            <v>納期と違う</v>
          </cell>
          <cell r="CC48">
            <v>38775</v>
          </cell>
          <cell r="CD48">
            <v>38775</v>
          </cell>
          <cell r="CE48">
            <v>38778</v>
          </cell>
          <cell r="CF48" t="str">
            <v>経過</v>
          </cell>
          <cell r="CG48">
            <v>7260715</v>
          </cell>
          <cell r="CH48" t="str">
            <v>日本通信紙（株）札幌支店</v>
          </cell>
          <cell r="CI48" t="str">
            <v>岡部</v>
          </cell>
          <cell r="CJ48" t="str">
            <v>経営企画課</v>
          </cell>
          <cell r="CK48" t="str">
            <v>相良　拓也　2113</v>
          </cell>
          <cell r="CN48">
            <v>781011</v>
          </cell>
          <cell r="CO48">
            <v>106.26</v>
          </cell>
          <cell r="CP48">
            <v>1911</v>
          </cell>
          <cell r="CQ48">
            <v>0.99755317146621492</v>
          </cell>
        </row>
        <row r="49">
          <cell r="B49" t="str">
            <v>手売用「共通ウィズユーカード」等（後期分）</v>
          </cell>
          <cell r="C49">
            <v>11</v>
          </cell>
          <cell r="D49" t="str">
            <v/>
          </cell>
          <cell r="G49">
            <v>38699</v>
          </cell>
          <cell r="I49">
            <v>601792</v>
          </cell>
          <cell r="J49">
            <v>41158808</v>
          </cell>
          <cell r="K49">
            <v>41760600</v>
          </cell>
          <cell r="L49" t="str">
            <v>入札</v>
          </cell>
          <cell r="M49">
            <v>1380000</v>
          </cell>
          <cell r="N49" t="str">
            <v>枚</v>
          </cell>
          <cell r="O49" t="str">
            <v>軌・営　高・営</v>
          </cell>
          <cell r="P49">
            <v>38796</v>
          </cell>
          <cell r="Q49" t="str">
            <v>経営企画課</v>
          </cell>
          <cell r="R49" t="str">
            <v>安藤　友明　2115</v>
          </cell>
          <cell r="S49" t="str">
            <v>管理者印必要</v>
          </cell>
          <cell r="T49" t="str">
            <v>無</v>
          </cell>
          <cell r="U49" t="str">
            <v>納入後</v>
          </cell>
          <cell r="V49" t="str">
            <v>壱</v>
          </cell>
          <cell r="X49" t="str">
            <v>管理者</v>
          </cell>
          <cell r="Y49" t="str">
            <v>必 要</v>
          </cell>
          <cell r="Z49" t="str">
            <v>なか５日</v>
          </cell>
          <cell r="AA49" t="str">
            <v>入札</v>
          </cell>
          <cell r="AB49">
            <v>38713</v>
          </cell>
          <cell r="AC49">
            <v>38727</v>
          </cell>
          <cell r="AD49">
            <v>1100</v>
          </cell>
          <cell r="AE49" t="str">
            <v>出版･印刷業</v>
          </cell>
          <cell r="AF49" t="str">
            <v>出版</v>
          </cell>
          <cell r="AG49" t="str">
            <v>印刷</v>
          </cell>
          <cell r="AH49" t="str">
            <v>製本</v>
          </cell>
          <cell r="AI49" t="str">
            <v/>
          </cell>
          <cell r="AJ49" t="str">
            <v/>
          </cell>
          <cell r="AK49" t="str">
            <v/>
          </cell>
          <cell r="AL49" t="str">
            <v/>
          </cell>
          <cell r="AM49" t="str">
            <v/>
          </cell>
          <cell r="AN49" t="str">
            <v>印刷</v>
          </cell>
          <cell r="AO49">
            <v>18</v>
          </cell>
          <cell r="AP49">
            <v>2</v>
          </cell>
          <cell r="AR49" t="str">
            <v>-</v>
          </cell>
          <cell r="AS49">
            <v>6</v>
          </cell>
          <cell r="AT49" t="str">
            <v>ＮＥＣトーキン（株）営業本部仙台支店</v>
          </cell>
          <cell r="AU49" t="str">
            <v>共同印刷（株）</v>
          </cell>
          <cell r="AV49" t="str">
            <v>凸版印刷（株）北海道事業部</v>
          </cell>
          <cell r="AW49" t="str">
            <v>日本通信紙（株）札幌支店</v>
          </cell>
          <cell r="AY49" t="str">
            <v xml:space="preserve"> </v>
          </cell>
          <cell r="AZ49" t="str">
            <v xml:space="preserve"> </v>
          </cell>
          <cell r="BA49" t="str">
            <v xml:space="preserve"> </v>
          </cell>
          <cell r="BB49" t="str">
            <v xml:space="preserve"> </v>
          </cell>
          <cell r="BC49" t="str">
            <v xml:space="preserve"> </v>
          </cell>
          <cell r="BE49">
            <v>39772000</v>
          </cell>
          <cell r="BF49">
            <v>41760600</v>
          </cell>
          <cell r="BG49">
            <v>0</v>
          </cell>
          <cell r="BH49">
            <v>39772000</v>
          </cell>
          <cell r="BI49">
            <v>41760600</v>
          </cell>
          <cell r="BJ49" t="str">
            <v>凸版印刷（株）北海道事業部</v>
          </cell>
          <cell r="BK49">
            <v>39600000</v>
          </cell>
          <cell r="BL49">
            <v>41580000</v>
          </cell>
          <cell r="BM49">
            <v>1980000</v>
          </cell>
          <cell r="BN49" t="str">
            <v>契 約 書</v>
          </cell>
          <cell r="BO49" t="str">
            <v>済</v>
          </cell>
          <cell r="BP49" t="str">
            <v>しない</v>
          </cell>
          <cell r="BQ49" t="str">
            <v>入  札</v>
          </cell>
          <cell r="BR49">
            <v>0.99567534949210501</v>
          </cell>
          <cell r="BS49">
            <v>38730</v>
          </cell>
          <cell r="BU49">
            <v>13</v>
          </cell>
          <cell r="BV49" t="str">
            <v>建改じゃないですね</v>
          </cell>
          <cell r="BW49">
            <v>13</v>
          </cell>
          <cell r="BX49" t="str">
            <v/>
          </cell>
          <cell r="BY49" t="str">
            <v>交付</v>
          </cell>
          <cell r="BZ49" t="str">
            <v>済</v>
          </cell>
          <cell r="CA49">
            <v>38796</v>
          </cell>
          <cell r="CB49" t="str">
            <v>納期と同じ</v>
          </cell>
          <cell r="CD49">
            <v>38796</v>
          </cell>
          <cell r="CE49">
            <v>38803</v>
          </cell>
          <cell r="CF49" t="str">
            <v>経過</v>
          </cell>
          <cell r="CG49">
            <v>6147791</v>
          </cell>
          <cell r="CH49" t="str">
            <v>凸版印刷（株）北海道事業部</v>
          </cell>
          <cell r="CI49" t="str">
            <v>佐々木</v>
          </cell>
          <cell r="CJ49" t="str">
            <v>経営企画課</v>
          </cell>
          <cell r="CK49" t="str">
            <v>安藤　友明　2115</v>
          </cell>
          <cell r="CN49">
            <v>41760600</v>
          </cell>
          <cell r="CO49">
            <v>28.820289855072463</v>
          </cell>
          <cell r="CP49">
            <v>180600</v>
          </cell>
          <cell r="CQ49">
            <v>0.99567534949210501</v>
          </cell>
        </row>
        <row r="50">
          <cell r="B50" t="str">
            <v>広告デザインカード【北海道トラック協会】</v>
          </cell>
          <cell r="C50">
            <v>11</v>
          </cell>
          <cell r="D50" t="str">
            <v/>
          </cell>
          <cell r="G50">
            <v>38699</v>
          </cell>
          <cell r="H50" t="str">
            <v>特命</v>
          </cell>
          <cell r="I50">
            <v>924000</v>
          </cell>
          <cell r="K50">
            <v>924000</v>
          </cell>
          <cell r="L50" t="str">
            <v>特命</v>
          </cell>
          <cell r="M50">
            <v>100000</v>
          </cell>
          <cell r="N50" t="str">
            <v>枚</v>
          </cell>
          <cell r="O50" t="str">
            <v>高・営</v>
          </cell>
          <cell r="P50">
            <v>38742</v>
          </cell>
          <cell r="Q50" t="str">
            <v>経営企画課</v>
          </cell>
          <cell r="R50" t="str">
            <v>今野　吉隆　2123</v>
          </cell>
          <cell r="S50" t="str">
            <v>主管の部長印が必要</v>
          </cell>
          <cell r="T50" t="str">
            <v>無</v>
          </cell>
          <cell r="U50" t="str">
            <v>納入後</v>
          </cell>
          <cell r="V50" t="str">
            <v>壱</v>
          </cell>
          <cell r="X50" t="str">
            <v>課長</v>
          </cell>
          <cell r="Y50" t="str">
            <v>省略可</v>
          </cell>
          <cell r="Z50" t="str">
            <v>なか１日</v>
          </cell>
          <cell r="AA50" t="str">
            <v>特命</v>
          </cell>
          <cell r="AB50">
            <v>38702</v>
          </cell>
          <cell r="AC50">
            <v>38705</v>
          </cell>
          <cell r="AD50">
            <v>1440</v>
          </cell>
          <cell r="AF50" t="e">
            <v>#N/A</v>
          </cell>
          <cell r="AG50" t="e">
            <v>#N/A</v>
          </cell>
          <cell r="AH50" t="e">
            <v>#N/A</v>
          </cell>
          <cell r="AI50" t="e">
            <v>#N/A</v>
          </cell>
          <cell r="AJ50" t="e">
            <v>#N/A</v>
          </cell>
          <cell r="AK50" t="e">
            <v>#N/A</v>
          </cell>
          <cell r="AL50" t="e">
            <v>#N/A</v>
          </cell>
          <cell r="AM50" t="e">
            <v>#N/A</v>
          </cell>
          <cell r="AO50" t="str">
            <v/>
          </cell>
          <cell r="AP50" t="str">
            <v/>
          </cell>
          <cell r="AS50" t="str">
            <v>-</v>
          </cell>
          <cell r="AY50" t="str">
            <v xml:space="preserve"> </v>
          </cell>
          <cell r="AZ50" t="str">
            <v xml:space="preserve"> </v>
          </cell>
          <cell r="BA50" t="str">
            <v xml:space="preserve"> </v>
          </cell>
          <cell r="BB50" t="str">
            <v xml:space="preserve"> </v>
          </cell>
          <cell r="BC50" t="str">
            <v xml:space="preserve"> </v>
          </cell>
          <cell r="BF50">
            <v>0</v>
          </cell>
          <cell r="BG50">
            <v>1</v>
          </cell>
          <cell r="BI50">
            <v>924000</v>
          </cell>
          <cell r="BJ50" t="str">
            <v>凸版印刷（株）北海道事業部</v>
          </cell>
          <cell r="BK50">
            <v>880000</v>
          </cell>
          <cell r="BL50">
            <v>924000</v>
          </cell>
          <cell r="BM50">
            <v>44000</v>
          </cell>
          <cell r="BN50" t="str">
            <v>請書</v>
          </cell>
          <cell r="BO50" t="str">
            <v>非契約書</v>
          </cell>
          <cell r="BP50" t="str">
            <v>しない</v>
          </cell>
          <cell r="BQ50" t="str">
            <v>見積</v>
          </cell>
          <cell r="BR50">
            <v>1</v>
          </cell>
          <cell r="BS50">
            <v>38707</v>
          </cell>
          <cell r="BU50">
            <v>14</v>
          </cell>
          <cell r="BV50" t="str">
            <v>建改じゃないですね</v>
          </cell>
          <cell r="BW50">
            <v>14</v>
          </cell>
          <cell r="BX50" t="str">
            <v/>
          </cell>
          <cell r="BY50" t="str">
            <v/>
          </cell>
          <cell r="BZ50" t="str">
            <v/>
          </cell>
          <cell r="CA50">
            <v>38742</v>
          </cell>
          <cell r="CD50" t="str">
            <v/>
          </cell>
          <cell r="CF50" t="str">
            <v/>
          </cell>
          <cell r="CG50">
            <v>6147791</v>
          </cell>
          <cell r="CH50" t="str">
            <v>凸版印刷（株）北海道事業部</v>
          </cell>
          <cell r="CI50" t="str">
            <v>佐々木</v>
          </cell>
          <cell r="CJ50" t="str">
            <v>経営企画課</v>
          </cell>
          <cell r="CK50" t="str">
            <v>今野　吉隆　2123</v>
          </cell>
          <cell r="CN50">
            <v>924000</v>
          </cell>
          <cell r="CO50">
            <v>8.8000000000000007</v>
          </cell>
          <cell r="CP50">
            <v>0</v>
          </cell>
          <cell r="CQ50">
            <v>1</v>
          </cell>
        </row>
        <row r="51">
          <cell r="B51" t="str">
            <v>タイアップ「券売機用共通ウィズユーカード」</v>
          </cell>
          <cell r="C51">
            <v>11</v>
          </cell>
          <cell r="D51" t="str">
            <v/>
          </cell>
          <cell r="G51">
            <v>38700</v>
          </cell>
          <cell r="H51" t="str">
            <v>特命</v>
          </cell>
          <cell r="I51">
            <v>55440</v>
          </cell>
          <cell r="J51">
            <v>1792560</v>
          </cell>
          <cell r="K51">
            <v>1848000</v>
          </cell>
          <cell r="L51" t="str">
            <v>特命</v>
          </cell>
          <cell r="M51">
            <v>200000</v>
          </cell>
          <cell r="N51" t="str">
            <v>枚</v>
          </cell>
          <cell r="O51" t="str">
            <v>軌・営　高・営</v>
          </cell>
          <cell r="P51">
            <v>38758</v>
          </cell>
          <cell r="Q51" t="str">
            <v>経営企画課</v>
          </cell>
          <cell r="R51" t="str">
            <v>安藤　友明　2115</v>
          </cell>
          <cell r="S51" t="str">
            <v>主管の部長印が必要</v>
          </cell>
          <cell r="T51" t="str">
            <v>無</v>
          </cell>
          <cell r="U51" t="str">
            <v>納入後</v>
          </cell>
          <cell r="V51" t="str">
            <v>壱</v>
          </cell>
          <cell r="X51" t="str">
            <v>課長</v>
          </cell>
          <cell r="Y51" t="str">
            <v>省略可</v>
          </cell>
          <cell r="Z51" t="str">
            <v>なか１日</v>
          </cell>
          <cell r="AA51" t="str">
            <v>特命</v>
          </cell>
          <cell r="AB51">
            <v>38705</v>
          </cell>
          <cell r="AC51">
            <v>38705</v>
          </cell>
          <cell r="AD51">
            <v>1450</v>
          </cell>
          <cell r="AF51" t="e">
            <v>#N/A</v>
          </cell>
          <cell r="AG51" t="e">
            <v>#N/A</v>
          </cell>
          <cell r="AH51" t="e">
            <v>#N/A</v>
          </cell>
          <cell r="AI51" t="e">
            <v>#N/A</v>
          </cell>
          <cell r="AJ51" t="e">
            <v>#N/A</v>
          </cell>
          <cell r="AK51" t="e">
            <v>#N/A</v>
          </cell>
          <cell r="AL51" t="e">
            <v>#N/A</v>
          </cell>
          <cell r="AM51" t="e">
            <v>#N/A</v>
          </cell>
          <cell r="AO51" t="str">
            <v/>
          </cell>
          <cell r="AP51" t="str">
            <v/>
          </cell>
          <cell r="AS51" t="str">
            <v>-</v>
          </cell>
          <cell r="AY51" t="str">
            <v xml:space="preserve"> </v>
          </cell>
          <cell r="AZ51" t="str">
            <v xml:space="preserve"> </v>
          </cell>
          <cell r="BA51" t="str">
            <v xml:space="preserve"> </v>
          </cell>
          <cell r="BB51" t="str">
            <v xml:space="preserve"> </v>
          </cell>
          <cell r="BC51" t="str">
            <v xml:space="preserve"> </v>
          </cell>
          <cell r="BF51">
            <v>0</v>
          </cell>
          <cell r="BG51">
            <v>1</v>
          </cell>
          <cell r="BI51">
            <v>1848000</v>
          </cell>
          <cell r="BJ51" t="str">
            <v>日本通信紙（株）札幌支店</v>
          </cell>
          <cell r="BK51">
            <v>1760000</v>
          </cell>
          <cell r="BL51">
            <v>1848000</v>
          </cell>
          <cell r="BM51">
            <v>88000</v>
          </cell>
          <cell r="BN51" t="str">
            <v>契 約 書</v>
          </cell>
          <cell r="BO51" t="str">
            <v>済</v>
          </cell>
          <cell r="BP51" t="str">
            <v>しない</v>
          </cell>
          <cell r="BQ51" t="str">
            <v>見積</v>
          </cell>
          <cell r="BR51">
            <v>1</v>
          </cell>
          <cell r="BS51">
            <v>38706</v>
          </cell>
          <cell r="BU51">
            <v>15</v>
          </cell>
          <cell r="BV51" t="str">
            <v>建改じゃないですね</v>
          </cell>
          <cell r="BW51">
            <v>15</v>
          </cell>
          <cell r="BX51" t="str">
            <v/>
          </cell>
          <cell r="BY51" t="str">
            <v/>
          </cell>
          <cell r="BZ51" t="str">
            <v/>
          </cell>
          <cell r="CA51">
            <v>38758</v>
          </cell>
          <cell r="CD51" t="str">
            <v/>
          </cell>
          <cell r="CF51" t="str">
            <v/>
          </cell>
          <cell r="CG51">
            <v>7260715</v>
          </cell>
          <cell r="CH51" t="str">
            <v>日本通信紙（株）札幌支店</v>
          </cell>
          <cell r="CI51" t="str">
            <v>岡部</v>
          </cell>
          <cell r="CJ51" t="str">
            <v>経営企画課</v>
          </cell>
          <cell r="CK51" t="str">
            <v>安藤　友明　2115</v>
          </cell>
          <cell r="CN51">
            <v>1848000</v>
          </cell>
          <cell r="CO51">
            <v>8.8000000000000007</v>
          </cell>
          <cell r="CP51">
            <v>0</v>
          </cell>
          <cell r="CQ51">
            <v>1</v>
          </cell>
        </row>
        <row r="52">
          <cell r="B52" t="str">
            <v>券売機用「共通ウィズユーカード」４回目発注分</v>
          </cell>
          <cell r="C52">
            <v>11</v>
          </cell>
          <cell r="D52" t="str">
            <v/>
          </cell>
          <cell r="G52">
            <v>38702</v>
          </cell>
          <cell r="I52">
            <v>1781362</v>
          </cell>
          <cell r="J52">
            <v>57597398</v>
          </cell>
          <cell r="K52">
            <v>59378760</v>
          </cell>
          <cell r="L52" t="str">
            <v>入札</v>
          </cell>
          <cell r="M52">
            <v>1740000</v>
          </cell>
          <cell r="N52" t="str">
            <v>枚</v>
          </cell>
          <cell r="O52" t="str">
            <v>軌・営　高・営</v>
          </cell>
          <cell r="P52">
            <v>38799</v>
          </cell>
          <cell r="Q52" t="str">
            <v>経営企画課</v>
          </cell>
          <cell r="R52" t="str">
            <v>安藤　友明　2115</v>
          </cell>
          <cell r="S52" t="str">
            <v>管理者印必要</v>
          </cell>
          <cell r="T52" t="str">
            <v>無</v>
          </cell>
          <cell r="U52" t="str">
            <v>納入後</v>
          </cell>
          <cell r="V52" t="str">
            <v>壱</v>
          </cell>
          <cell r="X52" t="str">
            <v>管理者</v>
          </cell>
          <cell r="Y52" t="str">
            <v>必 要</v>
          </cell>
          <cell r="Z52" t="str">
            <v>なか１０日</v>
          </cell>
          <cell r="AA52" t="str">
            <v>入札</v>
          </cell>
          <cell r="AB52">
            <v>38727</v>
          </cell>
          <cell r="AC52">
            <v>38730</v>
          </cell>
          <cell r="AD52">
            <v>1100</v>
          </cell>
          <cell r="AE52" t="str">
            <v>出版･印刷業</v>
          </cell>
          <cell r="AF52" t="str">
            <v>出版</v>
          </cell>
          <cell r="AG52" t="str">
            <v>印刷</v>
          </cell>
          <cell r="AH52" t="str">
            <v>製本</v>
          </cell>
          <cell r="AI52" t="str">
            <v/>
          </cell>
          <cell r="AJ52" t="str">
            <v/>
          </cell>
          <cell r="AK52" t="str">
            <v/>
          </cell>
          <cell r="AL52" t="str">
            <v/>
          </cell>
          <cell r="AM52" t="str">
            <v/>
          </cell>
          <cell r="AN52" t="str">
            <v>印刷</v>
          </cell>
          <cell r="AO52">
            <v>18</v>
          </cell>
          <cell r="AP52">
            <v>2</v>
          </cell>
          <cell r="AR52" t="str">
            <v>-</v>
          </cell>
          <cell r="AS52">
            <v>6</v>
          </cell>
          <cell r="AT52" t="str">
            <v>ＮＥＣトーキン（株）営業本部仙台支店</v>
          </cell>
          <cell r="AU52" t="str">
            <v>共同印刷（株）</v>
          </cell>
          <cell r="AV52" t="str">
            <v>凸版印刷（株）北海道事業部</v>
          </cell>
          <cell r="AW52" t="str">
            <v>日本通信紙（株）札幌支店</v>
          </cell>
          <cell r="AY52" t="str">
            <v xml:space="preserve"> </v>
          </cell>
          <cell r="AZ52" t="str">
            <v xml:space="preserve"> </v>
          </cell>
          <cell r="BA52" t="str">
            <v xml:space="preserve"> </v>
          </cell>
          <cell r="BB52" t="str">
            <v xml:space="preserve"> </v>
          </cell>
          <cell r="BC52" t="str">
            <v xml:space="preserve"> </v>
          </cell>
          <cell r="BE52">
            <v>56550000</v>
          </cell>
          <cell r="BF52">
            <v>59377500</v>
          </cell>
          <cell r="BG52">
            <v>2.12197088655941E-5</v>
          </cell>
          <cell r="BH52">
            <v>56550000</v>
          </cell>
          <cell r="BI52">
            <v>59377500</v>
          </cell>
          <cell r="BJ52" t="str">
            <v>ＮＥＣトーキン（株）営業本部仙台支店</v>
          </cell>
          <cell r="BK52">
            <v>56532600</v>
          </cell>
          <cell r="BL52">
            <v>59359230</v>
          </cell>
          <cell r="BM52">
            <v>2826630</v>
          </cell>
          <cell r="BN52" t="str">
            <v>契 約 書</v>
          </cell>
          <cell r="BO52" t="str">
            <v>済</v>
          </cell>
          <cell r="BP52" t="str">
            <v>しない</v>
          </cell>
          <cell r="BQ52" t="str">
            <v>入  札</v>
          </cell>
          <cell r="BR52">
            <v>0.99969230769230766</v>
          </cell>
          <cell r="BS52">
            <v>38734</v>
          </cell>
          <cell r="BU52">
            <v>16</v>
          </cell>
          <cell r="BV52" t="str">
            <v>建改じゃないですね</v>
          </cell>
          <cell r="BW52">
            <v>16</v>
          </cell>
          <cell r="BX52" t="str">
            <v/>
          </cell>
          <cell r="BY52" t="str">
            <v>交付</v>
          </cell>
          <cell r="BZ52" t="str">
            <v>済</v>
          </cell>
          <cell r="CA52">
            <v>38799</v>
          </cell>
          <cell r="CB52" t="str">
            <v>納期と同じ</v>
          </cell>
          <cell r="CD52">
            <v>38799</v>
          </cell>
          <cell r="CE52">
            <v>38805</v>
          </cell>
          <cell r="CF52" t="str">
            <v>経過</v>
          </cell>
          <cell r="CG52" t="str">
            <v>佐鳥221-6530</v>
          </cell>
          <cell r="CH52" t="str">
            <v>ＮＥＣトーキン（株）営業本部仙台支店</v>
          </cell>
          <cell r="CI52" t="str">
            <v>佐鳥　伊藤</v>
          </cell>
          <cell r="CJ52" t="str">
            <v>経営企画課</v>
          </cell>
          <cell r="CK52" t="str">
            <v>安藤　友明　2115</v>
          </cell>
          <cell r="CN52">
            <v>59378760</v>
          </cell>
          <cell r="CO52">
            <v>32.500689655172415</v>
          </cell>
          <cell r="CP52">
            <v>19530</v>
          </cell>
          <cell r="CQ52">
            <v>0.99967109451258329</v>
          </cell>
        </row>
        <row r="53">
          <cell r="B53" t="str">
            <v>カード発行装置</v>
          </cell>
          <cell r="C53">
            <v>12</v>
          </cell>
          <cell r="D53">
            <v>12</v>
          </cell>
          <cell r="G53">
            <v>38706</v>
          </cell>
          <cell r="H53" t="str">
            <v>特命</v>
          </cell>
          <cell r="I53">
            <v>39302000</v>
          </cell>
          <cell r="K53">
            <v>39302000</v>
          </cell>
          <cell r="L53" t="str">
            <v>特命</v>
          </cell>
          <cell r="M53" t="str">
            <v>一</v>
          </cell>
          <cell r="N53" t="str">
            <v>式</v>
          </cell>
          <cell r="O53" t="str">
            <v>高・建改</v>
          </cell>
          <cell r="P53">
            <v>38800</v>
          </cell>
          <cell r="Q53" t="str">
            <v>電気課</v>
          </cell>
          <cell r="R53" t="str">
            <v>村川　勇　2663</v>
          </cell>
          <cell r="S53" t="str">
            <v>管理者印必要  経理係の合議要</v>
          </cell>
          <cell r="T53" t="str">
            <v>無</v>
          </cell>
          <cell r="U53" t="str">
            <v>納入後</v>
          </cell>
          <cell r="V53" t="str">
            <v>壱</v>
          </cell>
          <cell r="X53" t="str">
            <v>管理者</v>
          </cell>
          <cell r="Y53" t="str">
            <v>必 要</v>
          </cell>
          <cell r="Z53" t="str">
            <v>なか５日</v>
          </cell>
          <cell r="AA53" t="str">
            <v>特命</v>
          </cell>
          <cell r="AB53">
            <v>38721</v>
          </cell>
          <cell r="AC53">
            <v>38727</v>
          </cell>
          <cell r="AD53">
            <v>1400</v>
          </cell>
          <cell r="AF53" t="e">
            <v>#N/A</v>
          </cell>
          <cell r="AG53" t="e">
            <v>#N/A</v>
          </cell>
          <cell r="AH53" t="e">
            <v>#N/A</v>
          </cell>
          <cell r="AI53" t="e">
            <v>#N/A</v>
          </cell>
          <cell r="AJ53" t="e">
            <v>#N/A</v>
          </cell>
          <cell r="AK53" t="e">
            <v>#N/A</v>
          </cell>
          <cell r="AL53" t="e">
            <v>#N/A</v>
          </cell>
          <cell r="AM53" t="e">
            <v>#N/A</v>
          </cell>
          <cell r="AO53" t="str">
            <v/>
          </cell>
          <cell r="AP53" t="str">
            <v/>
          </cell>
          <cell r="AS53" t="str">
            <v>-</v>
          </cell>
          <cell r="AY53" t="str">
            <v xml:space="preserve"> </v>
          </cell>
          <cell r="AZ53" t="str">
            <v xml:space="preserve"> </v>
          </cell>
          <cell r="BA53" t="str">
            <v xml:space="preserve"> </v>
          </cell>
          <cell r="BB53" t="str">
            <v xml:space="preserve"> </v>
          </cell>
          <cell r="BC53" t="str">
            <v xml:space="preserve"> </v>
          </cell>
          <cell r="BE53">
            <v>37000000</v>
          </cell>
          <cell r="BF53">
            <v>38850000</v>
          </cell>
          <cell r="BG53">
            <v>1.150068698793949E-2</v>
          </cell>
          <cell r="BH53">
            <v>37000000</v>
          </cell>
          <cell r="BI53">
            <v>38850000</v>
          </cell>
          <cell r="BJ53" t="str">
            <v>日本信号（株）北海道支店</v>
          </cell>
          <cell r="BK53">
            <v>35300000</v>
          </cell>
          <cell r="BL53">
            <v>37065000</v>
          </cell>
          <cell r="BM53">
            <v>1765000</v>
          </cell>
          <cell r="BN53" t="str">
            <v>契 約 書</v>
          </cell>
          <cell r="BO53" t="str">
            <v>済</v>
          </cell>
          <cell r="BP53" t="str">
            <v>する</v>
          </cell>
          <cell r="BQ53" t="str">
            <v>見積</v>
          </cell>
          <cell r="BR53">
            <v>0.95405405405405408</v>
          </cell>
          <cell r="BS53">
            <v>38728</v>
          </cell>
          <cell r="BT53" t="str">
            <v>特例政令適用　告示</v>
          </cell>
          <cell r="BU53">
            <v>16</v>
          </cell>
          <cell r="BV53">
            <v>3</v>
          </cell>
          <cell r="BW53" t="str">
            <v>建改　３</v>
          </cell>
          <cell r="BX53">
            <v>12</v>
          </cell>
          <cell r="BY53" t="str">
            <v>交付</v>
          </cell>
          <cell r="BZ53" t="str">
            <v>済</v>
          </cell>
          <cell r="CA53">
            <v>38800</v>
          </cell>
          <cell r="CB53" t="str">
            <v>納期と同じ</v>
          </cell>
          <cell r="CD53">
            <v>38800</v>
          </cell>
          <cell r="CE53">
            <v>38807</v>
          </cell>
          <cell r="CF53" t="str">
            <v>経過</v>
          </cell>
          <cell r="CG53">
            <v>2714161</v>
          </cell>
          <cell r="CH53" t="str">
            <v>日本信号（株）北海道支店</v>
          </cell>
          <cell r="CI53" t="str">
            <v>佐々木　藤井</v>
          </cell>
          <cell r="CJ53" t="str">
            <v>電気課</v>
          </cell>
          <cell r="CK53" t="str">
            <v>村川　勇　2663</v>
          </cell>
          <cell r="CN53">
            <v>39302000</v>
          </cell>
          <cell r="CO53" t="e">
            <v>#VALUE!</v>
          </cell>
          <cell r="CP53">
            <v>2237000</v>
          </cell>
          <cell r="CQ53">
            <v>0.94308177700880358</v>
          </cell>
        </row>
        <row r="54">
          <cell r="B54" t="str">
            <v>案内軌条式鉄道車両（８０００形）第６次車（その１）</v>
          </cell>
          <cell r="C54">
            <v>13</v>
          </cell>
          <cell r="D54">
            <v>13</v>
          </cell>
          <cell r="G54">
            <v>38713</v>
          </cell>
          <cell r="H54" t="str">
            <v>特命</v>
          </cell>
          <cell r="I54">
            <v>1022112000</v>
          </cell>
          <cell r="K54">
            <v>1022112000</v>
          </cell>
          <cell r="L54" t="str">
            <v>特命</v>
          </cell>
          <cell r="M54" t="str">
            <v>一</v>
          </cell>
          <cell r="N54" t="str">
            <v>式</v>
          </cell>
          <cell r="O54" t="str">
            <v>高・建改</v>
          </cell>
          <cell r="P54">
            <v>38968</v>
          </cell>
          <cell r="Q54" t="str">
            <v>車両課</v>
          </cell>
          <cell r="R54" t="str">
            <v>本間　均　2582</v>
          </cell>
          <cell r="S54" t="str">
            <v>管理者印必要  経理係の合議要</v>
          </cell>
          <cell r="T54" t="str">
            <v>無</v>
          </cell>
          <cell r="U54" t="str">
            <v>納入後</v>
          </cell>
          <cell r="V54" t="str">
            <v>四</v>
          </cell>
          <cell r="X54" t="str">
            <v>管理者</v>
          </cell>
          <cell r="Y54" t="str">
            <v>必 要</v>
          </cell>
          <cell r="Z54" t="str">
            <v>なか１０日</v>
          </cell>
          <cell r="AA54" t="str">
            <v>特命</v>
          </cell>
          <cell r="AB54">
            <v>38735</v>
          </cell>
          <cell r="AC54">
            <v>38737</v>
          </cell>
          <cell r="AD54">
            <v>1400</v>
          </cell>
          <cell r="AF54" t="e">
            <v>#N/A</v>
          </cell>
          <cell r="AG54" t="e">
            <v>#N/A</v>
          </cell>
          <cell r="AH54" t="e">
            <v>#N/A</v>
          </cell>
          <cell r="AI54" t="e">
            <v>#N/A</v>
          </cell>
          <cell r="AJ54" t="e">
            <v>#N/A</v>
          </cell>
          <cell r="AK54" t="e">
            <v>#N/A</v>
          </cell>
          <cell r="AL54" t="e">
            <v>#N/A</v>
          </cell>
          <cell r="AM54" t="e">
            <v>#N/A</v>
          </cell>
          <cell r="AO54" t="str">
            <v/>
          </cell>
          <cell r="AP54" t="str">
            <v/>
          </cell>
          <cell r="AS54" t="str">
            <v>-</v>
          </cell>
          <cell r="AY54" t="str">
            <v xml:space="preserve"> </v>
          </cell>
          <cell r="AZ54" t="str">
            <v xml:space="preserve"> </v>
          </cell>
          <cell r="BA54" t="str">
            <v xml:space="preserve"> </v>
          </cell>
          <cell r="BB54" t="str">
            <v xml:space="preserve"> </v>
          </cell>
          <cell r="BC54" t="str">
            <v xml:space="preserve"> </v>
          </cell>
          <cell r="BE54">
            <v>961800000</v>
          </cell>
          <cell r="BF54">
            <v>1009890000</v>
          </cell>
          <cell r="BG54">
            <v>1.1957593688362911E-2</v>
          </cell>
          <cell r="BH54">
            <v>961800000</v>
          </cell>
          <cell r="BI54">
            <v>1009890000</v>
          </cell>
          <cell r="BJ54" t="str">
            <v>川崎重工業（株）北海道支社</v>
          </cell>
          <cell r="BK54">
            <v>961600000</v>
          </cell>
          <cell r="BL54">
            <v>1009680000</v>
          </cell>
          <cell r="BM54">
            <v>48080000</v>
          </cell>
          <cell r="BN54" t="str">
            <v>契 約 書</v>
          </cell>
          <cell r="BO54" t="str">
            <v>済</v>
          </cell>
          <cell r="BP54" t="str">
            <v>する</v>
          </cell>
          <cell r="BQ54" t="str">
            <v>見積</v>
          </cell>
          <cell r="BR54">
            <v>0.99979205656061554</v>
          </cell>
          <cell r="BS54">
            <v>38740</v>
          </cell>
          <cell r="BT54" t="str">
            <v>指名停止中指名　副市長　特例政令適用除外</v>
          </cell>
          <cell r="BU54">
            <v>16</v>
          </cell>
          <cell r="BV54">
            <v>4</v>
          </cell>
          <cell r="BW54" t="str">
            <v>建改　４</v>
          </cell>
          <cell r="BX54">
            <v>13</v>
          </cell>
          <cell r="BY54" t="str">
            <v>交付</v>
          </cell>
          <cell r="BZ54" t="str">
            <v/>
          </cell>
          <cell r="CA54">
            <v>38968</v>
          </cell>
          <cell r="CB54" t="str">
            <v>納期と違う</v>
          </cell>
          <cell r="CC54">
            <v>38924</v>
          </cell>
          <cell r="CD54" t="str">
            <v/>
          </cell>
          <cell r="CE54">
            <v>38926</v>
          </cell>
          <cell r="CF54" t="str">
            <v/>
          </cell>
          <cell r="CG54">
            <v>2813177</v>
          </cell>
          <cell r="CH54" t="str">
            <v>川崎重工業（株）北海道支社</v>
          </cell>
          <cell r="CI54" t="str">
            <v>早乙女</v>
          </cell>
          <cell r="CJ54" t="str">
            <v>車両課</v>
          </cell>
          <cell r="CK54" t="str">
            <v>本間　均　2582</v>
          </cell>
          <cell r="CN54">
            <v>1022112000</v>
          </cell>
          <cell r="CO54" t="e">
            <v>#VALUE!</v>
          </cell>
          <cell r="CP54">
            <v>12432000</v>
          </cell>
          <cell r="CQ54">
            <v>0.98783694937541089</v>
          </cell>
        </row>
        <row r="55">
          <cell r="B55" t="str">
            <v>運転指令映像監視装置改良</v>
          </cell>
          <cell r="C55">
            <v>14</v>
          </cell>
          <cell r="D55">
            <v>14</v>
          </cell>
          <cell r="G55">
            <v>38714</v>
          </cell>
          <cell r="H55" t="str">
            <v>特命</v>
          </cell>
          <cell r="I55">
            <v>9124500</v>
          </cell>
          <cell r="K55">
            <v>9124500</v>
          </cell>
          <cell r="L55" t="str">
            <v>特命</v>
          </cell>
          <cell r="M55" t="str">
            <v>一</v>
          </cell>
          <cell r="N55" t="str">
            <v>式</v>
          </cell>
          <cell r="O55" t="str">
            <v>高・建改</v>
          </cell>
          <cell r="P55">
            <v>38793</v>
          </cell>
          <cell r="Q55" t="str">
            <v>電気課</v>
          </cell>
          <cell r="R55" t="str">
            <v>片石　英一　2647</v>
          </cell>
          <cell r="S55" t="str">
            <v>主管の部長印が必要  経理係の合議要</v>
          </cell>
          <cell r="T55" t="str">
            <v>無</v>
          </cell>
          <cell r="U55" t="str">
            <v>納入後</v>
          </cell>
          <cell r="V55" t="str">
            <v>壱</v>
          </cell>
          <cell r="X55" t="str">
            <v>部長</v>
          </cell>
          <cell r="Y55" t="str">
            <v>必 要</v>
          </cell>
          <cell r="Z55" t="str">
            <v>なか５日</v>
          </cell>
          <cell r="AA55" t="str">
            <v>特命</v>
          </cell>
          <cell r="AB55">
            <v>38728</v>
          </cell>
          <cell r="AC55">
            <v>38730</v>
          </cell>
          <cell r="AD55">
            <v>1430</v>
          </cell>
          <cell r="AF55" t="e">
            <v>#N/A</v>
          </cell>
          <cell r="AG55" t="e">
            <v>#N/A</v>
          </cell>
          <cell r="AH55" t="e">
            <v>#N/A</v>
          </cell>
          <cell r="AI55" t="e">
            <v>#N/A</v>
          </cell>
          <cell r="AJ55" t="e">
            <v>#N/A</v>
          </cell>
          <cell r="AK55" t="e">
            <v>#N/A</v>
          </cell>
          <cell r="AL55" t="e">
            <v>#N/A</v>
          </cell>
          <cell r="AM55" t="e">
            <v>#N/A</v>
          </cell>
          <cell r="AO55" t="str">
            <v/>
          </cell>
          <cell r="AP55" t="str">
            <v/>
          </cell>
          <cell r="AS55" t="str">
            <v>-</v>
          </cell>
          <cell r="AY55" t="str">
            <v xml:space="preserve"> </v>
          </cell>
          <cell r="AZ55" t="str">
            <v xml:space="preserve"> </v>
          </cell>
          <cell r="BA55" t="str">
            <v xml:space="preserve"> </v>
          </cell>
          <cell r="BB55" t="str">
            <v xml:space="preserve"> </v>
          </cell>
          <cell r="BC55" t="str">
            <v xml:space="preserve"> </v>
          </cell>
          <cell r="BE55">
            <v>8600000</v>
          </cell>
          <cell r="BF55">
            <v>9030000</v>
          </cell>
          <cell r="BG55">
            <v>1.0356731875719172E-2</v>
          </cell>
          <cell r="BH55">
            <v>8600000</v>
          </cell>
          <cell r="BI55">
            <v>9030000</v>
          </cell>
          <cell r="BJ55" t="str">
            <v>松下電器産業（株）北海道支店</v>
          </cell>
          <cell r="BK55">
            <v>8300000</v>
          </cell>
          <cell r="BL55">
            <v>8715000</v>
          </cell>
          <cell r="BM55">
            <v>415000</v>
          </cell>
          <cell r="BN55" t="str">
            <v>契 約 書</v>
          </cell>
          <cell r="BO55" t="str">
            <v>済</v>
          </cell>
          <cell r="BP55" t="str">
            <v>する</v>
          </cell>
          <cell r="BQ55" t="str">
            <v>見積</v>
          </cell>
          <cell r="BR55">
            <v>0.96511627906976749</v>
          </cell>
          <cell r="BS55">
            <v>38734</v>
          </cell>
          <cell r="BU55">
            <v>16</v>
          </cell>
          <cell r="BV55">
            <v>5</v>
          </cell>
          <cell r="BW55" t="str">
            <v>建改　５</v>
          </cell>
          <cell r="BX55">
            <v>14</v>
          </cell>
          <cell r="BY55" t="str">
            <v>交付</v>
          </cell>
          <cell r="BZ55" t="str">
            <v>済</v>
          </cell>
          <cell r="CA55">
            <v>38793</v>
          </cell>
          <cell r="CB55" t="str">
            <v>納期と同じ</v>
          </cell>
          <cell r="CD55">
            <v>38793</v>
          </cell>
          <cell r="CE55">
            <v>38804</v>
          </cell>
          <cell r="CF55" t="str">
            <v>経過</v>
          </cell>
          <cell r="CG55">
            <v>2077733</v>
          </cell>
          <cell r="CH55" t="str">
            <v>松下電器産業（株）北海道支店</v>
          </cell>
          <cell r="CI55" t="str">
            <v>新谷　山本</v>
          </cell>
          <cell r="CJ55" t="str">
            <v>電気課</v>
          </cell>
          <cell r="CK55" t="str">
            <v>片石　英一　2647</v>
          </cell>
          <cell r="CN55">
            <v>9124500</v>
          </cell>
          <cell r="CO55" t="e">
            <v>#VALUE!</v>
          </cell>
          <cell r="CP55">
            <v>409500</v>
          </cell>
          <cell r="CQ55">
            <v>0.95512082853855007</v>
          </cell>
        </row>
        <row r="56">
          <cell r="B56" t="str">
            <v>中央監視操作盤タッチパネル</v>
          </cell>
          <cell r="C56">
            <v>14</v>
          </cell>
          <cell r="D56" t="str">
            <v/>
          </cell>
          <cell r="G56">
            <v>38736</v>
          </cell>
          <cell r="I56">
            <v>2499000</v>
          </cell>
          <cell r="K56">
            <v>2499000</v>
          </cell>
          <cell r="L56" t="str">
            <v>公開</v>
          </cell>
          <cell r="M56" t="str">
            <v>一</v>
          </cell>
          <cell r="N56" t="str">
            <v>式</v>
          </cell>
          <cell r="O56" t="str">
            <v>高・営</v>
          </cell>
          <cell r="P56">
            <v>38799</v>
          </cell>
          <cell r="Q56" t="str">
            <v>業務課</v>
          </cell>
          <cell r="R56" t="str">
            <v>加登　秀雄　2444</v>
          </cell>
          <cell r="S56" t="str">
            <v>主管の部長印が必要</v>
          </cell>
          <cell r="T56" t="str">
            <v>無</v>
          </cell>
          <cell r="U56" t="str">
            <v>納入後</v>
          </cell>
          <cell r="V56" t="str">
            <v>壱</v>
          </cell>
          <cell r="X56" t="str">
            <v>課長</v>
          </cell>
          <cell r="Y56" t="str">
            <v>省略可</v>
          </cell>
          <cell r="Z56" t="str">
            <v>なか１日</v>
          </cell>
          <cell r="AA56" t="str">
            <v>公開</v>
          </cell>
          <cell r="AB56">
            <v>38743</v>
          </cell>
          <cell r="AC56">
            <v>38743</v>
          </cell>
          <cell r="AF56" t="e">
            <v>#N/A</v>
          </cell>
          <cell r="AG56" t="e">
            <v>#N/A</v>
          </cell>
          <cell r="AH56" t="e">
            <v>#N/A</v>
          </cell>
          <cell r="AI56" t="e">
            <v>#N/A</v>
          </cell>
          <cell r="AJ56" t="e">
            <v>#N/A</v>
          </cell>
          <cell r="AK56" t="e">
            <v>#N/A</v>
          </cell>
          <cell r="AL56" t="e">
            <v>#N/A</v>
          </cell>
          <cell r="AM56" t="e">
            <v>#N/A</v>
          </cell>
          <cell r="AO56" t="str">
            <v/>
          </cell>
          <cell r="AP56" t="str">
            <v/>
          </cell>
          <cell r="AS56" t="str">
            <v>-</v>
          </cell>
          <cell r="AT56" t="str">
            <v>（株）京三製作所札幌支店</v>
          </cell>
          <cell r="AY56" t="str">
            <v xml:space="preserve"> </v>
          </cell>
          <cell r="AZ56" t="str">
            <v xml:space="preserve"> </v>
          </cell>
          <cell r="BA56" t="str">
            <v xml:space="preserve"> </v>
          </cell>
          <cell r="BB56" t="str">
            <v xml:space="preserve"> </v>
          </cell>
          <cell r="BC56" t="str">
            <v xml:space="preserve"> </v>
          </cell>
          <cell r="BF56">
            <v>0</v>
          </cell>
          <cell r="BG56">
            <v>1</v>
          </cell>
          <cell r="BI56">
            <v>2499000</v>
          </cell>
          <cell r="BJ56" t="str">
            <v>（株）京三製作所札幌支店</v>
          </cell>
          <cell r="BK56">
            <v>2370000</v>
          </cell>
          <cell r="BL56">
            <v>2488500</v>
          </cell>
          <cell r="BM56">
            <v>118500</v>
          </cell>
          <cell r="BN56" t="str">
            <v>契 約 書</v>
          </cell>
          <cell r="BO56" t="str">
            <v>済</v>
          </cell>
          <cell r="BP56" t="str">
            <v>しない</v>
          </cell>
          <cell r="BQ56" t="str">
            <v>見積(公開)</v>
          </cell>
          <cell r="BR56">
            <v>0.99579831932773111</v>
          </cell>
          <cell r="BS56">
            <v>38747</v>
          </cell>
          <cell r="BU56">
            <v>17</v>
          </cell>
          <cell r="BV56" t="str">
            <v>建改じゃないですね</v>
          </cell>
          <cell r="BW56">
            <v>17</v>
          </cell>
          <cell r="BX56" t="str">
            <v/>
          </cell>
          <cell r="BY56" t="str">
            <v/>
          </cell>
          <cell r="BZ56" t="str">
            <v/>
          </cell>
          <cell r="CA56">
            <v>38799</v>
          </cell>
          <cell r="CD56" t="str">
            <v/>
          </cell>
          <cell r="CF56" t="str">
            <v/>
          </cell>
          <cell r="CG56">
            <v>2712771</v>
          </cell>
          <cell r="CH56" t="str">
            <v>（株）京三製作所札幌支店</v>
          </cell>
          <cell r="CI56" t="str">
            <v>立野　牛村</v>
          </cell>
          <cell r="CJ56" t="str">
            <v>業務課</v>
          </cell>
          <cell r="CK56" t="str">
            <v>加登　秀雄　2444</v>
          </cell>
          <cell r="CN56">
            <v>2499000</v>
          </cell>
          <cell r="CO56" t="e">
            <v>#VALUE!</v>
          </cell>
          <cell r="CP56">
            <v>10500</v>
          </cell>
          <cell r="CQ56">
            <v>0.99579831932773111</v>
          </cell>
        </row>
        <row r="57">
          <cell r="B57" t="str">
            <v>西基地地下水位計制御装置</v>
          </cell>
          <cell r="C57">
            <v>15</v>
          </cell>
          <cell r="D57">
            <v>15</v>
          </cell>
          <cell r="G57">
            <v>38736</v>
          </cell>
          <cell r="I57">
            <v>2494800</v>
          </cell>
          <cell r="K57">
            <v>2494800</v>
          </cell>
          <cell r="L57" t="str">
            <v>公開</v>
          </cell>
          <cell r="M57" t="str">
            <v>一</v>
          </cell>
          <cell r="N57" t="str">
            <v>式</v>
          </cell>
          <cell r="O57" t="str">
            <v>高・建改</v>
          </cell>
          <cell r="P57">
            <v>38806</v>
          </cell>
          <cell r="Q57" t="str">
            <v>車両課(二十四軒)</v>
          </cell>
          <cell r="R57" t="str">
            <v>松井　潤一　8209</v>
          </cell>
          <cell r="S57" t="str">
            <v>主管の課長印でよい  経理係の合議要</v>
          </cell>
          <cell r="T57" t="str">
            <v>無</v>
          </cell>
          <cell r="U57" t="str">
            <v>納入後</v>
          </cell>
          <cell r="V57" t="str">
            <v>壱</v>
          </cell>
          <cell r="W57" t="str">
            <v>○</v>
          </cell>
          <cell r="X57" t="str">
            <v>課長</v>
          </cell>
          <cell r="Y57" t="str">
            <v>省略可</v>
          </cell>
          <cell r="Z57" t="str">
            <v>なか１日</v>
          </cell>
          <cell r="AA57" t="str">
            <v>公開</v>
          </cell>
          <cell r="AB57">
            <v>38743</v>
          </cell>
          <cell r="AC57">
            <v>38743</v>
          </cell>
          <cell r="AF57" t="e">
            <v>#N/A</v>
          </cell>
          <cell r="AG57" t="e">
            <v>#N/A</v>
          </cell>
          <cell r="AH57" t="e">
            <v>#N/A</v>
          </cell>
          <cell r="AI57" t="e">
            <v>#N/A</v>
          </cell>
          <cell r="AJ57" t="e">
            <v>#N/A</v>
          </cell>
          <cell r="AK57" t="e">
            <v>#N/A</v>
          </cell>
          <cell r="AL57" t="e">
            <v>#N/A</v>
          </cell>
          <cell r="AM57" t="e">
            <v>#N/A</v>
          </cell>
          <cell r="AO57" t="str">
            <v/>
          </cell>
          <cell r="AP57" t="str">
            <v/>
          </cell>
          <cell r="AS57" t="str">
            <v>-</v>
          </cell>
          <cell r="AT57" t="str">
            <v>ジョンソンコントロールズ（株）北海道支店</v>
          </cell>
          <cell r="AY57" t="str">
            <v xml:space="preserve"> </v>
          </cell>
          <cell r="AZ57" t="str">
            <v xml:space="preserve"> </v>
          </cell>
          <cell r="BA57" t="str">
            <v xml:space="preserve"> </v>
          </cell>
          <cell r="BB57" t="str">
            <v xml:space="preserve"> </v>
          </cell>
          <cell r="BC57" t="str">
            <v xml:space="preserve"> </v>
          </cell>
          <cell r="BF57">
            <v>0</v>
          </cell>
          <cell r="BG57">
            <v>1</v>
          </cell>
          <cell r="BI57">
            <v>2494800</v>
          </cell>
          <cell r="BJ57" t="str">
            <v>ジョンソンコントロールズ（株）北海道支店</v>
          </cell>
          <cell r="BK57">
            <v>2370000</v>
          </cell>
          <cell r="BL57">
            <v>2488500</v>
          </cell>
          <cell r="BM57">
            <v>118500</v>
          </cell>
          <cell r="BN57" t="str">
            <v>契 約 書</v>
          </cell>
          <cell r="BO57" t="str">
            <v>済</v>
          </cell>
          <cell r="BP57" t="str">
            <v>する</v>
          </cell>
          <cell r="BQ57" t="str">
            <v>見積(公開)</v>
          </cell>
          <cell r="BR57">
            <v>0.99747474747474751</v>
          </cell>
          <cell r="BS57">
            <v>38747</v>
          </cell>
          <cell r="BU57">
            <v>17</v>
          </cell>
          <cell r="BV57">
            <v>6</v>
          </cell>
          <cell r="BW57" t="str">
            <v>建改　６</v>
          </cell>
          <cell r="BX57">
            <v>15</v>
          </cell>
          <cell r="BY57" t="str">
            <v>受渡書省略</v>
          </cell>
          <cell r="BZ57" t="str">
            <v/>
          </cell>
          <cell r="CA57">
            <v>38806</v>
          </cell>
          <cell r="CB57" t="str">
            <v>納期と違う</v>
          </cell>
          <cell r="CC57">
            <v>38805</v>
          </cell>
          <cell r="CD57">
            <v>38805</v>
          </cell>
          <cell r="CE57">
            <v>38807</v>
          </cell>
          <cell r="CF57" t="str">
            <v>経過</v>
          </cell>
          <cell r="CG57" t="str">
            <v>271-5911</v>
          </cell>
          <cell r="CH57" t="str">
            <v>ジョンソンコントロールズ（株）北海道支店</v>
          </cell>
          <cell r="CI57" t="str">
            <v>渡辺</v>
          </cell>
          <cell r="CJ57" t="str">
            <v>車両課(二十四軒)</v>
          </cell>
          <cell r="CK57" t="str">
            <v>松井　潤一　8209</v>
          </cell>
          <cell r="CN57">
            <v>2494800</v>
          </cell>
          <cell r="CO57" t="e">
            <v>#VALUE!</v>
          </cell>
          <cell r="CP57">
            <v>6300</v>
          </cell>
          <cell r="CQ57">
            <v>0.99747474747474751</v>
          </cell>
        </row>
        <row r="58">
          <cell r="B58" t="str">
            <v>運行管理システム改修</v>
          </cell>
          <cell r="C58">
            <v>15</v>
          </cell>
          <cell r="D58" t="str">
            <v/>
          </cell>
          <cell r="G58">
            <v>38737</v>
          </cell>
          <cell r="H58" t="str">
            <v>特命</v>
          </cell>
          <cell r="I58">
            <v>1596000</v>
          </cell>
          <cell r="K58">
            <v>1596000</v>
          </cell>
          <cell r="L58" t="str">
            <v>特命</v>
          </cell>
          <cell r="M58" t="str">
            <v>一</v>
          </cell>
          <cell r="N58" t="str">
            <v>式</v>
          </cell>
          <cell r="O58" t="str">
            <v>高・営</v>
          </cell>
          <cell r="P58">
            <v>38800</v>
          </cell>
          <cell r="Q58" t="str">
            <v>電気課</v>
          </cell>
          <cell r="R58" t="str">
            <v>多田　国康　2642</v>
          </cell>
          <cell r="S58" t="str">
            <v>主管の課長印でよい</v>
          </cell>
          <cell r="T58" t="str">
            <v>無</v>
          </cell>
          <cell r="U58" t="str">
            <v>納入後</v>
          </cell>
          <cell r="V58" t="str">
            <v>壱</v>
          </cell>
          <cell r="W58" t="str">
            <v>○</v>
          </cell>
          <cell r="X58" t="str">
            <v>課長</v>
          </cell>
          <cell r="Y58" t="str">
            <v>省略可</v>
          </cell>
          <cell r="Z58" t="str">
            <v>なか１日</v>
          </cell>
          <cell r="AA58" t="str">
            <v>特命</v>
          </cell>
          <cell r="AB58">
            <v>38742</v>
          </cell>
          <cell r="AC58">
            <v>38743</v>
          </cell>
          <cell r="AD58">
            <v>1400</v>
          </cell>
          <cell r="AF58" t="e">
            <v>#N/A</v>
          </cell>
          <cell r="AG58" t="e">
            <v>#N/A</v>
          </cell>
          <cell r="AH58" t="e">
            <v>#N/A</v>
          </cell>
          <cell r="AI58" t="e">
            <v>#N/A</v>
          </cell>
          <cell r="AJ58" t="e">
            <v>#N/A</v>
          </cell>
          <cell r="AK58" t="e">
            <v>#N/A</v>
          </cell>
          <cell r="AL58" t="e">
            <v>#N/A</v>
          </cell>
          <cell r="AM58" t="e">
            <v>#N/A</v>
          </cell>
          <cell r="AO58" t="str">
            <v/>
          </cell>
          <cell r="AP58" t="str">
            <v/>
          </cell>
          <cell r="AS58" t="str">
            <v>-</v>
          </cell>
          <cell r="AY58" t="str">
            <v xml:space="preserve"> </v>
          </cell>
          <cell r="AZ58" t="str">
            <v xml:space="preserve"> </v>
          </cell>
          <cell r="BA58" t="str">
            <v xml:space="preserve"> </v>
          </cell>
          <cell r="BB58" t="str">
            <v xml:space="preserve"> </v>
          </cell>
          <cell r="BC58" t="str">
            <v xml:space="preserve"> </v>
          </cell>
          <cell r="BF58">
            <v>0</v>
          </cell>
          <cell r="BG58">
            <v>1</v>
          </cell>
          <cell r="BI58">
            <v>1596000</v>
          </cell>
          <cell r="BJ58" t="str">
            <v>（株）日立製作所北海道支社</v>
          </cell>
          <cell r="BK58">
            <v>1400000</v>
          </cell>
          <cell r="BL58">
            <v>1470000</v>
          </cell>
          <cell r="BM58">
            <v>70000</v>
          </cell>
          <cell r="BN58" t="str">
            <v>契 約 書</v>
          </cell>
          <cell r="BO58" t="str">
            <v>済</v>
          </cell>
          <cell r="BP58" t="str">
            <v>しない</v>
          </cell>
          <cell r="BQ58" t="str">
            <v>見積</v>
          </cell>
          <cell r="BR58">
            <v>0.92105263157894735</v>
          </cell>
          <cell r="BS58">
            <v>38744</v>
          </cell>
          <cell r="BU58">
            <v>18</v>
          </cell>
          <cell r="BV58" t="str">
            <v>建改じゃないですね</v>
          </cell>
          <cell r="BW58">
            <v>18</v>
          </cell>
          <cell r="BX58" t="str">
            <v/>
          </cell>
          <cell r="BY58" t="str">
            <v>受渡書省略</v>
          </cell>
          <cell r="BZ58" t="str">
            <v/>
          </cell>
          <cell r="CA58">
            <v>38800</v>
          </cell>
          <cell r="CB58" t="str">
            <v>納期と違う</v>
          </cell>
          <cell r="CC58">
            <v>38799</v>
          </cell>
          <cell r="CD58">
            <v>38799</v>
          </cell>
          <cell r="CE58">
            <v>38803</v>
          </cell>
          <cell r="CF58" t="str">
            <v>経過</v>
          </cell>
          <cell r="CG58">
            <v>2210354</v>
          </cell>
          <cell r="CH58" t="str">
            <v>（株）日立製作所北海道支社</v>
          </cell>
          <cell r="CI58" t="str">
            <v>土井　土屋</v>
          </cell>
          <cell r="CJ58" t="str">
            <v>電気課</v>
          </cell>
          <cell r="CK58" t="str">
            <v>多田　国康　2642</v>
          </cell>
          <cell r="CN58">
            <v>1596000</v>
          </cell>
          <cell r="CO58" t="e">
            <v>#VALUE!</v>
          </cell>
          <cell r="CP58">
            <v>126000</v>
          </cell>
          <cell r="CQ58">
            <v>0.92105263157894735</v>
          </cell>
        </row>
        <row r="59">
          <cell r="B59" t="str">
            <v>高速電車運転取扱規程及び運転関係通達、心得集の印刷</v>
          </cell>
          <cell r="C59">
            <v>15</v>
          </cell>
          <cell r="D59" t="str">
            <v/>
          </cell>
          <cell r="G59">
            <v>38741</v>
          </cell>
          <cell r="I59">
            <v>271950</v>
          </cell>
          <cell r="K59">
            <v>271950</v>
          </cell>
          <cell r="L59" t="str">
            <v>公開</v>
          </cell>
          <cell r="M59" t="str">
            <v>一</v>
          </cell>
          <cell r="N59" t="str">
            <v>式</v>
          </cell>
          <cell r="O59" t="str">
            <v>高・営</v>
          </cell>
          <cell r="P59">
            <v>38776</v>
          </cell>
          <cell r="Q59" t="str">
            <v>業務課</v>
          </cell>
          <cell r="R59" t="str">
            <v>柿崎　博幸　2434</v>
          </cell>
          <cell r="S59" t="str">
            <v>主管の課長印でよい</v>
          </cell>
          <cell r="T59" t="str">
            <v>無</v>
          </cell>
          <cell r="U59" t="str">
            <v>納入後</v>
          </cell>
          <cell r="V59" t="str">
            <v>壱</v>
          </cell>
          <cell r="X59" t="str">
            <v>課長</v>
          </cell>
          <cell r="Y59" t="str">
            <v>省略可</v>
          </cell>
          <cell r="Z59" t="str">
            <v>なか１日</v>
          </cell>
          <cell r="AA59" t="str">
            <v>公開</v>
          </cell>
          <cell r="AB59">
            <v>38757</v>
          </cell>
          <cell r="AC59">
            <v>38757</v>
          </cell>
          <cell r="AF59" t="e">
            <v>#N/A</v>
          </cell>
          <cell r="AG59" t="e">
            <v>#N/A</v>
          </cell>
          <cell r="AH59" t="e">
            <v>#N/A</v>
          </cell>
          <cell r="AI59" t="e">
            <v>#N/A</v>
          </cell>
          <cell r="AJ59" t="e">
            <v>#N/A</v>
          </cell>
          <cell r="AK59" t="e">
            <v>#N/A</v>
          </cell>
          <cell r="AL59" t="e">
            <v>#N/A</v>
          </cell>
          <cell r="AM59" t="e">
            <v>#N/A</v>
          </cell>
          <cell r="AO59" t="str">
            <v/>
          </cell>
          <cell r="AP59" t="str">
            <v/>
          </cell>
          <cell r="AS59" t="str">
            <v>-</v>
          </cell>
          <cell r="AT59" t="str">
            <v>ひまわり印刷（株）</v>
          </cell>
          <cell r="AU59" t="str">
            <v>柏陽印刷（株）</v>
          </cell>
          <cell r="AV59" t="str">
            <v>福島プリント（株）</v>
          </cell>
          <cell r="AY59" t="str">
            <v xml:space="preserve"> </v>
          </cell>
          <cell r="AZ59" t="str">
            <v xml:space="preserve"> </v>
          </cell>
          <cell r="BA59" t="str">
            <v xml:space="preserve"> </v>
          </cell>
          <cell r="BB59" t="str">
            <v xml:space="preserve"> </v>
          </cell>
          <cell r="BC59" t="str">
            <v xml:space="preserve"> </v>
          </cell>
          <cell r="BF59">
            <v>0</v>
          </cell>
          <cell r="BG59">
            <v>1</v>
          </cell>
          <cell r="BI59">
            <v>271950</v>
          </cell>
          <cell r="BJ59" t="str">
            <v>ひまわり印刷（株）</v>
          </cell>
          <cell r="BK59">
            <v>144000</v>
          </cell>
          <cell r="BL59">
            <v>151200</v>
          </cell>
          <cell r="BM59">
            <v>7200</v>
          </cell>
          <cell r="BN59" t="str">
            <v>発注書</v>
          </cell>
          <cell r="BO59" t="str">
            <v>非契約書</v>
          </cell>
          <cell r="BP59" t="str">
            <v>しない</v>
          </cell>
          <cell r="BQ59" t="str">
            <v>見積(公開)</v>
          </cell>
          <cell r="BR59">
            <v>0.55598455598455598</v>
          </cell>
          <cell r="BS59">
            <v>38758</v>
          </cell>
          <cell r="BU59">
            <v>19</v>
          </cell>
          <cell r="BV59" t="str">
            <v>建改じゃないですね</v>
          </cell>
          <cell r="BW59">
            <v>19</v>
          </cell>
          <cell r="BX59" t="str">
            <v/>
          </cell>
          <cell r="BY59" t="str">
            <v/>
          </cell>
          <cell r="BZ59" t="str">
            <v/>
          </cell>
          <cell r="CA59">
            <v>38776</v>
          </cell>
          <cell r="CD59" t="str">
            <v/>
          </cell>
          <cell r="CF59" t="str">
            <v/>
          </cell>
          <cell r="CG59">
            <v>7484500</v>
          </cell>
          <cell r="CH59" t="str">
            <v>ひまわり印刷（株）</v>
          </cell>
          <cell r="CI59" t="str">
            <v>黒沢</v>
          </cell>
          <cell r="CJ59" t="str">
            <v>業務課</v>
          </cell>
          <cell r="CK59" t="str">
            <v>柿崎　博幸　2434</v>
          </cell>
          <cell r="CN59">
            <v>271950</v>
          </cell>
          <cell r="CO59" t="e">
            <v>#VALUE!</v>
          </cell>
          <cell r="CP59">
            <v>120750</v>
          </cell>
          <cell r="CQ59">
            <v>0.55598455598455598</v>
          </cell>
        </row>
        <row r="60">
          <cell r="B60" t="str">
            <v>平成１８年度予算書</v>
          </cell>
          <cell r="C60">
            <v>15</v>
          </cell>
          <cell r="D60" t="str">
            <v/>
          </cell>
          <cell r="G60">
            <v>38743</v>
          </cell>
          <cell r="H60" t="str">
            <v>特命</v>
          </cell>
          <cell r="I60">
            <v>70560</v>
          </cell>
          <cell r="J60">
            <v>74340</v>
          </cell>
          <cell r="K60">
            <v>144900</v>
          </cell>
          <cell r="L60" t="str">
            <v>特命</v>
          </cell>
          <cell r="M60" t="str">
            <v>一</v>
          </cell>
          <cell r="N60" t="str">
            <v>式</v>
          </cell>
          <cell r="O60" t="str">
            <v>軌・営　高・営</v>
          </cell>
          <cell r="P60">
            <v>38755</v>
          </cell>
          <cell r="Q60" t="str">
            <v>財務課</v>
          </cell>
          <cell r="R60" t="str">
            <v>渡部　泰彦　2272</v>
          </cell>
          <cell r="S60" t="str">
            <v>主管の課長印でよい</v>
          </cell>
          <cell r="T60" t="str">
            <v>無</v>
          </cell>
          <cell r="U60" t="str">
            <v>納入後</v>
          </cell>
          <cell r="V60" t="str">
            <v>壱</v>
          </cell>
          <cell r="X60" t="str">
            <v>課長</v>
          </cell>
          <cell r="Y60" t="str">
            <v>省略可</v>
          </cell>
          <cell r="Z60" t="str">
            <v>なか１日</v>
          </cell>
          <cell r="AA60" t="str">
            <v>特命</v>
          </cell>
          <cell r="AB60">
            <v>38748</v>
          </cell>
          <cell r="AC60">
            <v>38748</v>
          </cell>
          <cell r="AD60">
            <v>1400</v>
          </cell>
          <cell r="AF60" t="e">
            <v>#N/A</v>
          </cell>
          <cell r="AG60" t="e">
            <v>#N/A</v>
          </cell>
          <cell r="AH60" t="e">
            <v>#N/A</v>
          </cell>
          <cell r="AI60" t="e">
            <v>#N/A</v>
          </cell>
          <cell r="AJ60" t="e">
            <v>#N/A</v>
          </cell>
          <cell r="AK60" t="e">
            <v>#N/A</v>
          </cell>
          <cell r="AL60" t="e">
            <v>#N/A</v>
          </cell>
          <cell r="AM60" t="e">
            <v>#N/A</v>
          </cell>
          <cell r="AO60" t="str">
            <v/>
          </cell>
          <cell r="AP60" t="str">
            <v/>
          </cell>
          <cell r="AS60" t="str">
            <v>-</v>
          </cell>
          <cell r="AY60" t="str">
            <v xml:space="preserve"> </v>
          </cell>
          <cell r="AZ60" t="str">
            <v xml:space="preserve"> </v>
          </cell>
          <cell r="BA60" t="str">
            <v xml:space="preserve"> </v>
          </cell>
          <cell r="BB60" t="str">
            <v xml:space="preserve"> </v>
          </cell>
          <cell r="BC60" t="str">
            <v xml:space="preserve"> </v>
          </cell>
          <cell r="BF60">
            <v>0</v>
          </cell>
          <cell r="BG60">
            <v>1</v>
          </cell>
          <cell r="BI60">
            <v>144900</v>
          </cell>
          <cell r="BJ60" t="str">
            <v>東陽システム（株）</v>
          </cell>
          <cell r="BK60">
            <v>138000</v>
          </cell>
          <cell r="BL60">
            <v>144900</v>
          </cell>
          <cell r="BM60">
            <v>6900</v>
          </cell>
          <cell r="BN60" t="str">
            <v>発注書</v>
          </cell>
          <cell r="BO60" t="str">
            <v>非契約書</v>
          </cell>
          <cell r="BP60" t="str">
            <v>しない</v>
          </cell>
          <cell r="BQ60" t="str">
            <v>見積</v>
          </cell>
          <cell r="BR60">
            <v>1</v>
          </cell>
          <cell r="BS60">
            <v>38748</v>
          </cell>
          <cell r="BU60">
            <v>20</v>
          </cell>
          <cell r="BV60" t="str">
            <v>建改じゃないですね</v>
          </cell>
          <cell r="BW60">
            <v>20</v>
          </cell>
          <cell r="BX60" t="str">
            <v/>
          </cell>
          <cell r="BY60" t="str">
            <v/>
          </cell>
          <cell r="BZ60" t="str">
            <v/>
          </cell>
          <cell r="CA60">
            <v>38755</v>
          </cell>
          <cell r="CD60" t="str">
            <v/>
          </cell>
          <cell r="CF60" t="str">
            <v/>
          </cell>
          <cell r="CG60" t="str">
            <v>611-5411</v>
          </cell>
          <cell r="CH60" t="str">
            <v>東陽システム（株）</v>
          </cell>
          <cell r="CI60">
            <v>0</v>
          </cell>
          <cell r="CJ60" t="str">
            <v>財務課</v>
          </cell>
          <cell r="CK60" t="str">
            <v>渡部　泰彦　2272</v>
          </cell>
          <cell r="CN60">
            <v>144900</v>
          </cell>
          <cell r="CO60" t="e">
            <v>#VALUE!</v>
          </cell>
          <cell r="CP60">
            <v>0</v>
          </cell>
          <cell r="CQ60">
            <v>1</v>
          </cell>
        </row>
        <row r="61">
          <cell r="B61" t="str">
            <v>記念共通ウィズユーカード【映画「ワンピース」】</v>
          </cell>
          <cell r="C61">
            <v>15</v>
          </cell>
          <cell r="D61" t="str">
            <v/>
          </cell>
          <cell r="G61">
            <v>38747</v>
          </cell>
          <cell r="H61" t="str">
            <v>特命</v>
          </cell>
          <cell r="I61">
            <v>178238</v>
          </cell>
          <cell r="J61">
            <v>5512</v>
          </cell>
          <cell r="K61">
            <v>183750</v>
          </cell>
          <cell r="L61" t="str">
            <v>特命</v>
          </cell>
          <cell r="M61" t="str">
            <v>一</v>
          </cell>
          <cell r="N61" t="str">
            <v>式</v>
          </cell>
          <cell r="O61" t="str">
            <v>軌・営　高・営</v>
          </cell>
          <cell r="P61">
            <v>38776</v>
          </cell>
          <cell r="Q61" t="str">
            <v>経営企画課</v>
          </cell>
          <cell r="R61" t="str">
            <v>今野　吉隆　2123</v>
          </cell>
          <cell r="S61" t="str">
            <v>主管の課長印でよい</v>
          </cell>
          <cell r="T61" t="str">
            <v>無</v>
          </cell>
          <cell r="U61" t="str">
            <v>納入後</v>
          </cell>
          <cell r="V61" t="str">
            <v>壱</v>
          </cell>
          <cell r="X61" t="str">
            <v>課長</v>
          </cell>
          <cell r="Y61" t="str">
            <v>省略可</v>
          </cell>
          <cell r="Z61" t="str">
            <v>なか１日</v>
          </cell>
          <cell r="AA61" t="str">
            <v>特命</v>
          </cell>
          <cell r="AB61">
            <v>38750</v>
          </cell>
          <cell r="AC61">
            <v>38751</v>
          </cell>
          <cell r="AD61">
            <v>1400</v>
          </cell>
          <cell r="AF61" t="e">
            <v>#N/A</v>
          </cell>
          <cell r="AG61" t="e">
            <v>#N/A</v>
          </cell>
          <cell r="AH61" t="e">
            <v>#N/A</v>
          </cell>
          <cell r="AI61" t="e">
            <v>#N/A</v>
          </cell>
          <cell r="AJ61" t="e">
            <v>#N/A</v>
          </cell>
          <cell r="AK61" t="e">
            <v>#N/A</v>
          </cell>
          <cell r="AL61" t="e">
            <v>#N/A</v>
          </cell>
          <cell r="AM61" t="e">
            <v>#N/A</v>
          </cell>
          <cell r="AO61" t="str">
            <v/>
          </cell>
          <cell r="AP61" t="str">
            <v/>
          </cell>
          <cell r="AS61" t="str">
            <v>-</v>
          </cell>
          <cell r="AY61" t="str">
            <v xml:space="preserve"> </v>
          </cell>
          <cell r="AZ61" t="str">
            <v xml:space="preserve"> </v>
          </cell>
          <cell r="BA61" t="str">
            <v xml:space="preserve"> </v>
          </cell>
          <cell r="BB61" t="str">
            <v xml:space="preserve"> </v>
          </cell>
          <cell r="BC61" t="str">
            <v xml:space="preserve"> </v>
          </cell>
          <cell r="BF61">
            <v>0</v>
          </cell>
          <cell r="BG61">
            <v>1</v>
          </cell>
          <cell r="BI61">
            <v>183750</v>
          </cell>
          <cell r="BJ61" t="str">
            <v>ＮＥＣトーキン（株）営業本部仙台支店</v>
          </cell>
          <cell r="BK61">
            <v>175000</v>
          </cell>
          <cell r="BL61">
            <v>183750</v>
          </cell>
          <cell r="BM61">
            <v>8750</v>
          </cell>
          <cell r="BN61" t="str">
            <v>発注書</v>
          </cell>
          <cell r="BO61" t="str">
            <v>非契約書</v>
          </cell>
          <cell r="BP61" t="str">
            <v>しない</v>
          </cell>
          <cell r="BQ61" t="str">
            <v>見積</v>
          </cell>
          <cell r="BR61">
            <v>1</v>
          </cell>
          <cell r="BS61">
            <v>38751</v>
          </cell>
          <cell r="BU61">
            <v>21</v>
          </cell>
          <cell r="BV61" t="str">
            <v>建改じゃないですね</v>
          </cell>
          <cell r="BW61">
            <v>21</v>
          </cell>
          <cell r="BX61" t="str">
            <v/>
          </cell>
          <cell r="BY61" t="str">
            <v/>
          </cell>
          <cell r="BZ61" t="str">
            <v/>
          </cell>
          <cell r="CA61">
            <v>38776</v>
          </cell>
          <cell r="CD61" t="str">
            <v/>
          </cell>
          <cell r="CF61" t="str">
            <v/>
          </cell>
          <cell r="CG61" t="str">
            <v>佐鳥221-6530</v>
          </cell>
          <cell r="CH61" t="str">
            <v>ＮＥＣトーキン（株）営業本部仙台支店</v>
          </cell>
          <cell r="CI61" t="str">
            <v>佐鳥　伊藤</v>
          </cell>
          <cell r="CJ61" t="str">
            <v>経営企画課</v>
          </cell>
          <cell r="CK61" t="str">
            <v>今野　吉隆　2123</v>
          </cell>
          <cell r="CN61">
            <v>183750</v>
          </cell>
          <cell r="CO61" t="e">
            <v>#VALUE!</v>
          </cell>
          <cell r="CP61">
            <v>0</v>
          </cell>
          <cell r="CQ61">
            <v>1</v>
          </cell>
        </row>
        <row r="62">
          <cell r="B62" t="str">
            <v>広告デザインカード【北海道新幹線促進期成会】</v>
          </cell>
          <cell r="C62">
            <v>15</v>
          </cell>
          <cell r="D62" t="str">
            <v/>
          </cell>
          <cell r="G62">
            <v>38747</v>
          </cell>
          <cell r="H62" t="str">
            <v>特命</v>
          </cell>
          <cell r="I62">
            <v>924000</v>
          </cell>
          <cell r="K62">
            <v>924000</v>
          </cell>
          <cell r="L62" t="str">
            <v>特命</v>
          </cell>
          <cell r="M62" t="str">
            <v>一</v>
          </cell>
          <cell r="N62" t="str">
            <v>式</v>
          </cell>
          <cell r="O62" t="str">
            <v>高・営</v>
          </cell>
          <cell r="P62">
            <v>38774</v>
          </cell>
          <cell r="Q62" t="str">
            <v>経営企画課</v>
          </cell>
          <cell r="R62" t="str">
            <v>今野　吉隆　2123</v>
          </cell>
          <cell r="S62" t="str">
            <v>主管の部長印が必要</v>
          </cell>
          <cell r="T62" t="str">
            <v>無</v>
          </cell>
          <cell r="U62" t="str">
            <v>納入後</v>
          </cell>
          <cell r="V62" t="str">
            <v>壱</v>
          </cell>
          <cell r="X62" t="str">
            <v>課長</v>
          </cell>
          <cell r="Y62" t="str">
            <v>省略可</v>
          </cell>
          <cell r="Z62" t="str">
            <v>なか１日</v>
          </cell>
          <cell r="AA62" t="str">
            <v>特命</v>
          </cell>
          <cell r="AB62">
            <v>38750</v>
          </cell>
          <cell r="AC62">
            <v>38751</v>
          </cell>
          <cell r="AD62">
            <v>1430</v>
          </cell>
          <cell r="AF62" t="e">
            <v>#N/A</v>
          </cell>
          <cell r="AG62" t="e">
            <v>#N/A</v>
          </cell>
          <cell r="AH62" t="e">
            <v>#N/A</v>
          </cell>
          <cell r="AI62" t="e">
            <v>#N/A</v>
          </cell>
          <cell r="AJ62" t="e">
            <v>#N/A</v>
          </cell>
          <cell r="AK62" t="e">
            <v>#N/A</v>
          </cell>
          <cell r="AL62" t="e">
            <v>#N/A</v>
          </cell>
          <cell r="AM62" t="e">
            <v>#N/A</v>
          </cell>
          <cell r="AO62" t="str">
            <v/>
          </cell>
          <cell r="AP62" t="str">
            <v/>
          </cell>
          <cell r="AS62" t="str">
            <v>-</v>
          </cell>
          <cell r="AY62" t="str">
            <v xml:space="preserve"> </v>
          </cell>
          <cell r="AZ62" t="str">
            <v xml:space="preserve"> </v>
          </cell>
          <cell r="BA62" t="str">
            <v xml:space="preserve"> </v>
          </cell>
          <cell r="BB62" t="str">
            <v xml:space="preserve"> </v>
          </cell>
          <cell r="BC62" t="str">
            <v xml:space="preserve"> </v>
          </cell>
          <cell r="BF62">
            <v>0</v>
          </cell>
          <cell r="BG62">
            <v>1</v>
          </cell>
          <cell r="BI62">
            <v>924000</v>
          </cell>
          <cell r="BJ62" t="str">
            <v>日本通信紙（株）札幌支店</v>
          </cell>
          <cell r="BK62">
            <v>880000</v>
          </cell>
          <cell r="BL62">
            <v>924000</v>
          </cell>
          <cell r="BM62">
            <v>44000</v>
          </cell>
          <cell r="BN62" t="str">
            <v>請書</v>
          </cell>
          <cell r="BO62" t="str">
            <v>非契約書</v>
          </cell>
          <cell r="BP62" t="str">
            <v>しない</v>
          </cell>
          <cell r="BQ62" t="str">
            <v>見積</v>
          </cell>
          <cell r="BR62">
            <v>1</v>
          </cell>
          <cell r="BS62">
            <v>38754</v>
          </cell>
          <cell r="BU62">
            <v>22</v>
          </cell>
          <cell r="BV62" t="str">
            <v>建改じゃないですね</v>
          </cell>
          <cell r="BW62">
            <v>22</v>
          </cell>
          <cell r="BX62" t="str">
            <v/>
          </cell>
          <cell r="BY62" t="str">
            <v/>
          </cell>
          <cell r="BZ62" t="str">
            <v/>
          </cell>
          <cell r="CA62">
            <v>38774</v>
          </cell>
          <cell r="CD62" t="str">
            <v/>
          </cell>
          <cell r="CF62" t="str">
            <v/>
          </cell>
          <cell r="CG62">
            <v>7260715</v>
          </cell>
          <cell r="CH62" t="str">
            <v>日本通信紙（株）札幌支店</v>
          </cell>
          <cell r="CI62" t="str">
            <v>岡部</v>
          </cell>
          <cell r="CJ62" t="str">
            <v>経営企画課</v>
          </cell>
          <cell r="CK62" t="str">
            <v>今野　吉隆　2123</v>
          </cell>
          <cell r="CN62">
            <v>924000</v>
          </cell>
          <cell r="CO62" t="e">
            <v>#VALUE!</v>
          </cell>
          <cell r="CP62">
            <v>0</v>
          </cell>
          <cell r="CQ62">
            <v>1</v>
          </cell>
        </row>
        <row r="63">
          <cell r="B63" t="str">
            <v>乗務員用業務手帳</v>
          </cell>
          <cell r="C63">
            <v>15</v>
          </cell>
          <cell r="D63" t="str">
            <v/>
          </cell>
          <cell r="G63">
            <v>38750</v>
          </cell>
          <cell r="I63">
            <v>388500</v>
          </cell>
          <cell r="K63">
            <v>388500</v>
          </cell>
          <cell r="L63" t="str">
            <v>公開</v>
          </cell>
          <cell r="M63" t="str">
            <v>一</v>
          </cell>
          <cell r="N63" t="str">
            <v>式</v>
          </cell>
          <cell r="O63" t="str">
            <v>高・営</v>
          </cell>
          <cell r="P63">
            <v>38776</v>
          </cell>
          <cell r="Q63" t="str">
            <v>運行管理課</v>
          </cell>
          <cell r="R63" t="str">
            <v xml:space="preserve">吉田　純一 </v>
          </cell>
          <cell r="S63" t="str">
            <v>主管の課長印でよい</v>
          </cell>
          <cell r="T63" t="str">
            <v>無</v>
          </cell>
          <cell r="U63" t="str">
            <v>納入後</v>
          </cell>
          <cell r="V63" t="str">
            <v>壱</v>
          </cell>
          <cell r="X63" t="str">
            <v>課長</v>
          </cell>
          <cell r="Y63" t="str">
            <v>省略可</v>
          </cell>
          <cell r="Z63" t="str">
            <v>なか１日</v>
          </cell>
          <cell r="AA63" t="str">
            <v>公開</v>
          </cell>
          <cell r="AB63">
            <v>38757</v>
          </cell>
          <cell r="AC63">
            <v>38757</v>
          </cell>
          <cell r="AF63" t="e">
            <v>#N/A</v>
          </cell>
          <cell r="AG63" t="e">
            <v>#N/A</v>
          </cell>
          <cell r="AH63" t="e">
            <v>#N/A</v>
          </cell>
          <cell r="AI63" t="e">
            <v>#N/A</v>
          </cell>
          <cell r="AJ63" t="e">
            <v>#N/A</v>
          </cell>
          <cell r="AK63" t="e">
            <v>#N/A</v>
          </cell>
          <cell r="AL63" t="e">
            <v>#N/A</v>
          </cell>
          <cell r="AM63" t="e">
            <v>#N/A</v>
          </cell>
          <cell r="AO63" t="str">
            <v/>
          </cell>
          <cell r="AP63" t="str">
            <v/>
          </cell>
          <cell r="AS63" t="str">
            <v>-</v>
          </cell>
          <cell r="AT63" t="str">
            <v>ひまわり印刷（株）</v>
          </cell>
          <cell r="AU63" t="str">
            <v>福島プリント（株）</v>
          </cell>
          <cell r="AY63" t="str">
            <v xml:space="preserve"> </v>
          </cell>
          <cell r="AZ63" t="str">
            <v xml:space="preserve"> </v>
          </cell>
          <cell r="BA63" t="str">
            <v xml:space="preserve"> </v>
          </cell>
          <cell r="BB63" t="str">
            <v xml:space="preserve"> </v>
          </cell>
          <cell r="BC63" t="str">
            <v xml:space="preserve"> </v>
          </cell>
          <cell r="BF63">
            <v>0</v>
          </cell>
          <cell r="BG63">
            <v>1</v>
          </cell>
          <cell r="BI63">
            <v>388500</v>
          </cell>
          <cell r="BJ63" t="str">
            <v>ひまわり印刷（株）</v>
          </cell>
          <cell r="BK63">
            <v>264000</v>
          </cell>
          <cell r="BL63">
            <v>277200</v>
          </cell>
          <cell r="BM63">
            <v>13200</v>
          </cell>
          <cell r="BN63" t="str">
            <v>発注書</v>
          </cell>
          <cell r="BO63" t="str">
            <v>非契約書</v>
          </cell>
          <cell r="BP63" t="str">
            <v>しない</v>
          </cell>
          <cell r="BQ63" t="str">
            <v>見積(公開)</v>
          </cell>
          <cell r="BR63">
            <v>0.71351351351351355</v>
          </cell>
          <cell r="BS63">
            <v>38758</v>
          </cell>
          <cell r="BU63">
            <v>23</v>
          </cell>
          <cell r="BV63" t="str">
            <v>建改じゃないですね</v>
          </cell>
          <cell r="BW63">
            <v>23</v>
          </cell>
          <cell r="BX63" t="str">
            <v/>
          </cell>
          <cell r="BY63" t="str">
            <v/>
          </cell>
          <cell r="BZ63" t="str">
            <v/>
          </cell>
          <cell r="CA63">
            <v>38776</v>
          </cell>
          <cell r="CD63" t="str">
            <v/>
          </cell>
          <cell r="CF63" t="str">
            <v/>
          </cell>
          <cell r="CG63">
            <v>7484500</v>
          </cell>
          <cell r="CH63" t="str">
            <v>ひまわり印刷（株）</v>
          </cell>
          <cell r="CI63" t="str">
            <v>黒沢</v>
          </cell>
          <cell r="CJ63" t="str">
            <v>運行管理課</v>
          </cell>
          <cell r="CK63" t="str">
            <v xml:space="preserve">吉田　純一 </v>
          </cell>
          <cell r="CN63">
            <v>388500</v>
          </cell>
          <cell r="CO63" t="e">
            <v>#VALUE!</v>
          </cell>
          <cell r="CP63">
            <v>111300</v>
          </cell>
          <cell r="CQ63">
            <v>0.71351351351351355</v>
          </cell>
        </row>
        <row r="64">
          <cell r="B64" t="str">
            <v>電力量計器盤</v>
          </cell>
          <cell r="C64">
            <v>15</v>
          </cell>
          <cell r="D64" t="str">
            <v/>
          </cell>
          <cell r="G64">
            <v>38750</v>
          </cell>
          <cell r="I64">
            <v>1627500</v>
          </cell>
          <cell r="K64">
            <v>1627500</v>
          </cell>
          <cell r="L64" t="str">
            <v>公開</v>
          </cell>
          <cell r="M64" t="str">
            <v>一</v>
          </cell>
          <cell r="N64" t="str">
            <v>式</v>
          </cell>
          <cell r="O64" t="str">
            <v>高・営</v>
          </cell>
          <cell r="P64">
            <v>38784</v>
          </cell>
          <cell r="Q64" t="str">
            <v>電気課</v>
          </cell>
          <cell r="R64" t="str">
            <v>柴田　祐一　2626</v>
          </cell>
          <cell r="S64" t="str">
            <v>主管の課長印でよい</v>
          </cell>
          <cell r="T64" t="str">
            <v>無</v>
          </cell>
          <cell r="U64" t="str">
            <v>納入後</v>
          </cell>
          <cell r="V64" t="str">
            <v>壱</v>
          </cell>
          <cell r="X64" t="str">
            <v>課長</v>
          </cell>
          <cell r="Y64" t="str">
            <v>省略可</v>
          </cell>
          <cell r="Z64" t="str">
            <v>なか１日</v>
          </cell>
          <cell r="AA64" t="str">
            <v>公開</v>
          </cell>
          <cell r="AB64">
            <v>38757</v>
          </cell>
          <cell r="AC64">
            <v>38757</v>
          </cell>
          <cell r="AF64" t="e">
            <v>#N/A</v>
          </cell>
          <cell r="AG64" t="e">
            <v>#N/A</v>
          </cell>
          <cell r="AH64" t="e">
            <v>#N/A</v>
          </cell>
          <cell r="AI64" t="e">
            <v>#N/A</v>
          </cell>
          <cell r="AJ64" t="e">
            <v>#N/A</v>
          </cell>
          <cell r="AK64" t="e">
            <v>#N/A</v>
          </cell>
          <cell r="AL64" t="e">
            <v>#N/A</v>
          </cell>
          <cell r="AM64" t="e">
            <v>#N/A</v>
          </cell>
          <cell r="AO64" t="str">
            <v/>
          </cell>
          <cell r="AP64" t="str">
            <v/>
          </cell>
          <cell r="AS64" t="str">
            <v>-</v>
          </cell>
          <cell r="AT64" t="str">
            <v>（株）エミヤ</v>
          </cell>
          <cell r="AU64" t="str">
            <v>（株）イザワ</v>
          </cell>
          <cell r="AV64" t="str">
            <v>（株）月寒製作所</v>
          </cell>
          <cell r="AY64" t="str">
            <v xml:space="preserve"> </v>
          </cell>
          <cell r="AZ64" t="str">
            <v xml:space="preserve"> </v>
          </cell>
          <cell r="BA64" t="str">
            <v xml:space="preserve"> </v>
          </cell>
          <cell r="BB64" t="str">
            <v xml:space="preserve"> </v>
          </cell>
          <cell r="BC64" t="str">
            <v xml:space="preserve"> </v>
          </cell>
          <cell r="BF64">
            <v>0</v>
          </cell>
          <cell r="BG64">
            <v>1</v>
          </cell>
          <cell r="BI64">
            <v>1627500</v>
          </cell>
          <cell r="BJ64" t="str">
            <v>（株）エミヤ</v>
          </cell>
          <cell r="BK64">
            <v>1450000</v>
          </cell>
          <cell r="BL64">
            <v>1522500</v>
          </cell>
          <cell r="BM64">
            <v>72500</v>
          </cell>
          <cell r="BN64" t="str">
            <v>契 約 書</v>
          </cell>
          <cell r="BO64" t="str">
            <v>済</v>
          </cell>
          <cell r="BP64" t="str">
            <v>しない</v>
          </cell>
          <cell r="BQ64" t="str">
            <v>見積(公開)</v>
          </cell>
          <cell r="BR64">
            <v>0.93548387096774188</v>
          </cell>
          <cell r="BS64">
            <v>38762</v>
          </cell>
          <cell r="BU64">
            <v>0</v>
          </cell>
          <cell r="BV64" t="str">
            <v>建改じゃないですね</v>
          </cell>
          <cell r="BW64">
            <v>24</v>
          </cell>
          <cell r="BX64" t="str">
            <v/>
          </cell>
          <cell r="BY64" t="str">
            <v/>
          </cell>
          <cell r="BZ64" t="str">
            <v/>
          </cell>
          <cell r="CA64">
            <v>38784</v>
          </cell>
          <cell r="CD64" t="str">
            <v/>
          </cell>
          <cell r="CF64" t="str">
            <v/>
          </cell>
          <cell r="CG64" t="str">
            <v>890-1431</v>
          </cell>
          <cell r="CH64" t="str">
            <v>（株）エミヤ</v>
          </cell>
          <cell r="CI64" t="str">
            <v>筒井</v>
          </cell>
          <cell r="CJ64" t="str">
            <v>電気課</v>
          </cell>
          <cell r="CK64" t="str">
            <v>柴田　祐一　2626</v>
          </cell>
          <cell r="CN64">
            <v>1627500</v>
          </cell>
          <cell r="CO64" t="e">
            <v>#VALUE!</v>
          </cell>
          <cell r="CP64">
            <v>105000</v>
          </cell>
          <cell r="CQ64">
            <v>0.93548387096774188</v>
          </cell>
        </row>
        <row r="65">
          <cell r="B65" t="str">
            <v>電子化図面</v>
          </cell>
          <cell r="C65">
            <v>15</v>
          </cell>
          <cell r="D65" t="str">
            <v/>
          </cell>
          <cell r="G65">
            <v>38751</v>
          </cell>
          <cell r="I65">
            <v>1638000</v>
          </cell>
          <cell r="K65">
            <v>1638000</v>
          </cell>
          <cell r="L65" t="str">
            <v>公開</v>
          </cell>
          <cell r="M65" t="str">
            <v>一</v>
          </cell>
          <cell r="N65" t="str">
            <v>式</v>
          </cell>
          <cell r="O65" t="str">
            <v>高・営</v>
          </cell>
          <cell r="P65">
            <v>38800</v>
          </cell>
          <cell r="Q65" t="str">
            <v>施設課</v>
          </cell>
          <cell r="R65" t="str">
            <v>千葉　淑弘　2528</v>
          </cell>
          <cell r="S65" t="str">
            <v>主管の課長印でよい</v>
          </cell>
          <cell r="T65" t="str">
            <v>無</v>
          </cell>
          <cell r="U65" t="str">
            <v>納入後</v>
          </cell>
          <cell r="V65" t="str">
            <v>壱</v>
          </cell>
          <cell r="X65" t="str">
            <v>課長</v>
          </cell>
          <cell r="Y65" t="str">
            <v>省略可</v>
          </cell>
          <cell r="Z65" t="str">
            <v>なか１日</v>
          </cell>
          <cell r="AA65" t="str">
            <v>公開</v>
          </cell>
          <cell r="AB65">
            <v>38757</v>
          </cell>
          <cell r="AC65">
            <v>38757</v>
          </cell>
          <cell r="AF65" t="e">
            <v>#N/A</v>
          </cell>
          <cell r="AG65" t="e">
            <v>#N/A</v>
          </cell>
          <cell r="AH65" t="e">
            <v>#N/A</v>
          </cell>
          <cell r="AI65" t="e">
            <v>#N/A</v>
          </cell>
          <cell r="AJ65" t="e">
            <v>#N/A</v>
          </cell>
          <cell r="AK65" t="e">
            <v>#N/A</v>
          </cell>
          <cell r="AL65" t="e">
            <v>#N/A</v>
          </cell>
          <cell r="AM65" t="e">
            <v>#N/A</v>
          </cell>
          <cell r="AO65" t="str">
            <v/>
          </cell>
          <cell r="AP65" t="str">
            <v/>
          </cell>
          <cell r="AS65" t="str">
            <v>-</v>
          </cell>
          <cell r="AT65" t="str">
            <v>（株）サンコー</v>
          </cell>
          <cell r="AU65" t="str">
            <v>（株）マイクロフィッシュ</v>
          </cell>
          <cell r="AY65" t="str">
            <v xml:space="preserve"> </v>
          </cell>
          <cell r="AZ65" t="str">
            <v xml:space="preserve"> </v>
          </cell>
          <cell r="BA65" t="str">
            <v xml:space="preserve"> </v>
          </cell>
          <cell r="BB65" t="str">
            <v xml:space="preserve"> </v>
          </cell>
          <cell r="BC65" t="str">
            <v xml:space="preserve"> </v>
          </cell>
          <cell r="BF65">
            <v>0</v>
          </cell>
          <cell r="BG65">
            <v>1</v>
          </cell>
          <cell r="BI65">
            <v>1638000</v>
          </cell>
          <cell r="BJ65" t="str">
            <v>（株）サンコー</v>
          </cell>
          <cell r="BK65">
            <v>1450000</v>
          </cell>
          <cell r="BL65">
            <v>1522500</v>
          </cell>
          <cell r="BM65">
            <v>72500</v>
          </cell>
          <cell r="BN65" t="str">
            <v>契 約 書</v>
          </cell>
          <cell r="BO65" t="str">
            <v>済</v>
          </cell>
          <cell r="BP65" t="str">
            <v>しない</v>
          </cell>
          <cell r="BQ65" t="str">
            <v>見積(公開)</v>
          </cell>
          <cell r="BR65">
            <v>0.92948717948717952</v>
          </cell>
          <cell r="BS65">
            <v>38763</v>
          </cell>
          <cell r="BU65">
            <v>1</v>
          </cell>
          <cell r="BV65" t="str">
            <v>建改じゃないですね</v>
          </cell>
          <cell r="BW65">
            <v>1</v>
          </cell>
          <cell r="BX65" t="str">
            <v/>
          </cell>
          <cell r="BY65" t="str">
            <v/>
          </cell>
          <cell r="BZ65" t="str">
            <v/>
          </cell>
          <cell r="CA65">
            <v>38800</v>
          </cell>
          <cell r="CD65" t="str">
            <v/>
          </cell>
          <cell r="CF65" t="str">
            <v/>
          </cell>
          <cell r="CG65">
            <v>2523511</v>
          </cell>
          <cell r="CH65" t="str">
            <v>（株）サンコー</v>
          </cell>
          <cell r="CI65" t="str">
            <v>-</v>
          </cell>
          <cell r="CJ65" t="str">
            <v>施設課</v>
          </cell>
          <cell r="CK65" t="str">
            <v>千葉　淑弘　2528</v>
          </cell>
          <cell r="CN65">
            <v>1638000</v>
          </cell>
          <cell r="CO65" t="e">
            <v>#VALUE!</v>
          </cell>
          <cell r="CP65">
            <v>115500</v>
          </cell>
          <cell r="CQ65">
            <v>0.92948717948717952</v>
          </cell>
        </row>
        <row r="66">
          <cell r="B66" t="str">
            <v>高架下横断道路部落雪・落氷注意横断幕</v>
          </cell>
          <cell r="C66">
            <v>15</v>
          </cell>
          <cell r="D66" t="str">
            <v/>
          </cell>
          <cell r="G66">
            <v>38758</v>
          </cell>
          <cell r="I66">
            <v>420000</v>
          </cell>
          <cell r="K66">
            <v>420000</v>
          </cell>
          <cell r="L66" t="str">
            <v>公開</v>
          </cell>
          <cell r="M66" t="str">
            <v>一</v>
          </cell>
          <cell r="N66" t="str">
            <v>式</v>
          </cell>
          <cell r="O66" t="str">
            <v>高・営</v>
          </cell>
          <cell r="P66">
            <v>38793</v>
          </cell>
          <cell r="Q66" t="str">
            <v>施設課</v>
          </cell>
          <cell r="R66" t="str">
            <v>松山　稔　2579</v>
          </cell>
          <cell r="S66" t="str">
            <v>主管の課長印でよい</v>
          </cell>
          <cell r="T66" t="str">
            <v>無</v>
          </cell>
          <cell r="U66" t="str">
            <v>納入後</v>
          </cell>
          <cell r="V66" t="str">
            <v>壱</v>
          </cell>
          <cell r="X66" t="str">
            <v>課長</v>
          </cell>
          <cell r="Y66" t="str">
            <v>省略可</v>
          </cell>
          <cell r="Z66" t="str">
            <v>なか１日</v>
          </cell>
          <cell r="AA66" t="str">
            <v>公開</v>
          </cell>
          <cell r="AB66">
            <v>38771</v>
          </cell>
          <cell r="AC66">
            <v>38771</v>
          </cell>
          <cell r="AF66" t="e">
            <v>#N/A</v>
          </cell>
          <cell r="AG66" t="e">
            <v>#N/A</v>
          </cell>
          <cell r="AH66" t="e">
            <v>#N/A</v>
          </cell>
          <cell r="AI66" t="e">
            <v>#N/A</v>
          </cell>
          <cell r="AJ66" t="e">
            <v>#N/A</v>
          </cell>
          <cell r="AK66" t="e">
            <v>#N/A</v>
          </cell>
          <cell r="AL66" t="e">
            <v>#N/A</v>
          </cell>
          <cell r="AM66" t="e">
            <v>#N/A</v>
          </cell>
          <cell r="AO66" t="str">
            <v/>
          </cell>
          <cell r="AP66" t="str">
            <v/>
          </cell>
          <cell r="AS66" t="str">
            <v>-</v>
          </cell>
          <cell r="AT66" t="str">
            <v>（株）ササキ札幌営業所</v>
          </cell>
          <cell r="AU66" t="str">
            <v>七欧産業（株）</v>
          </cell>
          <cell r="AV66" t="str">
            <v>北海文具（株）</v>
          </cell>
          <cell r="AW66" t="str">
            <v>吉見産商（株）</v>
          </cell>
          <cell r="AY66" t="str">
            <v xml:space="preserve"> </v>
          </cell>
          <cell r="AZ66" t="str">
            <v xml:space="preserve"> </v>
          </cell>
          <cell r="BA66" t="str">
            <v xml:space="preserve"> </v>
          </cell>
          <cell r="BB66" t="str">
            <v xml:space="preserve"> </v>
          </cell>
          <cell r="BC66" t="str">
            <v xml:space="preserve"> </v>
          </cell>
          <cell r="BF66">
            <v>0</v>
          </cell>
          <cell r="BG66">
            <v>1</v>
          </cell>
          <cell r="BI66">
            <v>420000</v>
          </cell>
          <cell r="BJ66" t="str">
            <v>吉見産商（株）</v>
          </cell>
          <cell r="BK66">
            <v>232000</v>
          </cell>
          <cell r="BL66">
            <v>243600</v>
          </cell>
          <cell r="BM66">
            <v>11600</v>
          </cell>
          <cell r="BN66" t="str">
            <v>発注書</v>
          </cell>
          <cell r="BO66" t="str">
            <v>非契約書</v>
          </cell>
          <cell r="BP66" t="str">
            <v>しない</v>
          </cell>
          <cell r="BQ66" t="str">
            <v>見積(公開)</v>
          </cell>
          <cell r="BR66">
            <v>0.57999999999999996</v>
          </cell>
          <cell r="BS66">
            <v>38772</v>
          </cell>
          <cell r="BU66">
            <v>2</v>
          </cell>
          <cell r="BV66" t="str">
            <v>建改じゃないですね</v>
          </cell>
          <cell r="BW66">
            <v>2</v>
          </cell>
          <cell r="BX66" t="str">
            <v/>
          </cell>
          <cell r="BY66" t="str">
            <v/>
          </cell>
          <cell r="BZ66" t="str">
            <v/>
          </cell>
          <cell r="CA66">
            <v>38793</v>
          </cell>
          <cell r="CD66" t="str">
            <v/>
          </cell>
          <cell r="CF66" t="str">
            <v/>
          </cell>
          <cell r="CG66">
            <v>6414811</v>
          </cell>
          <cell r="CH66" t="str">
            <v>吉見産商（株）</v>
          </cell>
          <cell r="CI66" t="str">
            <v>楠野</v>
          </cell>
          <cell r="CJ66" t="str">
            <v>施設課</v>
          </cell>
          <cell r="CK66" t="str">
            <v>松山　稔　2579</v>
          </cell>
          <cell r="CN66">
            <v>420000</v>
          </cell>
          <cell r="CO66" t="e">
            <v>#VALUE!</v>
          </cell>
          <cell r="CP66">
            <v>176400</v>
          </cell>
          <cell r="CQ66">
            <v>0.57999999999999996</v>
          </cell>
        </row>
        <row r="67">
          <cell r="B67" t="str">
            <v>案内軌条式鉄道車両（８０００形）第６次車（その２）</v>
          </cell>
          <cell r="C67">
            <v>16</v>
          </cell>
          <cell r="D67">
            <v>16</v>
          </cell>
          <cell r="G67">
            <v>38764</v>
          </cell>
          <cell r="H67" t="str">
            <v>特命</v>
          </cell>
          <cell r="I67">
            <v>3036694500</v>
          </cell>
          <cell r="K67">
            <v>3036694500</v>
          </cell>
          <cell r="L67" t="str">
            <v>特命</v>
          </cell>
          <cell r="M67" t="str">
            <v>一</v>
          </cell>
          <cell r="N67" t="str">
            <v>式</v>
          </cell>
          <cell r="O67" t="str">
            <v>高・建改</v>
          </cell>
          <cell r="P67">
            <v>39171</v>
          </cell>
          <cell r="Q67" t="str">
            <v>車両課</v>
          </cell>
          <cell r="R67" t="str">
            <v>本間　均　2582</v>
          </cell>
          <cell r="S67" t="str">
            <v>管理者印必要  経理係の合議要</v>
          </cell>
          <cell r="T67" t="str">
            <v>無</v>
          </cell>
          <cell r="U67" t="str">
            <v>納入後</v>
          </cell>
          <cell r="V67" t="str">
            <v>四</v>
          </cell>
          <cell r="X67" t="str">
            <v>管理者</v>
          </cell>
          <cell r="Y67" t="str">
            <v>必 要</v>
          </cell>
          <cell r="Z67" t="str">
            <v>なか１０日</v>
          </cell>
          <cell r="AA67" t="str">
            <v>特命</v>
          </cell>
          <cell r="AB67">
            <v>38784</v>
          </cell>
          <cell r="AC67">
            <v>38782</v>
          </cell>
          <cell r="AD67">
            <v>1400</v>
          </cell>
          <cell r="AF67" t="e">
            <v>#N/A</v>
          </cell>
          <cell r="AG67" t="e">
            <v>#N/A</v>
          </cell>
          <cell r="AH67" t="e">
            <v>#N/A</v>
          </cell>
          <cell r="AI67" t="e">
            <v>#N/A</v>
          </cell>
          <cell r="AJ67" t="e">
            <v>#N/A</v>
          </cell>
          <cell r="AK67" t="e">
            <v>#N/A</v>
          </cell>
          <cell r="AL67" t="e">
            <v>#N/A</v>
          </cell>
          <cell r="AM67" t="e">
            <v>#N/A</v>
          </cell>
          <cell r="AO67" t="str">
            <v/>
          </cell>
          <cell r="AP67" t="str">
            <v/>
          </cell>
          <cell r="AS67" t="str">
            <v>-</v>
          </cell>
          <cell r="AY67" t="str">
            <v xml:space="preserve"> </v>
          </cell>
          <cell r="AZ67" t="str">
            <v xml:space="preserve"> </v>
          </cell>
          <cell r="BA67" t="str">
            <v xml:space="preserve"> </v>
          </cell>
          <cell r="BB67" t="str">
            <v xml:space="preserve"> </v>
          </cell>
          <cell r="BC67" t="str">
            <v xml:space="preserve"> </v>
          </cell>
          <cell r="BE67">
            <v>2857500000</v>
          </cell>
          <cell r="BF67">
            <v>3000375000</v>
          </cell>
          <cell r="BG67">
            <v>1.1960208707197939E-2</v>
          </cell>
          <cell r="BH67">
            <v>2857500000</v>
          </cell>
          <cell r="BI67">
            <v>3000375000</v>
          </cell>
          <cell r="BJ67" t="str">
            <v>川崎重工業（株）北海道支社</v>
          </cell>
          <cell r="BK67">
            <v>2856000000</v>
          </cell>
          <cell r="BL67">
            <v>2998800000</v>
          </cell>
          <cell r="BM67">
            <v>142800000</v>
          </cell>
          <cell r="BN67" t="str">
            <v>契 約 書</v>
          </cell>
          <cell r="BO67" t="str">
            <v>済</v>
          </cell>
          <cell r="BP67" t="str">
            <v>する</v>
          </cell>
          <cell r="BQ67" t="str">
            <v>見積</v>
          </cell>
          <cell r="BR67">
            <v>0.99947506561679789</v>
          </cell>
          <cell r="BS67">
            <v>38783</v>
          </cell>
          <cell r="BT67" t="str">
            <v>副市長　特例政令適用除外</v>
          </cell>
          <cell r="BU67">
            <v>2</v>
          </cell>
          <cell r="BV67">
            <v>7</v>
          </cell>
          <cell r="BW67" t="str">
            <v>建改　７</v>
          </cell>
          <cell r="BX67">
            <v>16</v>
          </cell>
          <cell r="BY67" t="str">
            <v>交付</v>
          </cell>
          <cell r="BZ67" t="str">
            <v/>
          </cell>
          <cell r="CA67">
            <v>39171</v>
          </cell>
          <cell r="CB67" t="str">
            <v>納期と違う</v>
          </cell>
          <cell r="CC67">
            <v>39006</v>
          </cell>
          <cell r="CD67" t="str">
            <v/>
          </cell>
          <cell r="CE67">
            <v>39008</v>
          </cell>
          <cell r="CF67" t="str">
            <v/>
          </cell>
          <cell r="CG67">
            <v>2813177</v>
          </cell>
          <cell r="CH67" t="str">
            <v>川崎重工業（株）北海道支社</v>
          </cell>
          <cell r="CI67" t="str">
            <v>早乙女</v>
          </cell>
          <cell r="CJ67" t="str">
            <v>車両課</v>
          </cell>
          <cell r="CK67" t="str">
            <v>本間　均　2582</v>
          </cell>
          <cell r="CN67">
            <v>3036694500</v>
          </cell>
          <cell r="CO67" t="e">
            <v>#VALUE!</v>
          </cell>
          <cell r="CP67">
            <v>37894500</v>
          </cell>
          <cell r="CQ67">
            <v>0.98752113523438068</v>
          </cell>
        </row>
        <row r="68">
          <cell r="B68" t="str">
            <v>事業概要パンフレット「さっぽろの市営交通２００６」</v>
          </cell>
          <cell r="C68">
            <v>16</v>
          </cell>
          <cell r="D68" t="str">
            <v/>
          </cell>
          <cell r="G68">
            <v>38772</v>
          </cell>
          <cell r="I68">
            <v>499800</v>
          </cell>
          <cell r="K68">
            <v>499800</v>
          </cell>
          <cell r="L68" t="str">
            <v>公開</v>
          </cell>
          <cell r="M68" t="str">
            <v>一</v>
          </cell>
          <cell r="N68" t="str">
            <v>式</v>
          </cell>
          <cell r="O68" t="str">
            <v>高・営</v>
          </cell>
          <cell r="P68">
            <v>38807</v>
          </cell>
          <cell r="Q68" t="str">
            <v>総務課</v>
          </cell>
          <cell r="R68" t="str">
            <v>宮崎　伸一　2215</v>
          </cell>
          <cell r="S68" t="str">
            <v>総務課長印でよい</v>
          </cell>
          <cell r="T68" t="str">
            <v>無</v>
          </cell>
          <cell r="U68" t="str">
            <v>納入後</v>
          </cell>
          <cell r="V68" t="str">
            <v>壱</v>
          </cell>
          <cell r="X68" t="str">
            <v>課長</v>
          </cell>
          <cell r="Y68" t="str">
            <v>省略可</v>
          </cell>
          <cell r="Z68" t="str">
            <v>なか１日</v>
          </cell>
          <cell r="AA68" t="str">
            <v>公開</v>
          </cell>
          <cell r="AB68">
            <v>38778</v>
          </cell>
          <cell r="AC68">
            <v>38778</v>
          </cell>
          <cell r="AF68" t="e">
            <v>#N/A</v>
          </cell>
          <cell r="AG68" t="e">
            <v>#N/A</v>
          </cell>
          <cell r="AH68" t="e">
            <v>#N/A</v>
          </cell>
          <cell r="AI68" t="e">
            <v>#N/A</v>
          </cell>
          <cell r="AJ68" t="e">
            <v>#N/A</v>
          </cell>
          <cell r="AK68" t="e">
            <v>#N/A</v>
          </cell>
          <cell r="AL68" t="e">
            <v>#N/A</v>
          </cell>
          <cell r="AM68" t="e">
            <v>#N/A</v>
          </cell>
          <cell r="AO68" t="str">
            <v/>
          </cell>
          <cell r="AP68" t="str">
            <v/>
          </cell>
          <cell r="AS68" t="str">
            <v>-</v>
          </cell>
          <cell r="AT68" t="str">
            <v>（株）須田製版</v>
          </cell>
          <cell r="AU68" t="str">
            <v>柏陽印刷（株）</v>
          </cell>
          <cell r="AY68" t="str">
            <v xml:space="preserve"> </v>
          </cell>
          <cell r="AZ68" t="str">
            <v xml:space="preserve"> </v>
          </cell>
          <cell r="BA68" t="str">
            <v xml:space="preserve"> </v>
          </cell>
          <cell r="BB68" t="str">
            <v xml:space="preserve"> </v>
          </cell>
          <cell r="BC68" t="str">
            <v xml:space="preserve"> </v>
          </cell>
          <cell r="BF68">
            <v>0</v>
          </cell>
          <cell r="BG68">
            <v>1</v>
          </cell>
          <cell r="BI68">
            <v>499800</v>
          </cell>
          <cell r="BJ68" t="str">
            <v>（株）須田製版</v>
          </cell>
          <cell r="BK68">
            <v>333000</v>
          </cell>
          <cell r="BL68">
            <v>349650</v>
          </cell>
          <cell r="BM68">
            <v>16650</v>
          </cell>
          <cell r="BN68" t="str">
            <v>発注書</v>
          </cell>
          <cell r="BO68" t="str">
            <v>非契約書</v>
          </cell>
          <cell r="BP68" t="str">
            <v>しない</v>
          </cell>
          <cell r="BQ68" t="str">
            <v>見積(公開)</v>
          </cell>
          <cell r="BR68">
            <v>0.69957983193277307</v>
          </cell>
          <cell r="BS68">
            <v>38779</v>
          </cell>
          <cell r="BU68">
            <v>3</v>
          </cell>
          <cell r="BV68" t="str">
            <v>建改じゃないですね</v>
          </cell>
          <cell r="BW68">
            <v>3</v>
          </cell>
          <cell r="BX68" t="str">
            <v/>
          </cell>
          <cell r="BY68" t="str">
            <v/>
          </cell>
          <cell r="BZ68" t="str">
            <v/>
          </cell>
          <cell r="CA68">
            <v>38807</v>
          </cell>
          <cell r="CD68" t="str">
            <v/>
          </cell>
          <cell r="CF68" t="str">
            <v/>
          </cell>
          <cell r="CG68">
            <v>6210275</v>
          </cell>
          <cell r="CH68" t="str">
            <v>（株）須田製版</v>
          </cell>
          <cell r="CI68" t="str">
            <v>佐藤</v>
          </cell>
          <cell r="CJ68" t="str">
            <v>総務課</v>
          </cell>
          <cell r="CK68" t="str">
            <v>宮崎　伸一　2215</v>
          </cell>
          <cell r="CN68">
            <v>499800</v>
          </cell>
          <cell r="CO68" t="e">
            <v>#VALUE!</v>
          </cell>
          <cell r="CP68">
            <v>150150</v>
          </cell>
          <cell r="CQ68">
            <v>0.69957983193277307</v>
          </cell>
        </row>
        <row r="69">
          <cell r="B69" t="str">
            <v>旅客配布用地下鉄時刻表</v>
          </cell>
          <cell r="C69">
            <v>16</v>
          </cell>
          <cell r="D69" t="str">
            <v/>
          </cell>
          <cell r="G69">
            <v>38772</v>
          </cell>
          <cell r="I69">
            <v>2080260</v>
          </cell>
          <cell r="K69">
            <v>2080260</v>
          </cell>
          <cell r="L69" t="str">
            <v>公開</v>
          </cell>
          <cell r="M69" t="str">
            <v>一</v>
          </cell>
          <cell r="N69" t="str">
            <v>式</v>
          </cell>
          <cell r="O69" t="str">
            <v>高・営</v>
          </cell>
          <cell r="P69">
            <v>38805</v>
          </cell>
          <cell r="Q69" t="str">
            <v>業務課</v>
          </cell>
          <cell r="R69" t="str">
            <v>桜庭　一昭　2416</v>
          </cell>
          <cell r="S69" t="str">
            <v>主管の部長印が必要</v>
          </cell>
          <cell r="T69" t="str">
            <v>無</v>
          </cell>
          <cell r="U69" t="str">
            <v>納入後</v>
          </cell>
          <cell r="V69" t="str">
            <v>壱</v>
          </cell>
          <cell r="X69" t="str">
            <v>課長</v>
          </cell>
          <cell r="Y69" t="str">
            <v>省略可</v>
          </cell>
          <cell r="Z69" t="str">
            <v>なか１日</v>
          </cell>
          <cell r="AA69" t="str">
            <v>公開</v>
          </cell>
          <cell r="AB69">
            <v>38778</v>
          </cell>
          <cell r="AC69">
            <v>38778</v>
          </cell>
          <cell r="AF69" t="e">
            <v>#N/A</v>
          </cell>
          <cell r="AG69" t="e">
            <v>#N/A</v>
          </cell>
          <cell r="AH69" t="e">
            <v>#N/A</v>
          </cell>
          <cell r="AI69" t="e">
            <v>#N/A</v>
          </cell>
          <cell r="AJ69" t="e">
            <v>#N/A</v>
          </cell>
          <cell r="AK69" t="e">
            <v>#N/A</v>
          </cell>
          <cell r="AL69" t="e">
            <v>#N/A</v>
          </cell>
          <cell r="AM69" t="e">
            <v>#N/A</v>
          </cell>
          <cell r="AO69" t="str">
            <v/>
          </cell>
          <cell r="AP69" t="str">
            <v/>
          </cell>
          <cell r="AS69" t="str">
            <v>-</v>
          </cell>
          <cell r="AT69" t="str">
            <v>（株）須田製版</v>
          </cell>
          <cell r="AU69" t="str">
            <v>柏陽印刷（株）</v>
          </cell>
          <cell r="AY69" t="str">
            <v xml:space="preserve"> </v>
          </cell>
          <cell r="AZ69" t="str">
            <v xml:space="preserve"> </v>
          </cell>
          <cell r="BA69" t="str">
            <v xml:space="preserve"> </v>
          </cell>
          <cell r="BB69" t="str">
            <v xml:space="preserve"> </v>
          </cell>
          <cell r="BC69" t="str">
            <v xml:space="preserve"> </v>
          </cell>
          <cell r="BF69">
            <v>0</v>
          </cell>
          <cell r="BG69">
            <v>1</v>
          </cell>
          <cell r="BI69">
            <v>2080260</v>
          </cell>
          <cell r="BJ69" t="str">
            <v>（株）須田製版</v>
          </cell>
          <cell r="BK69">
            <v>579120</v>
          </cell>
          <cell r="BL69">
            <v>608076</v>
          </cell>
          <cell r="BM69">
            <v>28956</v>
          </cell>
          <cell r="BN69" t="str">
            <v>請書</v>
          </cell>
          <cell r="BO69" t="str">
            <v>非契約書</v>
          </cell>
          <cell r="BP69" t="str">
            <v>しない</v>
          </cell>
          <cell r="BQ69" t="str">
            <v>見積(公開)</v>
          </cell>
          <cell r="BR69">
            <v>0.29230769230769232</v>
          </cell>
          <cell r="BS69">
            <v>38784</v>
          </cell>
          <cell r="BU69">
            <v>4</v>
          </cell>
          <cell r="BV69" t="str">
            <v>建改じゃないですね</v>
          </cell>
          <cell r="BW69">
            <v>4</v>
          </cell>
          <cell r="BX69" t="str">
            <v/>
          </cell>
          <cell r="BY69" t="str">
            <v/>
          </cell>
          <cell r="BZ69" t="str">
            <v/>
          </cell>
          <cell r="CA69">
            <v>38805</v>
          </cell>
          <cell r="CD69" t="str">
            <v/>
          </cell>
          <cell r="CF69" t="str">
            <v/>
          </cell>
          <cell r="CG69">
            <v>6210275</v>
          </cell>
          <cell r="CH69" t="str">
            <v>（株）須田製版</v>
          </cell>
          <cell r="CI69" t="str">
            <v>佐藤</v>
          </cell>
          <cell r="CJ69" t="str">
            <v>業務課</v>
          </cell>
          <cell r="CK69" t="str">
            <v>桜庭　一昭　2416</v>
          </cell>
          <cell r="CN69">
            <v>2080260</v>
          </cell>
          <cell r="CO69" t="e">
            <v>#VALUE!</v>
          </cell>
          <cell r="CP69">
            <v>1472184</v>
          </cell>
          <cell r="CQ69">
            <v>0.29230769230769232</v>
          </cell>
        </row>
        <row r="70">
          <cell r="B70" t="str">
            <v>東西線８０００形車両ワンマン化改造（その１）</v>
          </cell>
          <cell r="C70">
            <v>17</v>
          </cell>
          <cell r="D70">
            <v>17</v>
          </cell>
          <cell r="G70">
            <v>38772</v>
          </cell>
          <cell r="H70" t="str">
            <v>特命</v>
          </cell>
          <cell r="I70">
            <v>569730000</v>
          </cell>
          <cell r="K70">
            <v>569730000</v>
          </cell>
          <cell r="L70" t="str">
            <v>特命</v>
          </cell>
          <cell r="M70" t="str">
            <v>一</v>
          </cell>
          <cell r="N70" t="str">
            <v>式</v>
          </cell>
          <cell r="O70" t="str">
            <v>高・建改</v>
          </cell>
          <cell r="P70">
            <v>39171</v>
          </cell>
          <cell r="Q70" t="str">
            <v>車両課</v>
          </cell>
          <cell r="R70" t="str">
            <v>藤田　雅彦　2582</v>
          </cell>
          <cell r="S70" t="str">
            <v>管理者印必要  経理係の合議要</v>
          </cell>
          <cell r="T70" t="str">
            <v>無</v>
          </cell>
          <cell r="U70" t="str">
            <v>納入後</v>
          </cell>
          <cell r="V70" t="str">
            <v>★</v>
          </cell>
          <cell r="X70" t="str">
            <v>管理者</v>
          </cell>
          <cell r="Y70" t="str">
            <v>必 要</v>
          </cell>
          <cell r="Z70" t="str">
            <v>なか１０日</v>
          </cell>
          <cell r="AA70" t="str">
            <v>特命</v>
          </cell>
          <cell r="AB70">
            <v>38792</v>
          </cell>
          <cell r="AC70">
            <v>38792</v>
          </cell>
          <cell r="AD70">
            <v>1400</v>
          </cell>
          <cell r="AF70" t="e">
            <v>#N/A</v>
          </cell>
          <cell r="AG70" t="e">
            <v>#N/A</v>
          </cell>
          <cell r="AH70" t="e">
            <v>#N/A</v>
          </cell>
          <cell r="AI70" t="e">
            <v>#N/A</v>
          </cell>
          <cell r="AJ70" t="e">
            <v>#N/A</v>
          </cell>
          <cell r="AK70" t="e">
            <v>#N/A</v>
          </cell>
          <cell r="AL70" t="e">
            <v>#N/A</v>
          </cell>
          <cell r="AM70" t="e">
            <v>#N/A</v>
          </cell>
          <cell r="AO70" t="str">
            <v/>
          </cell>
          <cell r="AP70" t="str">
            <v/>
          </cell>
          <cell r="AS70" t="str">
            <v>-</v>
          </cell>
          <cell r="AY70" t="str">
            <v xml:space="preserve"> </v>
          </cell>
          <cell r="AZ70" t="str">
            <v xml:space="preserve"> </v>
          </cell>
          <cell r="BA70" t="str">
            <v xml:space="preserve"> </v>
          </cell>
          <cell r="BB70" t="str">
            <v xml:space="preserve"> </v>
          </cell>
          <cell r="BC70" t="str">
            <v xml:space="preserve"> </v>
          </cell>
          <cell r="BE70">
            <v>537170000</v>
          </cell>
          <cell r="BF70">
            <v>564028500</v>
          </cell>
          <cell r="BG70">
            <v>1.0007371913011376E-2</v>
          </cell>
          <cell r="BH70">
            <v>537170000</v>
          </cell>
          <cell r="BI70">
            <v>564028500</v>
          </cell>
          <cell r="BJ70" t="str">
            <v>川崎重工業（株）北海道支社</v>
          </cell>
          <cell r="BK70">
            <v>530000000</v>
          </cell>
          <cell r="BL70">
            <v>556500000</v>
          </cell>
          <cell r="BM70">
            <v>26500000</v>
          </cell>
          <cell r="BN70" t="str">
            <v>契 約 書</v>
          </cell>
          <cell r="BO70" t="str">
            <v>済</v>
          </cell>
          <cell r="BP70" t="str">
            <v>する</v>
          </cell>
          <cell r="BQ70" t="str">
            <v>見積</v>
          </cell>
          <cell r="BR70">
            <v>0.98665227023102553</v>
          </cell>
          <cell r="BS70">
            <v>38793</v>
          </cell>
          <cell r="BU70">
            <v>4</v>
          </cell>
          <cell r="BV70">
            <v>8</v>
          </cell>
          <cell r="BW70" t="str">
            <v>建改　８</v>
          </cell>
          <cell r="BX70">
            <v>17</v>
          </cell>
          <cell r="BY70" t="str">
            <v>交付</v>
          </cell>
          <cell r="BZ70" t="str">
            <v>作成</v>
          </cell>
          <cell r="CA70">
            <v>39171</v>
          </cell>
          <cell r="CB70" t="str">
            <v>納期と違う</v>
          </cell>
          <cell r="CC70">
            <v>38897</v>
          </cell>
          <cell r="CD70" t="str">
            <v/>
          </cell>
          <cell r="CE70">
            <v>38901</v>
          </cell>
          <cell r="CF70" t="str">
            <v/>
          </cell>
          <cell r="CG70">
            <v>2813177</v>
          </cell>
          <cell r="CH70" t="str">
            <v>川崎重工業（株）北海道支社</v>
          </cell>
          <cell r="CI70" t="str">
            <v>早乙女</v>
          </cell>
          <cell r="CJ70" t="str">
            <v>車両課</v>
          </cell>
          <cell r="CK70" t="str">
            <v>藤田　雅彦　2582</v>
          </cell>
          <cell r="CN70">
            <v>569730000</v>
          </cell>
          <cell r="CO70" t="e">
            <v>#VALUE!</v>
          </cell>
          <cell r="CP70">
            <v>13230000</v>
          </cell>
          <cell r="CQ70">
            <v>0.97677847401400664</v>
          </cell>
        </row>
        <row r="71">
          <cell r="B71" t="str">
            <v>東西線駅電気室無停電電源設備更新（白石駅～琴似駅）</v>
          </cell>
          <cell r="C71">
            <v>18</v>
          </cell>
          <cell r="D71">
            <v>18</v>
          </cell>
          <cell r="G71">
            <v>38775</v>
          </cell>
          <cell r="I71">
            <v>778680000</v>
          </cell>
          <cell r="K71">
            <v>778680000</v>
          </cell>
          <cell r="L71" t="str">
            <v>入札</v>
          </cell>
          <cell r="M71" t="str">
            <v>一</v>
          </cell>
          <cell r="N71" t="str">
            <v>式</v>
          </cell>
          <cell r="O71" t="str">
            <v>高・建改</v>
          </cell>
          <cell r="P71">
            <v>40238</v>
          </cell>
          <cell r="Q71" t="str">
            <v>電気課</v>
          </cell>
          <cell r="R71" t="str">
            <v>山内　猛史　2635</v>
          </cell>
          <cell r="S71" t="str">
            <v>管理者印必要  経理係の合議要</v>
          </cell>
          <cell r="T71" t="str">
            <v>１５回</v>
          </cell>
          <cell r="U71" t="str">
            <v>納入後</v>
          </cell>
          <cell r="V71" t="str">
            <v>壱</v>
          </cell>
          <cell r="X71" t="str">
            <v>管理者</v>
          </cell>
          <cell r="Y71" t="str">
            <v>必 要</v>
          </cell>
          <cell r="Z71" t="str">
            <v>なか１０日</v>
          </cell>
          <cell r="AA71" t="str">
            <v>入札</v>
          </cell>
          <cell r="AB71">
            <v>38793</v>
          </cell>
          <cell r="AC71">
            <v>38803</v>
          </cell>
          <cell r="AD71">
            <v>1000</v>
          </cell>
          <cell r="AE71" t="str">
            <v>電気機械器具製造業</v>
          </cell>
          <cell r="AF71" t="str">
            <v>発電用・送電用</v>
          </cell>
          <cell r="AG71" t="str">
            <v>通信機械器具</v>
          </cell>
          <cell r="AH71" t="str">
            <v>電子計算機・同付属装置</v>
          </cell>
          <cell r="AI71" t="str">
            <v>電子応用装置</v>
          </cell>
          <cell r="AJ71" t="str">
            <v>電気計測器</v>
          </cell>
          <cell r="AK71" t="str">
            <v>電子機器・通信機器用部品</v>
          </cell>
          <cell r="AL71" t="str">
            <v>その他電気機械器具</v>
          </cell>
          <cell r="AM71" t="str">
            <v/>
          </cell>
          <cell r="AN71" t="str">
            <v>発電用・送電用</v>
          </cell>
          <cell r="AO71">
            <v>2</v>
          </cell>
          <cell r="AP71">
            <v>1</v>
          </cell>
          <cell r="AR71" t="str">
            <v>Ａ</v>
          </cell>
          <cell r="AS71">
            <v>6</v>
          </cell>
          <cell r="AT71" t="str">
            <v>（株）ジーエス・ユアサパワーサプライ北海道支社</v>
          </cell>
          <cell r="AU71" t="str">
            <v>（株）東芝北海道支社</v>
          </cell>
          <cell r="AV71" t="str">
            <v>（株）日立製作所北海道支社</v>
          </cell>
          <cell r="AW71" t="str">
            <v>富士電機システムズ（株）北海道支社</v>
          </cell>
          <cell r="AX71" t="str">
            <v>三菱電機（株）北海道支社</v>
          </cell>
          <cell r="AY71" t="str">
            <v>（株）明電舎北海道支店</v>
          </cell>
          <cell r="AZ71" t="str">
            <v xml:space="preserve"> </v>
          </cell>
          <cell r="BA71" t="str">
            <v xml:space="preserve"> </v>
          </cell>
          <cell r="BB71" t="str">
            <v xml:space="preserve"> </v>
          </cell>
          <cell r="BC71" t="str">
            <v xml:space="preserve"> </v>
          </cell>
          <cell r="BE71">
            <v>741000000</v>
          </cell>
          <cell r="BF71">
            <v>778050000</v>
          </cell>
          <cell r="BG71">
            <v>8.0906148867310179E-4</v>
          </cell>
          <cell r="BH71">
            <v>741000000</v>
          </cell>
          <cell r="BI71">
            <v>778050000</v>
          </cell>
          <cell r="BJ71" t="str">
            <v>（株）ジーエス・ユアサパワーサプライ北海道支社</v>
          </cell>
          <cell r="BK71">
            <v>720000000</v>
          </cell>
          <cell r="BL71">
            <v>756000000</v>
          </cell>
          <cell r="BM71">
            <v>36000000</v>
          </cell>
          <cell r="BN71" t="str">
            <v>契 約 書</v>
          </cell>
          <cell r="BO71" t="str">
            <v>済</v>
          </cell>
          <cell r="BP71" t="str">
            <v>する</v>
          </cell>
          <cell r="BQ71" t="str">
            <v>入  札</v>
          </cell>
          <cell r="BR71">
            <v>0.97165991902834004</v>
          </cell>
          <cell r="BS71">
            <v>38804</v>
          </cell>
          <cell r="BU71">
            <v>4</v>
          </cell>
          <cell r="BV71">
            <v>9</v>
          </cell>
          <cell r="BW71" t="str">
            <v>建改　９</v>
          </cell>
          <cell r="BX71">
            <v>18</v>
          </cell>
          <cell r="BY71" t="str">
            <v>交付</v>
          </cell>
          <cell r="BZ71" t="str">
            <v/>
          </cell>
          <cell r="CA71">
            <v>40238</v>
          </cell>
          <cell r="CD71" t="str">
            <v/>
          </cell>
          <cell r="CF71" t="str">
            <v/>
          </cell>
          <cell r="CG71" t="str">
            <v>231-6880</v>
          </cell>
          <cell r="CH71" t="str">
            <v>（株）ジーエス・ユアサパワーサプライ北海道支社</v>
          </cell>
          <cell r="CI71">
            <v>0</v>
          </cell>
          <cell r="CJ71" t="str">
            <v>電気課</v>
          </cell>
          <cell r="CK71" t="str">
            <v>山内　猛史　2635</v>
          </cell>
          <cell r="CN71">
            <v>778680000</v>
          </cell>
          <cell r="CO71" t="e">
            <v>#VALUE!</v>
          </cell>
          <cell r="CP71">
            <v>22680000</v>
          </cell>
          <cell r="CQ71">
            <v>0.970873786407767</v>
          </cell>
        </row>
        <row r="72">
          <cell r="B72" t="str">
            <v>地下鉄車内表示器駅ナンバリング表示</v>
          </cell>
          <cell r="C72">
            <v>18</v>
          </cell>
          <cell r="D72" t="str">
            <v/>
          </cell>
          <cell r="G72">
            <v>38779</v>
          </cell>
          <cell r="I72">
            <v>674625</v>
          </cell>
          <cell r="K72">
            <v>674625</v>
          </cell>
          <cell r="L72" t="str">
            <v>公開</v>
          </cell>
          <cell r="M72" t="str">
            <v>一</v>
          </cell>
          <cell r="N72" t="str">
            <v>式</v>
          </cell>
          <cell r="O72" t="str">
            <v>高・営</v>
          </cell>
          <cell r="P72">
            <v>38807</v>
          </cell>
          <cell r="Q72" t="str">
            <v>業務課</v>
          </cell>
          <cell r="R72" t="str">
            <v>桜庭　一昭　2416</v>
          </cell>
          <cell r="S72" t="str">
            <v>主管の部長印が必要</v>
          </cell>
          <cell r="T72" t="str">
            <v>無</v>
          </cell>
          <cell r="U72" t="str">
            <v>納入後</v>
          </cell>
          <cell r="V72" t="str">
            <v>壱</v>
          </cell>
          <cell r="X72" t="str">
            <v>課長</v>
          </cell>
          <cell r="Y72" t="str">
            <v>省略可</v>
          </cell>
          <cell r="Z72" t="str">
            <v>なか１日</v>
          </cell>
          <cell r="AA72" t="str">
            <v>公開</v>
          </cell>
          <cell r="AB72">
            <v>38786</v>
          </cell>
          <cell r="AC72">
            <v>38786</v>
          </cell>
          <cell r="AF72" t="e">
            <v>#N/A</v>
          </cell>
          <cell r="AG72" t="e">
            <v>#N/A</v>
          </cell>
          <cell r="AH72" t="e">
            <v>#N/A</v>
          </cell>
          <cell r="AI72" t="e">
            <v>#N/A</v>
          </cell>
          <cell r="AJ72" t="e">
            <v>#N/A</v>
          </cell>
          <cell r="AK72" t="e">
            <v>#N/A</v>
          </cell>
          <cell r="AL72" t="e">
            <v>#N/A</v>
          </cell>
          <cell r="AM72" t="e">
            <v>#N/A</v>
          </cell>
          <cell r="AO72" t="str">
            <v/>
          </cell>
          <cell r="AP72" t="str">
            <v/>
          </cell>
          <cell r="AS72" t="str">
            <v>-</v>
          </cell>
          <cell r="AT72" t="str">
            <v>七欧産業（株）</v>
          </cell>
          <cell r="AY72" t="str">
            <v xml:space="preserve"> </v>
          </cell>
          <cell r="AZ72" t="str">
            <v xml:space="preserve"> </v>
          </cell>
          <cell r="BA72" t="str">
            <v xml:space="preserve"> </v>
          </cell>
          <cell r="BB72" t="str">
            <v xml:space="preserve"> </v>
          </cell>
          <cell r="BC72" t="str">
            <v xml:space="preserve"> </v>
          </cell>
          <cell r="BF72">
            <v>0</v>
          </cell>
          <cell r="BG72">
            <v>1</v>
          </cell>
          <cell r="BI72">
            <v>674625</v>
          </cell>
          <cell r="BJ72" t="str">
            <v>七欧産業（株）</v>
          </cell>
          <cell r="BK72">
            <v>540000</v>
          </cell>
          <cell r="BL72">
            <v>567000</v>
          </cell>
          <cell r="BM72">
            <v>27000</v>
          </cell>
          <cell r="BN72" t="str">
            <v>請書</v>
          </cell>
          <cell r="BO72" t="str">
            <v>非契約書</v>
          </cell>
          <cell r="BP72" t="str">
            <v>しない</v>
          </cell>
          <cell r="BQ72" t="str">
            <v>見積(公開)</v>
          </cell>
          <cell r="BR72">
            <v>0.84046692607003892</v>
          </cell>
          <cell r="BS72">
            <v>38791</v>
          </cell>
          <cell r="BU72">
            <v>5</v>
          </cell>
          <cell r="BV72" t="str">
            <v>建改じゃないですね</v>
          </cell>
          <cell r="BW72">
            <v>5</v>
          </cell>
          <cell r="BX72" t="str">
            <v/>
          </cell>
          <cell r="BY72" t="str">
            <v/>
          </cell>
          <cell r="BZ72" t="str">
            <v/>
          </cell>
          <cell r="CA72">
            <v>38807</v>
          </cell>
          <cell r="CD72" t="str">
            <v/>
          </cell>
          <cell r="CF72" t="str">
            <v/>
          </cell>
          <cell r="CG72">
            <v>6317365</v>
          </cell>
          <cell r="CH72" t="str">
            <v>七欧産業（株）</v>
          </cell>
          <cell r="CI72" t="str">
            <v>石田</v>
          </cell>
          <cell r="CJ72" t="str">
            <v>業務課</v>
          </cell>
          <cell r="CK72" t="str">
            <v>桜庭　一昭　2416</v>
          </cell>
          <cell r="CN72">
            <v>674625</v>
          </cell>
          <cell r="CO72" t="e">
            <v>#VALUE!</v>
          </cell>
          <cell r="CP72">
            <v>107625</v>
          </cell>
          <cell r="CQ72">
            <v>0.84046692607003892</v>
          </cell>
        </row>
        <row r="73">
          <cell r="B73" t="str">
            <v>記念共通ウィズユーカード【映画「名探偵コナン」】</v>
          </cell>
          <cell r="C73">
            <v>18</v>
          </cell>
          <cell r="D73" t="str">
            <v/>
          </cell>
          <cell r="G73">
            <v>38779</v>
          </cell>
          <cell r="H73" t="str">
            <v>特命</v>
          </cell>
          <cell r="I73">
            <v>159803</v>
          </cell>
          <cell r="J73">
            <v>4942</v>
          </cell>
          <cell r="K73">
            <v>164745</v>
          </cell>
          <cell r="L73" t="str">
            <v>特命</v>
          </cell>
          <cell r="M73" t="str">
            <v>一</v>
          </cell>
          <cell r="N73" t="str">
            <v>式</v>
          </cell>
          <cell r="O73" t="str">
            <v>高・営</v>
          </cell>
          <cell r="P73">
            <v>38807</v>
          </cell>
          <cell r="Q73" t="str">
            <v>経営企画課</v>
          </cell>
          <cell r="R73" t="str">
            <v>今野　吉隆　2123</v>
          </cell>
          <cell r="S73" t="str">
            <v>主管の課長印でよい</v>
          </cell>
          <cell r="T73" t="str">
            <v>無</v>
          </cell>
          <cell r="U73" t="str">
            <v>納入後</v>
          </cell>
          <cell r="V73" t="str">
            <v>壱</v>
          </cell>
          <cell r="X73" t="str">
            <v>課長</v>
          </cell>
          <cell r="Y73" t="str">
            <v>省略可</v>
          </cell>
          <cell r="Z73" t="str">
            <v>なか１日</v>
          </cell>
          <cell r="AA73" t="str">
            <v>特命</v>
          </cell>
          <cell r="AB73">
            <v>38784</v>
          </cell>
          <cell r="AC73">
            <v>38784</v>
          </cell>
          <cell r="AD73">
            <v>1430</v>
          </cell>
          <cell r="AF73" t="e">
            <v>#N/A</v>
          </cell>
          <cell r="AG73" t="e">
            <v>#N/A</v>
          </cell>
          <cell r="AH73" t="e">
            <v>#N/A</v>
          </cell>
          <cell r="AI73" t="e">
            <v>#N/A</v>
          </cell>
          <cell r="AJ73" t="e">
            <v>#N/A</v>
          </cell>
          <cell r="AK73" t="e">
            <v>#N/A</v>
          </cell>
          <cell r="AL73" t="e">
            <v>#N/A</v>
          </cell>
          <cell r="AM73" t="e">
            <v>#N/A</v>
          </cell>
          <cell r="AO73" t="str">
            <v/>
          </cell>
          <cell r="AP73" t="str">
            <v/>
          </cell>
          <cell r="AS73" t="str">
            <v>-</v>
          </cell>
          <cell r="AY73" t="str">
            <v xml:space="preserve"> </v>
          </cell>
          <cell r="AZ73" t="str">
            <v xml:space="preserve"> </v>
          </cell>
          <cell r="BA73" t="str">
            <v xml:space="preserve"> </v>
          </cell>
          <cell r="BB73" t="str">
            <v xml:space="preserve"> </v>
          </cell>
          <cell r="BC73" t="str">
            <v xml:space="preserve"> </v>
          </cell>
          <cell r="BF73">
            <v>0</v>
          </cell>
          <cell r="BG73">
            <v>1</v>
          </cell>
          <cell r="BI73">
            <v>164745</v>
          </cell>
          <cell r="BJ73" t="str">
            <v>ＮＥＣトーキン（株）営業本部仙台支店</v>
          </cell>
          <cell r="BK73">
            <v>156900</v>
          </cell>
          <cell r="BL73">
            <v>164745</v>
          </cell>
          <cell r="BM73">
            <v>7845</v>
          </cell>
          <cell r="BN73" t="str">
            <v>発注書</v>
          </cell>
          <cell r="BO73" t="str">
            <v>非契約書</v>
          </cell>
          <cell r="BP73" t="str">
            <v>しない</v>
          </cell>
          <cell r="BQ73" t="str">
            <v>見積</v>
          </cell>
          <cell r="BR73">
            <v>1</v>
          </cell>
          <cell r="BS73">
            <v>38784</v>
          </cell>
          <cell r="BU73">
            <v>6</v>
          </cell>
          <cell r="BV73" t="str">
            <v>建改じゃないですね</v>
          </cell>
          <cell r="BW73">
            <v>6</v>
          </cell>
          <cell r="BX73" t="str">
            <v/>
          </cell>
          <cell r="BY73" t="str">
            <v/>
          </cell>
          <cell r="BZ73" t="str">
            <v/>
          </cell>
          <cell r="CA73">
            <v>38807</v>
          </cell>
          <cell r="CD73" t="str">
            <v/>
          </cell>
          <cell r="CF73" t="str">
            <v/>
          </cell>
          <cell r="CG73" t="str">
            <v>佐鳥221-6530</v>
          </cell>
          <cell r="CH73" t="str">
            <v>ＮＥＣトーキン（株）営業本部仙台支店</v>
          </cell>
          <cell r="CI73" t="str">
            <v>佐鳥　伊藤</v>
          </cell>
          <cell r="CJ73" t="str">
            <v>経営企画課</v>
          </cell>
          <cell r="CK73" t="str">
            <v>今野　吉隆　2123</v>
          </cell>
          <cell r="CN73">
            <v>164745</v>
          </cell>
          <cell r="CO73" t="e">
            <v>#VALUE!</v>
          </cell>
          <cell r="CP73">
            <v>0</v>
          </cell>
          <cell r="CQ73">
            <v>1</v>
          </cell>
        </row>
        <row r="74">
          <cell r="B74" t="str">
            <v>電照広告用カラーコルトン「広告募集（モエレ沼公園）」</v>
          </cell>
          <cell r="C74">
            <v>18</v>
          </cell>
          <cell r="D74" t="str">
            <v/>
          </cell>
          <cell r="G74">
            <v>38786</v>
          </cell>
          <cell r="I74">
            <v>1732500</v>
          </cell>
          <cell r="K74">
            <v>1732500</v>
          </cell>
          <cell r="L74" t="str">
            <v>公開</v>
          </cell>
          <cell r="M74" t="str">
            <v>一</v>
          </cell>
          <cell r="N74" t="str">
            <v>式</v>
          </cell>
          <cell r="O74" t="str">
            <v>高・営</v>
          </cell>
          <cell r="P74">
            <v>38807</v>
          </cell>
          <cell r="Q74" t="str">
            <v>経営企画課</v>
          </cell>
          <cell r="R74" t="str">
            <v>北村　淳　2125</v>
          </cell>
          <cell r="S74" t="str">
            <v>主管の部長印が必要</v>
          </cell>
          <cell r="T74" t="str">
            <v>無</v>
          </cell>
          <cell r="U74" t="str">
            <v>納入後</v>
          </cell>
          <cell r="V74" t="str">
            <v>壱</v>
          </cell>
          <cell r="X74" t="str">
            <v>課長</v>
          </cell>
          <cell r="Y74" t="str">
            <v>省略可</v>
          </cell>
          <cell r="Z74" t="str">
            <v>なか１日</v>
          </cell>
          <cell r="AA74" t="str">
            <v>公開</v>
          </cell>
          <cell r="AB74">
            <v>38792</v>
          </cell>
          <cell r="AC74">
            <v>38792</v>
          </cell>
          <cell r="AF74" t="e">
            <v>#N/A</v>
          </cell>
          <cell r="AG74" t="e">
            <v>#N/A</v>
          </cell>
          <cell r="AH74" t="e">
            <v>#N/A</v>
          </cell>
          <cell r="AI74" t="e">
            <v>#N/A</v>
          </cell>
          <cell r="AJ74" t="e">
            <v>#N/A</v>
          </cell>
          <cell r="AK74" t="e">
            <v>#N/A</v>
          </cell>
          <cell r="AL74" t="e">
            <v>#N/A</v>
          </cell>
          <cell r="AM74" t="e">
            <v>#N/A</v>
          </cell>
          <cell r="AO74" t="str">
            <v/>
          </cell>
          <cell r="AP74" t="str">
            <v/>
          </cell>
          <cell r="AS74" t="str">
            <v>-</v>
          </cell>
          <cell r="AT74" t="str">
            <v>（株）イザワ</v>
          </cell>
          <cell r="AU74" t="str">
            <v>松原産業（株）</v>
          </cell>
          <cell r="AY74" t="str">
            <v xml:space="preserve"> </v>
          </cell>
          <cell r="AZ74" t="str">
            <v xml:space="preserve"> </v>
          </cell>
          <cell r="BA74" t="str">
            <v xml:space="preserve"> </v>
          </cell>
          <cell r="BB74" t="str">
            <v xml:space="preserve"> </v>
          </cell>
          <cell r="BC74" t="str">
            <v xml:space="preserve"> </v>
          </cell>
          <cell r="BF74">
            <v>0</v>
          </cell>
          <cell r="BG74">
            <v>1</v>
          </cell>
          <cell r="BI74">
            <v>1732500</v>
          </cell>
          <cell r="BJ74" t="str">
            <v>（株）イザワ</v>
          </cell>
          <cell r="BK74">
            <v>763200</v>
          </cell>
          <cell r="BL74">
            <v>801360</v>
          </cell>
          <cell r="BM74">
            <v>38160</v>
          </cell>
          <cell r="BN74" t="str">
            <v>請書</v>
          </cell>
          <cell r="BO74" t="str">
            <v>非契約書</v>
          </cell>
          <cell r="BP74" t="str">
            <v>しない</v>
          </cell>
          <cell r="BQ74" t="str">
            <v>見積(公開)</v>
          </cell>
          <cell r="BR74">
            <v>0.46254545454545454</v>
          </cell>
          <cell r="BS74">
            <v>38796</v>
          </cell>
          <cell r="BU74">
            <v>7</v>
          </cell>
          <cell r="BV74" t="str">
            <v>建改じゃないですね</v>
          </cell>
          <cell r="BW74">
            <v>7</v>
          </cell>
          <cell r="BX74" t="str">
            <v/>
          </cell>
          <cell r="BY74" t="str">
            <v/>
          </cell>
          <cell r="BZ74" t="str">
            <v/>
          </cell>
          <cell r="CA74">
            <v>38807</v>
          </cell>
          <cell r="CD74" t="str">
            <v/>
          </cell>
          <cell r="CF74" t="str">
            <v/>
          </cell>
          <cell r="CG74">
            <v>8513655</v>
          </cell>
          <cell r="CH74" t="str">
            <v>（株）イザワ</v>
          </cell>
          <cell r="CI74" t="str">
            <v>伊澤</v>
          </cell>
          <cell r="CJ74" t="str">
            <v>経営企画課</v>
          </cell>
          <cell r="CK74" t="str">
            <v>北村　淳　2125</v>
          </cell>
          <cell r="CN74">
            <v>1732500</v>
          </cell>
          <cell r="CO74" t="e">
            <v>#VALUE!</v>
          </cell>
          <cell r="CP74">
            <v>931140</v>
          </cell>
          <cell r="CQ74">
            <v>0.46254545454545454</v>
          </cell>
        </row>
        <row r="75">
          <cell r="B75" t="str">
            <v>平成１７年度定期券発行装置等改良(夏ダイヤ)</v>
          </cell>
          <cell r="C75">
            <v>18</v>
          </cell>
          <cell r="D75" t="str">
            <v/>
          </cell>
          <cell r="G75">
            <v>38789</v>
          </cell>
          <cell r="H75" t="str">
            <v>特命</v>
          </cell>
          <cell r="I75">
            <v>4830000</v>
          </cell>
          <cell r="K75">
            <v>4830000</v>
          </cell>
          <cell r="L75" t="str">
            <v>特命</v>
          </cell>
          <cell r="M75" t="str">
            <v>一</v>
          </cell>
          <cell r="N75" t="str">
            <v>式</v>
          </cell>
          <cell r="O75" t="str">
            <v>高・営</v>
          </cell>
          <cell r="P75">
            <v>38806</v>
          </cell>
          <cell r="Q75" t="str">
            <v>電気課</v>
          </cell>
          <cell r="R75" t="str">
            <v>中田　貴也　2664</v>
          </cell>
          <cell r="S75" t="str">
            <v>主管の課長印でよい</v>
          </cell>
          <cell r="T75" t="str">
            <v>無</v>
          </cell>
          <cell r="U75" t="str">
            <v>納入後</v>
          </cell>
          <cell r="V75" t="str">
            <v>壱</v>
          </cell>
          <cell r="X75" t="str">
            <v>部長</v>
          </cell>
          <cell r="Y75" t="str">
            <v>必 要</v>
          </cell>
          <cell r="Z75" t="str">
            <v>なか１日</v>
          </cell>
          <cell r="AA75" t="str">
            <v>特命</v>
          </cell>
          <cell r="AB75">
            <v>38793</v>
          </cell>
          <cell r="AC75">
            <v>38791</v>
          </cell>
          <cell r="AD75">
            <v>1500</v>
          </cell>
          <cell r="AF75" t="e">
            <v>#N/A</v>
          </cell>
          <cell r="AG75" t="e">
            <v>#N/A</v>
          </cell>
          <cell r="AH75" t="e">
            <v>#N/A</v>
          </cell>
          <cell r="AI75" t="e">
            <v>#N/A</v>
          </cell>
          <cell r="AJ75" t="e">
            <v>#N/A</v>
          </cell>
          <cell r="AK75" t="e">
            <v>#N/A</v>
          </cell>
          <cell r="AL75" t="e">
            <v>#N/A</v>
          </cell>
          <cell r="AM75" t="e">
            <v>#N/A</v>
          </cell>
          <cell r="AO75" t="str">
            <v/>
          </cell>
          <cell r="AP75" t="str">
            <v/>
          </cell>
          <cell r="AS75" t="str">
            <v>-</v>
          </cell>
          <cell r="AY75" t="str">
            <v xml:space="preserve"> </v>
          </cell>
          <cell r="AZ75" t="str">
            <v xml:space="preserve"> </v>
          </cell>
          <cell r="BA75" t="str">
            <v xml:space="preserve"> </v>
          </cell>
          <cell r="BB75" t="str">
            <v xml:space="preserve"> </v>
          </cell>
          <cell r="BC75" t="str">
            <v xml:space="preserve"> </v>
          </cell>
          <cell r="BE75">
            <v>4600000</v>
          </cell>
          <cell r="BF75">
            <v>4830000</v>
          </cell>
          <cell r="BG75">
            <v>0</v>
          </cell>
          <cell r="BH75">
            <v>4600000</v>
          </cell>
          <cell r="BI75">
            <v>4830000</v>
          </cell>
          <cell r="BJ75" t="str">
            <v>（株）東芝北海道支社</v>
          </cell>
          <cell r="BK75">
            <v>4500000</v>
          </cell>
          <cell r="BL75">
            <v>4725000</v>
          </cell>
          <cell r="BM75">
            <v>225000</v>
          </cell>
          <cell r="BN75" t="str">
            <v>契 約 書</v>
          </cell>
          <cell r="BO75" t="str">
            <v>済</v>
          </cell>
          <cell r="BP75" t="str">
            <v>しない</v>
          </cell>
          <cell r="BQ75" t="str">
            <v>見積</v>
          </cell>
          <cell r="BR75">
            <v>0.97826086956521741</v>
          </cell>
          <cell r="BS75">
            <v>38791</v>
          </cell>
          <cell r="BU75">
            <v>8</v>
          </cell>
          <cell r="BV75" t="str">
            <v>建改じゃないですね</v>
          </cell>
          <cell r="BW75">
            <v>8</v>
          </cell>
          <cell r="BX75" t="str">
            <v/>
          </cell>
          <cell r="BY75" t="str">
            <v>交付</v>
          </cell>
          <cell r="BZ75" t="str">
            <v>済</v>
          </cell>
          <cell r="CA75">
            <v>38806</v>
          </cell>
          <cell r="CB75" t="str">
            <v>納期と同じ</v>
          </cell>
          <cell r="CD75">
            <v>38806</v>
          </cell>
          <cell r="CE75">
            <v>38807</v>
          </cell>
          <cell r="CF75" t="str">
            <v>経過</v>
          </cell>
          <cell r="CG75">
            <v>2142505</v>
          </cell>
          <cell r="CH75" t="str">
            <v>（株）東芝北海道支社</v>
          </cell>
          <cell r="CI75" t="str">
            <v>岸田　星野　外岡とのおか</v>
          </cell>
          <cell r="CJ75" t="str">
            <v>電気課</v>
          </cell>
          <cell r="CK75" t="str">
            <v>中田　貴也　2664</v>
          </cell>
          <cell r="CN75">
            <v>4830000</v>
          </cell>
          <cell r="CO75" t="e">
            <v>#VALUE!</v>
          </cell>
          <cell r="CP75">
            <v>105000</v>
          </cell>
          <cell r="CQ75">
            <v>0.97826086956521741</v>
          </cell>
        </row>
        <row r="76">
          <cell r="B76" t="str">
            <v>南北線上下式転てつ器上下作動装置他</v>
          </cell>
          <cell r="C76">
            <v>19</v>
          </cell>
          <cell r="D76">
            <v>19</v>
          </cell>
          <cell r="G76">
            <v>38789</v>
          </cell>
          <cell r="H76" t="str">
            <v>特命</v>
          </cell>
          <cell r="I76">
            <v>61740000</v>
          </cell>
          <cell r="K76">
            <v>61740000</v>
          </cell>
          <cell r="L76" t="str">
            <v>特命</v>
          </cell>
          <cell r="M76" t="str">
            <v>一</v>
          </cell>
          <cell r="N76" t="str">
            <v>式</v>
          </cell>
          <cell r="O76" t="str">
            <v>高・建改</v>
          </cell>
          <cell r="P76">
            <v>39141</v>
          </cell>
          <cell r="Q76" t="str">
            <v>施設課</v>
          </cell>
          <cell r="R76" t="str">
            <v>木村　英輝　2593</v>
          </cell>
          <cell r="S76" t="str">
            <v>管理者印必要  経理係の合議要</v>
          </cell>
          <cell r="T76" t="str">
            <v>無</v>
          </cell>
          <cell r="U76" t="str">
            <v>納入後</v>
          </cell>
          <cell r="V76" t="str">
            <v>参</v>
          </cell>
          <cell r="X76" t="str">
            <v>管理者</v>
          </cell>
          <cell r="Y76" t="str">
            <v>必 要</v>
          </cell>
          <cell r="Z76" t="str">
            <v>なか１０日</v>
          </cell>
          <cell r="AA76" t="str">
            <v>特命</v>
          </cell>
          <cell r="AB76">
            <v>38810</v>
          </cell>
          <cell r="AC76">
            <v>38803</v>
          </cell>
          <cell r="AD76">
            <v>1430</v>
          </cell>
          <cell r="AF76" t="e">
            <v>#N/A</v>
          </cell>
          <cell r="AG76" t="e">
            <v>#N/A</v>
          </cell>
          <cell r="AH76" t="e">
            <v>#N/A</v>
          </cell>
          <cell r="AI76" t="e">
            <v>#N/A</v>
          </cell>
          <cell r="AJ76" t="e">
            <v>#N/A</v>
          </cell>
          <cell r="AK76" t="e">
            <v>#N/A</v>
          </cell>
          <cell r="AL76" t="e">
            <v>#N/A</v>
          </cell>
          <cell r="AM76" t="e">
            <v>#N/A</v>
          </cell>
          <cell r="AO76" t="str">
            <v/>
          </cell>
          <cell r="AP76" t="str">
            <v/>
          </cell>
          <cell r="AS76" t="str">
            <v>-</v>
          </cell>
          <cell r="AY76" t="str">
            <v xml:space="preserve"> </v>
          </cell>
          <cell r="AZ76" t="str">
            <v xml:space="preserve"> </v>
          </cell>
          <cell r="BA76" t="str">
            <v xml:space="preserve"> </v>
          </cell>
          <cell r="BB76" t="str">
            <v xml:space="preserve"> </v>
          </cell>
          <cell r="BC76" t="str">
            <v xml:space="preserve"> </v>
          </cell>
          <cell r="BE76">
            <v>58000000</v>
          </cell>
          <cell r="BF76">
            <v>60900000</v>
          </cell>
          <cell r="BG76">
            <v>1.3605442176870763E-2</v>
          </cell>
          <cell r="BH76">
            <v>58000000</v>
          </cell>
          <cell r="BI76">
            <v>60900000</v>
          </cell>
          <cell r="BJ76" t="str">
            <v>札幌川重車両エンジニアリング（株）</v>
          </cell>
          <cell r="BK76">
            <v>58000000</v>
          </cell>
          <cell r="BL76">
            <v>60900000</v>
          </cell>
          <cell r="BM76">
            <v>2900000</v>
          </cell>
          <cell r="BN76" t="str">
            <v>契 約 書</v>
          </cell>
          <cell r="BO76" t="str">
            <v>済</v>
          </cell>
          <cell r="BP76" t="str">
            <v>する</v>
          </cell>
          <cell r="BQ76" t="str">
            <v>見積</v>
          </cell>
          <cell r="BR76">
            <v>1</v>
          </cell>
          <cell r="BS76">
            <v>38805</v>
          </cell>
          <cell r="BU76">
            <v>8</v>
          </cell>
          <cell r="BV76">
            <v>1</v>
          </cell>
          <cell r="BW76" t="str">
            <v>建改　１</v>
          </cell>
          <cell r="BX76">
            <v>19</v>
          </cell>
          <cell r="BY76" t="str">
            <v>交付</v>
          </cell>
          <cell r="BZ76" t="str">
            <v/>
          </cell>
          <cell r="CA76">
            <v>39141</v>
          </cell>
          <cell r="CD76" t="str">
            <v/>
          </cell>
          <cell r="CF76" t="str">
            <v/>
          </cell>
          <cell r="CG76">
            <v>2813701</v>
          </cell>
          <cell r="CH76" t="str">
            <v>札幌川重車両エンジニアリング（株）</v>
          </cell>
          <cell r="CI76" t="str">
            <v>苛原いらはら　武中</v>
          </cell>
          <cell r="CJ76" t="str">
            <v>施設課</v>
          </cell>
          <cell r="CK76" t="str">
            <v>木村　英輝　2593</v>
          </cell>
          <cell r="CN76">
            <v>61740000</v>
          </cell>
          <cell r="CO76" t="e">
            <v>#VALUE!</v>
          </cell>
          <cell r="CP76">
            <v>840000</v>
          </cell>
          <cell r="CQ76">
            <v>0.98639455782312924</v>
          </cell>
        </row>
        <row r="77">
          <cell r="B77" t="str">
            <v>８０００形車両用信号保安装置付属品(その２)</v>
          </cell>
          <cell r="C77">
            <v>20</v>
          </cell>
          <cell r="D77">
            <v>20</v>
          </cell>
          <cell r="G77">
            <v>38792</v>
          </cell>
          <cell r="H77" t="str">
            <v>特命</v>
          </cell>
          <cell r="I77">
            <v>25763850</v>
          </cell>
          <cell r="K77">
            <v>25763850</v>
          </cell>
          <cell r="L77" t="str">
            <v>特命</v>
          </cell>
          <cell r="M77" t="str">
            <v>一</v>
          </cell>
          <cell r="N77" t="str">
            <v>式</v>
          </cell>
          <cell r="O77" t="str">
            <v>高・建改</v>
          </cell>
          <cell r="P77">
            <v>39021</v>
          </cell>
          <cell r="Q77" t="str">
            <v>車両課</v>
          </cell>
          <cell r="R77" t="str">
            <v>小野　隆秀　2583</v>
          </cell>
          <cell r="S77" t="str">
            <v>主管の部長印が必要  経理係の合議要</v>
          </cell>
          <cell r="T77" t="str">
            <v>無</v>
          </cell>
          <cell r="U77" t="str">
            <v>納入後</v>
          </cell>
          <cell r="V77" t="str">
            <v>参</v>
          </cell>
          <cell r="X77" t="str">
            <v>管理者</v>
          </cell>
          <cell r="Y77" t="str">
            <v>必 要</v>
          </cell>
          <cell r="Z77" t="str">
            <v>なか５日</v>
          </cell>
          <cell r="AA77" t="str">
            <v>特命</v>
          </cell>
          <cell r="AB77">
            <v>38806</v>
          </cell>
          <cell r="AC77">
            <v>38804</v>
          </cell>
          <cell r="AD77">
            <v>1400</v>
          </cell>
          <cell r="AF77" t="e">
            <v>#N/A</v>
          </cell>
          <cell r="AG77" t="e">
            <v>#N/A</v>
          </cell>
          <cell r="AH77" t="e">
            <v>#N/A</v>
          </cell>
          <cell r="AI77" t="e">
            <v>#N/A</v>
          </cell>
          <cell r="AJ77" t="e">
            <v>#N/A</v>
          </cell>
          <cell r="AK77" t="e">
            <v>#N/A</v>
          </cell>
          <cell r="AL77" t="e">
            <v>#N/A</v>
          </cell>
          <cell r="AM77" t="e">
            <v>#N/A</v>
          </cell>
          <cell r="AO77" t="str">
            <v/>
          </cell>
          <cell r="AP77" t="str">
            <v/>
          </cell>
          <cell r="AS77" t="str">
            <v>-</v>
          </cell>
          <cell r="AY77" t="str">
            <v xml:space="preserve"> </v>
          </cell>
          <cell r="AZ77" t="str">
            <v xml:space="preserve"> </v>
          </cell>
          <cell r="BA77" t="str">
            <v xml:space="preserve"> </v>
          </cell>
          <cell r="BB77" t="str">
            <v xml:space="preserve"> </v>
          </cell>
          <cell r="BC77" t="str">
            <v xml:space="preserve"> </v>
          </cell>
          <cell r="BE77">
            <v>24500000</v>
          </cell>
          <cell r="BF77">
            <v>25725000</v>
          </cell>
          <cell r="BG77">
            <v>1.5079268044178029E-3</v>
          </cell>
          <cell r="BH77">
            <v>24500000</v>
          </cell>
          <cell r="BI77">
            <v>25725000</v>
          </cell>
          <cell r="BJ77" t="str">
            <v>日本信号（株）北海道支店</v>
          </cell>
          <cell r="BK77">
            <v>24200000</v>
          </cell>
          <cell r="BL77">
            <v>25410000</v>
          </cell>
          <cell r="BM77">
            <v>1210000</v>
          </cell>
          <cell r="BN77" t="str">
            <v>契 約 書</v>
          </cell>
          <cell r="BO77" t="str">
            <v>済</v>
          </cell>
          <cell r="BP77" t="str">
            <v>する</v>
          </cell>
          <cell r="BQ77" t="str">
            <v>見積</v>
          </cell>
          <cell r="BR77">
            <v>0.98775510204081629</v>
          </cell>
          <cell r="BS77">
            <v>38805</v>
          </cell>
          <cell r="BU77">
            <v>8</v>
          </cell>
          <cell r="BV77">
            <v>2</v>
          </cell>
          <cell r="BW77" t="str">
            <v>建改　２</v>
          </cell>
          <cell r="BX77">
            <v>20</v>
          </cell>
          <cell r="BY77" t="str">
            <v>交付</v>
          </cell>
          <cell r="BZ77" t="str">
            <v/>
          </cell>
          <cell r="CA77">
            <v>39021</v>
          </cell>
          <cell r="CB77" t="str">
            <v>納期と同じ</v>
          </cell>
          <cell r="CD77" t="str">
            <v/>
          </cell>
          <cell r="CE77">
            <v>39023</v>
          </cell>
          <cell r="CF77" t="str">
            <v/>
          </cell>
          <cell r="CG77">
            <v>2714161</v>
          </cell>
          <cell r="CH77" t="str">
            <v>日本信号（株）北海道支店</v>
          </cell>
          <cell r="CI77" t="str">
            <v>佐々木　藤井</v>
          </cell>
          <cell r="CJ77" t="str">
            <v>車両課</v>
          </cell>
          <cell r="CK77" t="str">
            <v>小野　隆秀　2583</v>
          </cell>
          <cell r="CN77">
            <v>25763850</v>
          </cell>
          <cell r="CO77" t="e">
            <v>#VALUE!</v>
          </cell>
          <cell r="CP77">
            <v>353850</v>
          </cell>
          <cell r="CQ77">
            <v>0.98626563964624847</v>
          </cell>
        </row>
        <row r="78">
          <cell r="B78" t="str">
            <v>８０００形車両用非常通報装置付属品</v>
          </cell>
          <cell r="C78">
            <v>21</v>
          </cell>
          <cell r="D78">
            <v>21</v>
          </cell>
          <cell r="G78">
            <v>38792</v>
          </cell>
          <cell r="H78" t="str">
            <v>特命</v>
          </cell>
          <cell r="I78">
            <v>3946950</v>
          </cell>
          <cell r="K78">
            <v>3946950</v>
          </cell>
          <cell r="L78" t="str">
            <v>特命</v>
          </cell>
          <cell r="M78" t="str">
            <v>一</v>
          </cell>
          <cell r="N78" t="str">
            <v>式</v>
          </cell>
          <cell r="O78" t="str">
            <v>高・建改</v>
          </cell>
          <cell r="P78">
            <v>38898</v>
          </cell>
          <cell r="Q78" t="str">
            <v>車両課</v>
          </cell>
          <cell r="R78" t="str">
            <v>小野　隆秀　2583</v>
          </cell>
          <cell r="S78" t="str">
            <v>主管の課長印でよい  経理係の合議要</v>
          </cell>
          <cell r="T78" t="str">
            <v>無</v>
          </cell>
          <cell r="U78" t="str">
            <v>納入後</v>
          </cell>
          <cell r="V78" t="str">
            <v>参</v>
          </cell>
          <cell r="X78" t="str">
            <v>部長</v>
          </cell>
          <cell r="Y78" t="str">
            <v>必 要</v>
          </cell>
          <cell r="Z78" t="str">
            <v>なか１日</v>
          </cell>
          <cell r="AA78" t="str">
            <v>特命</v>
          </cell>
          <cell r="AB78">
            <v>38799</v>
          </cell>
          <cell r="AC78">
            <v>38804</v>
          </cell>
          <cell r="AD78">
            <v>1405</v>
          </cell>
          <cell r="AF78" t="e">
            <v>#N/A</v>
          </cell>
          <cell r="AG78" t="e">
            <v>#N/A</v>
          </cell>
          <cell r="AH78" t="e">
            <v>#N/A</v>
          </cell>
          <cell r="AI78" t="e">
            <v>#N/A</v>
          </cell>
          <cell r="AJ78" t="e">
            <v>#N/A</v>
          </cell>
          <cell r="AK78" t="e">
            <v>#N/A</v>
          </cell>
          <cell r="AL78" t="e">
            <v>#N/A</v>
          </cell>
          <cell r="AM78" t="e">
            <v>#N/A</v>
          </cell>
          <cell r="AO78" t="str">
            <v/>
          </cell>
          <cell r="AP78" t="str">
            <v/>
          </cell>
          <cell r="AS78" t="str">
            <v>-</v>
          </cell>
          <cell r="AY78" t="str">
            <v xml:space="preserve"> </v>
          </cell>
          <cell r="AZ78" t="str">
            <v xml:space="preserve"> </v>
          </cell>
          <cell r="BA78" t="str">
            <v xml:space="preserve"> </v>
          </cell>
          <cell r="BB78" t="str">
            <v xml:space="preserve"> </v>
          </cell>
          <cell r="BC78" t="str">
            <v xml:space="preserve"> </v>
          </cell>
          <cell r="BE78">
            <v>3750000</v>
          </cell>
          <cell r="BF78">
            <v>3937500</v>
          </cell>
          <cell r="BG78">
            <v>2.3942537909018569E-3</v>
          </cell>
          <cell r="BH78">
            <v>3750000</v>
          </cell>
          <cell r="BI78">
            <v>3937500</v>
          </cell>
          <cell r="BJ78" t="str">
            <v>日本信号（株）北海道支店</v>
          </cell>
          <cell r="BK78">
            <v>3700000</v>
          </cell>
          <cell r="BL78">
            <v>3885000</v>
          </cell>
          <cell r="BM78">
            <v>185000</v>
          </cell>
          <cell r="BN78" t="str">
            <v>契 約 書</v>
          </cell>
          <cell r="BO78" t="str">
            <v>済</v>
          </cell>
          <cell r="BP78" t="str">
            <v>する</v>
          </cell>
          <cell r="BQ78" t="str">
            <v>見積</v>
          </cell>
          <cell r="BR78">
            <v>0.98666666666666669</v>
          </cell>
          <cell r="BS78">
            <v>38805</v>
          </cell>
          <cell r="BU78">
            <v>8</v>
          </cell>
          <cell r="BV78">
            <v>3</v>
          </cell>
          <cell r="BW78" t="str">
            <v>建改　３</v>
          </cell>
          <cell r="BX78">
            <v>21</v>
          </cell>
          <cell r="BY78" t="str">
            <v>交付</v>
          </cell>
          <cell r="BZ78" t="str">
            <v/>
          </cell>
          <cell r="CA78">
            <v>38898</v>
          </cell>
          <cell r="CB78" t="str">
            <v>納期と同じ</v>
          </cell>
          <cell r="CD78" t="str">
            <v/>
          </cell>
          <cell r="CE78">
            <v>38902</v>
          </cell>
          <cell r="CF78" t="str">
            <v/>
          </cell>
          <cell r="CG78">
            <v>2714161</v>
          </cell>
          <cell r="CH78" t="str">
            <v>日本信号（株）北海道支店</v>
          </cell>
          <cell r="CI78" t="str">
            <v>佐々木　藤井</v>
          </cell>
          <cell r="CJ78" t="str">
            <v>車両課</v>
          </cell>
          <cell r="CK78" t="str">
            <v>小野　隆秀　2583</v>
          </cell>
          <cell r="CN78">
            <v>3946950</v>
          </cell>
          <cell r="CO78" t="e">
            <v>#VALUE!</v>
          </cell>
          <cell r="CP78">
            <v>61950</v>
          </cell>
          <cell r="CQ78">
            <v>0.98430433625964353</v>
          </cell>
        </row>
        <row r="79">
          <cell r="B79" t="str">
            <v>８０００形車両用信号保安装置付属品(その１)</v>
          </cell>
          <cell r="C79">
            <v>22</v>
          </cell>
          <cell r="D79">
            <v>22</v>
          </cell>
          <cell r="G79">
            <v>38792</v>
          </cell>
          <cell r="H79" t="str">
            <v>特命</v>
          </cell>
          <cell r="I79">
            <v>8515500</v>
          </cell>
          <cell r="K79">
            <v>8515500</v>
          </cell>
          <cell r="L79" t="str">
            <v>特命</v>
          </cell>
          <cell r="M79" t="str">
            <v>一</v>
          </cell>
          <cell r="N79" t="str">
            <v>式</v>
          </cell>
          <cell r="O79" t="str">
            <v>高・建改</v>
          </cell>
          <cell r="P79">
            <v>38898</v>
          </cell>
          <cell r="Q79" t="str">
            <v>車両課</v>
          </cell>
          <cell r="R79" t="str">
            <v>小野　隆秀　2583</v>
          </cell>
          <cell r="S79" t="str">
            <v>主管の部長印が必要  経理係の合議要</v>
          </cell>
          <cell r="T79" t="str">
            <v>無</v>
          </cell>
          <cell r="U79" t="str">
            <v>納入後</v>
          </cell>
          <cell r="V79" t="str">
            <v>参</v>
          </cell>
          <cell r="X79" t="str">
            <v>部長</v>
          </cell>
          <cell r="Y79" t="str">
            <v>必 要</v>
          </cell>
          <cell r="Z79" t="str">
            <v>なか５日</v>
          </cell>
          <cell r="AA79" t="str">
            <v>特命</v>
          </cell>
          <cell r="AB79">
            <v>38805</v>
          </cell>
          <cell r="AC79">
            <v>38804</v>
          </cell>
          <cell r="AD79">
            <v>1410</v>
          </cell>
          <cell r="AF79" t="e">
            <v>#N/A</v>
          </cell>
          <cell r="AG79" t="e">
            <v>#N/A</v>
          </cell>
          <cell r="AH79" t="e">
            <v>#N/A</v>
          </cell>
          <cell r="AI79" t="e">
            <v>#N/A</v>
          </cell>
          <cell r="AJ79" t="e">
            <v>#N/A</v>
          </cell>
          <cell r="AK79" t="e">
            <v>#N/A</v>
          </cell>
          <cell r="AL79" t="e">
            <v>#N/A</v>
          </cell>
          <cell r="AM79" t="e">
            <v>#N/A</v>
          </cell>
          <cell r="AO79" t="str">
            <v/>
          </cell>
          <cell r="AP79" t="str">
            <v/>
          </cell>
          <cell r="AS79" t="str">
            <v>-</v>
          </cell>
          <cell r="AY79" t="str">
            <v xml:space="preserve"> </v>
          </cell>
          <cell r="AZ79" t="str">
            <v xml:space="preserve"> </v>
          </cell>
          <cell r="BA79" t="str">
            <v xml:space="preserve"> </v>
          </cell>
          <cell r="BB79" t="str">
            <v xml:space="preserve"> </v>
          </cell>
          <cell r="BC79" t="str">
            <v xml:space="preserve"> </v>
          </cell>
          <cell r="BE79">
            <v>8100000</v>
          </cell>
          <cell r="BF79">
            <v>8505000</v>
          </cell>
          <cell r="BG79">
            <v>1.2330456226880004E-3</v>
          </cell>
          <cell r="BH79">
            <v>8100000</v>
          </cell>
          <cell r="BI79">
            <v>8505000</v>
          </cell>
          <cell r="BJ79" t="str">
            <v>（株）日立製作所北海道支社</v>
          </cell>
          <cell r="BK79">
            <v>8100000</v>
          </cell>
          <cell r="BL79">
            <v>8505000</v>
          </cell>
          <cell r="BM79">
            <v>405000</v>
          </cell>
          <cell r="BN79" t="str">
            <v>契 約 書</v>
          </cell>
          <cell r="BO79" t="str">
            <v>済</v>
          </cell>
          <cell r="BP79" t="str">
            <v>する</v>
          </cell>
          <cell r="BQ79" t="str">
            <v>見積</v>
          </cell>
          <cell r="BR79">
            <v>1</v>
          </cell>
          <cell r="BS79">
            <v>38805</v>
          </cell>
          <cell r="BU79">
            <v>8</v>
          </cell>
          <cell r="BV79">
            <v>4</v>
          </cell>
          <cell r="BW79" t="str">
            <v>建改　４</v>
          </cell>
          <cell r="BX79">
            <v>22</v>
          </cell>
          <cell r="BY79" t="str">
            <v>交付</v>
          </cell>
          <cell r="BZ79" t="str">
            <v/>
          </cell>
          <cell r="CA79">
            <v>38898</v>
          </cell>
          <cell r="CB79" t="str">
            <v>納期と同じ</v>
          </cell>
          <cell r="CD79" t="str">
            <v/>
          </cell>
          <cell r="CE79">
            <v>38902</v>
          </cell>
          <cell r="CF79" t="str">
            <v/>
          </cell>
          <cell r="CG79">
            <v>2210354</v>
          </cell>
          <cell r="CH79" t="str">
            <v>（株）日立製作所北海道支社</v>
          </cell>
          <cell r="CI79" t="str">
            <v>土井　土屋</v>
          </cell>
          <cell r="CJ79" t="str">
            <v>車両課</v>
          </cell>
          <cell r="CK79" t="str">
            <v>小野　隆秀　2583</v>
          </cell>
          <cell r="CN79">
            <v>8515500</v>
          </cell>
          <cell r="CO79" t="e">
            <v>#VALUE!</v>
          </cell>
          <cell r="CP79">
            <v>10500</v>
          </cell>
          <cell r="CQ79">
            <v>0.998766954377312</v>
          </cell>
        </row>
        <row r="80">
          <cell r="B80" t="str">
            <v>８０００形車両用VVVFインバータ制御装置付属品</v>
          </cell>
          <cell r="C80">
            <v>23</v>
          </cell>
          <cell r="D80">
            <v>23</v>
          </cell>
          <cell r="G80">
            <v>38792</v>
          </cell>
          <cell r="H80" t="str">
            <v>特命</v>
          </cell>
          <cell r="I80">
            <v>4220475</v>
          </cell>
          <cell r="K80">
            <v>4220475</v>
          </cell>
          <cell r="L80" t="str">
            <v>特命</v>
          </cell>
          <cell r="M80" t="str">
            <v>一</v>
          </cell>
          <cell r="N80" t="str">
            <v>式</v>
          </cell>
          <cell r="O80" t="str">
            <v>高・建改</v>
          </cell>
          <cell r="P80">
            <v>39021</v>
          </cell>
          <cell r="Q80" t="str">
            <v>車両課</v>
          </cell>
          <cell r="R80" t="str">
            <v>内木　武美　2584</v>
          </cell>
          <cell r="S80" t="str">
            <v>主管の課長印でよい  経理係の合議要</v>
          </cell>
          <cell r="T80" t="str">
            <v>無</v>
          </cell>
          <cell r="U80" t="str">
            <v>納入後</v>
          </cell>
          <cell r="V80" t="str">
            <v>参</v>
          </cell>
          <cell r="X80" t="str">
            <v>部長</v>
          </cell>
          <cell r="Y80" t="str">
            <v>必 要</v>
          </cell>
          <cell r="Z80" t="str">
            <v>なか１日</v>
          </cell>
          <cell r="AA80" t="str">
            <v>特命</v>
          </cell>
          <cell r="AB80">
            <v>38799</v>
          </cell>
          <cell r="AC80">
            <v>38804</v>
          </cell>
          <cell r="AD80">
            <v>1415</v>
          </cell>
          <cell r="AF80" t="e">
            <v>#N/A</v>
          </cell>
          <cell r="AG80" t="e">
            <v>#N/A</v>
          </cell>
          <cell r="AH80" t="e">
            <v>#N/A</v>
          </cell>
          <cell r="AI80" t="e">
            <v>#N/A</v>
          </cell>
          <cell r="AJ80" t="e">
            <v>#N/A</v>
          </cell>
          <cell r="AK80" t="e">
            <v>#N/A</v>
          </cell>
          <cell r="AL80" t="e">
            <v>#N/A</v>
          </cell>
          <cell r="AM80" t="e">
            <v>#N/A</v>
          </cell>
          <cell r="AO80" t="str">
            <v/>
          </cell>
          <cell r="AP80" t="str">
            <v/>
          </cell>
          <cell r="AS80" t="str">
            <v>-</v>
          </cell>
          <cell r="AY80" t="str">
            <v xml:space="preserve"> </v>
          </cell>
          <cell r="AZ80" t="str">
            <v xml:space="preserve"> </v>
          </cell>
          <cell r="BA80" t="str">
            <v xml:space="preserve"> </v>
          </cell>
          <cell r="BB80" t="str">
            <v xml:space="preserve"> </v>
          </cell>
          <cell r="BC80" t="str">
            <v xml:space="preserve"> </v>
          </cell>
          <cell r="BE80">
            <v>3410000</v>
          </cell>
          <cell r="BF80">
            <v>3580500</v>
          </cell>
          <cell r="BG80">
            <v>0.15163577559397934</v>
          </cell>
          <cell r="BH80">
            <v>3410000</v>
          </cell>
          <cell r="BI80">
            <v>3580500</v>
          </cell>
          <cell r="BJ80" t="str">
            <v>（株）日立製作所北海道支社</v>
          </cell>
          <cell r="BK80">
            <v>3400000</v>
          </cell>
          <cell r="BL80">
            <v>3570000</v>
          </cell>
          <cell r="BM80">
            <v>170000</v>
          </cell>
          <cell r="BN80" t="str">
            <v>契 約 書</v>
          </cell>
          <cell r="BO80" t="str">
            <v>済</v>
          </cell>
          <cell r="BP80" t="str">
            <v>する</v>
          </cell>
          <cell r="BQ80" t="str">
            <v>見積</v>
          </cell>
          <cell r="BR80">
            <v>0.99706744868035191</v>
          </cell>
          <cell r="BS80">
            <v>38805</v>
          </cell>
          <cell r="BU80">
            <v>8</v>
          </cell>
          <cell r="BV80">
            <v>5</v>
          </cell>
          <cell r="BW80" t="str">
            <v>建改　５</v>
          </cell>
          <cell r="BX80">
            <v>23</v>
          </cell>
          <cell r="BY80" t="str">
            <v>交付</v>
          </cell>
          <cell r="BZ80" t="str">
            <v/>
          </cell>
          <cell r="CA80">
            <v>39021</v>
          </cell>
          <cell r="CB80" t="str">
            <v>納期と同じ</v>
          </cell>
          <cell r="CD80" t="str">
            <v/>
          </cell>
          <cell r="CE80">
            <v>39023</v>
          </cell>
          <cell r="CF80" t="str">
            <v/>
          </cell>
          <cell r="CG80">
            <v>2210354</v>
          </cell>
          <cell r="CH80" t="str">
            <v>（株）日立製作所北海道支社</v>
          </cell>
          <cell r="CI80" t="str">
            <v>土井　土屋</v>
          </cell>
          <cell r="CJ80" t="str">
            <v>車両課</v>
          </cell>
          <cell r="CK80" t="str">
            <v>内木　武美　2584</v>
          </cell>
          <cell r="CN80">
            <v>4220475</v>
          </cell>
          <cell r="CO80" t="e">
            <v>#VALUE!</v>
          </cell>
          <cell r="CP80">
            <v>650475</v>
          </cell>
          <cell r="CQ80">
            <v>0.84587635278019657</v>
          </cell>
        </row>
        <row r="81">
          <cell r="B81" t="str">
            <v>８０００形車両用　空制装置付属品</v>
          </cell>
          <cell r="C81">
            <v>24</v>
          </cell>
          <cell r="D81">
            <v>24</v>
          </cell>
          <cell r="G81">
            <v>38792</v>
          </cell>
          <cell r="H81" t="str">
            <v>特命</v>
          </cell>
          <cell r="I81">
            <v>526050</v>
          </cell>
          <cell r="K81">
            <v>526050</v>
          </cell>
          <cell r="L81" t="str">
            <v>特命</v>
          </cell>
          <cell r="M81" t="str">
            <v>一</v>
          </cell>
          <cell r="N81" t="str">
            <v>式</v>
          </cell>
          <cell r="O81" t="str">
            <v>高・建改</v>
          </cell>
          <cell r="P81">
            <v>39021</v>
          </cell>
          <cell r="Q81" t="str">
            <v>車両課</v>
          </cell>
          <cell r="R81" t="str">
            <v>本間　均　2582</v>
          </cell>
          <cell r="S81" t="str">
            <v>主管の課長印でよい  経理係の合議要</v>
          </cell>
          <cell r="T81" t="str">
            <v>無</v>
          </cell>
          <cell r="U81" t="str">
            <v>納入後</v>
          </cell>
          <cell r="V81" t="str">
            <v>参</v>
          </cell>
          <cell r="X81" t="str">
            <v>課長</v>
          </cell>
          <cell r="Y81" t="str">
            <v>省略可</v>
          </cell>
          <cell r="Z81" t="str">
            <v>なか１日</v>
          </cell>
          <cell r="AA81" t="str">
            <v>特命</v>
          </cell>
          <cell r="AB81">
            <v>38798</v>
          </cell>
          <cell r="AC81">
            <v>38804</v>
          </cell>
          <cell r="AD81">
            <v>1420</v>
          </cell>
          <cell r="AF81" t="e">
            <v>#N/A</v>
          </cell>
          <cell r="AG81" t="e">
            <v>#N/A</v>
          </cell>
          <cell r="AH81" t="e">
            <v>#N/A</v>
          </cell>
          <cell r="AI81" t="e">
            <v>#N/A</v>
          </cell>
          <cell r="AJ81" t="e">
            <v>#N/A</v>
          </cell>
          <cell r="AK81" t="e">
            <v>#N/A</v>
          </cell>
          <cell r="AL81" t="e">
            <v>#N/A</v>
          </cell>
          <cell r="AM81" t="e">
            <v>#N/A</v>
          </cell>
          <cell r="AO81" t="str">
            <v/>
          </cell>
          <cell r="AP81" t="str">
            <v/>
          </cell>
          <cell r="AS81" t="str">
            <v>-</v>
          </cell>
          <cell r="AY81" t="str">
            <v xml:space="preserve"> </v>
          </cell>
          <cell r="AZ81" t="str">
            <v xml:space="preserve"> </v>
          </cell>
          <cell r="BA81" t="str">
            <v xml:space="preserve"> </v>
          </cell>
          <cell r="BB81" t="str">
            <v xml:space="preserve"> </v>
          </cell>
          <cell r="BC81" t="str">
            <v xml:space="preserve"> </v>
          </cell>
          <cell r="BF81">
            <v>0</v>
          </cell>
          <cell r="BG81">
            <v>1</v>
          </cell>
          <cell r="BI81">
            <v>526050</v>
          </cell>
          <cell r="BJ81" t="str">
            <v>ナブテスコ（株）鉄道カンパニー札幌営業所</v>
          </cell>
          <cell r="BK81">
            <v>501000</v>
          </cell>
          <cell r="BL81">
            <v>526050</v>
          </cell>
          <cell r="BM81">
            <v>25050</v>
          </cell>
          <cell r="BN81" t="str">
            <v>請書</v>
          </cell>
          <cell r="BO81" t="str">
            <v>非契約書</v>
          </cell>
          <cell r="BP81" t="str">
            <v>する</v>
          </cell>
          <cell r="BQ81" t="str">
            <v>見積</v>
          </cell>
          <cell r="BR81">
            <v>1</v>
          </cell>
          <cell r="BS81">
            <v>38805</v>
          </cell>
          <cell r="BU81">
            <v>8</v>
          </cell>
          <cell r="BV81">
            <v>6</v>
          </cell>
          <cell r="BW81" t="str">
            <v>建改　６</v>
          </cell>
          <cell r="BX81">
            <v>24</v>
          </cell>
          <cell r="BY81" t="str">
            <v/>
          </cell>
          <cell r="BZ81" t="str">
            <v/>
          </cell>
          <cell r="CA81">
            <v>39021</v>
          </cell>
          <cell r="CD81" t="str">
            <v/>
          </cell>
          <cell r="CF81">
            <v>1</v>
          </cell>
          <cell r="CG81">
            <v>2518611</v>
          </cell>
          <cell r="CH81" t="str">
            <v>ナブテスコ（株）鉄道カンパニー札幌営業所</v>
          </cell>
          <cell r="CI81" t="str">
            <v>國井</v>
          </cell>
          <cell r="CJ81" t="str">
            <v>車両課</v>
          </cell>
          <cell r="CK81" t="str">
            <v>本間　均　2582</v>
          </cell>
          <cell r="CN81">
            <v>526050</v>
          </cell>
          <cell r="CO81" t="e">
            <v>#VALUE!</v>
          </cell>
          <cell r="CP81">
            <v>0</v>
          </cell>
          <cell r="CQ81">
            <v>1</v>
          </cell>
        </row>
        <row r="82">
          <cell r="C82">
            <v>24</v>
          </cell>
          <cell r="D82" t="str">
            <v/>
          </cell>
          <cell r="K82">
            <v>0</v>
          </cell>
          <cell r="L82" t="str">
            <v xml:space="preserve"> </v>
          </cell>
          <cell r="M82" t="str">
            <v>一</v>
          </cell>
          <cell r="N82" t="str">
            <v>式</v>
          </cell>
          <cell r="S82" t="str">
            <v/>
          </cell>
          <cell r="T82" t="str">
            <v>無</v>
          </cell>
          <cell r="U82" t="str">
            <v>納入後</v>
          </cell>
          <cell r="V82" t="str">
            <v>壱</v>
          </cell>
          <cell r="X82" t="str">
            <v xml:space="preserve"> </v>
          </cell>
          <cell r="Y82" t="str">
            <v xml:space="preserve"> </v>
          </cell>
          <cell r="Z82" t="str">
            <v xml:space="preserve"> </v>
          </cell>
          <cell r="AA82" t="str">
            <v xml:space="preserve"> </v>
          </cell>
          <cell r="AB82" t="str">
            <v/>
          </cell>
          <cell r="AF82" t="e">
            <v>#N/A</v>
          </cell>
          <cell r="AG82" t="e">
            <v>#N/A</v>
          </cell>
          <cell r="AH82" t="e">
            <v>#N/A</v>
          </cell>
          <cell r="AI82" t="e">
            <v>#N/A</v>
          </cell>
          <cell r="AJ82" t="e">
            <v>#N/A</v>
          </cell>
          <cell r="AK82" t="e">
            <v>#N/A</v>
          </cell>
          <cell r="AL82" t="e">
            <v>#N/A</v>
          </cell>
          <cell r="AM82" t="e">
            <v>#N/A</v>
          </cell>
          <cell r="AO82" t="str">
            <v/>
          </cell>
          <cell r="AP82" t="str">
            <v/>
          </cell>
          <cell r="AS82" t="str">
            <v>-</v>
          </cell>
          <cell r="AY82" t="str">
            <v xml:space="preserve"> </v>
          </cell>
          <cell r="AZ82" t="str">
            <v xml:space="preserve"> </v>
          </cell>
          <cell r="BA82" t="str">
            <v xml:space="preserve"> </v>
          </cell>
          <cell r="BB82" t="str">
            <v xml:space="preserve"> </v>
          </cell>
          <cell r="BC82" t="str">
            <v xml:space="preserve"> </v>
          </cell>
          <cell r="BF82">
            <v>0</v>
          </cell>
          <cell r="BG82" t="e">
            <v>#DIV/0!</v>
          </cell>
          <cell r="BI82">
            <v>0</v>
          </cell>
          <cell r="BL82">
            <v>0</v>
          </cell>
          <cell r="BM82">
            <v>0</v>
          </cell>
          <cell r="BN82" t="str">
            <v/>
          </cell>
          <cell r="BO82" t="str">
            <v>非契約書</v>
          </cell>
          <cell r="BP82" t="str">
            <v/>
          </cell>
          <cell r="BQ82" t="str">
            <v xml:space="preserve"> </v>
          </cell>
          <cell r="BR82" t="str">
            <v/>
          </cell>
          <cell r="BU82">
            <v>9</v>
          </cell>
          <cell r="BV82" t="str">
            <v>建改じゃないですね</v>
          </cell>
          <cell r="BW82">
            <v>9</v>
          </cell>
          <cell r="BX82" t="str">
            <v/>
          </cell>
          <cell r="BY82" t="str">
            <v/>
          </cell>
          <cell r="BZ82" t="str">
            <v/>
          </cell>
          <cell r="CA82">
            <v>0</v>
          </cell>
          <cell r="CD82" t="str">
            <v/>
          </cell>
          <cell r="CF82" t="str">
            <v/>
          </cell>
          <cell r="CG82" t="e">
            <v>#N/A</v>
          </cell>
          <cell r="CH82">
            <v>0</v>
          </cell>
          <cell r="CI82" t="e">
            <v>#N/A</v>
          </cell>
          <cell r="CJ82">
            <v>0</v>
          </cell>
          <cell r="CK82">
            <v>0</v>
          </cell>
          <cell r="CN82">
            <v>0</v>
          </cell>
          <cell r="CO82" t="e">
            <v>#VALUE!</v>
          </cell>
          <cell r="CP82">
            <v>0</v>
          </cell>
          <cell r="CQ82" t="e">
            <v>#DIV/0!</v>
          </cell>
        </row>
        <row r="83">
          <cell r="C83">
            <v>24</v>
          </cell>
          <cell r="D83" t="str">
            <v/>
          </cell>
          <cell r="K83">
            <v>0</v>
          </cell>
          <cell r="L83" t="str">
            <v xml:space="preserve"> </v>
          </cell>
          <cell r="M83" t="str">
            <v>一</v>
          </cell>
          <cell r="N83" t="str">
            <v>式</v>
          </cell>
          <cell r="S83" t="str">
            <v/>
          </cell>
          <cell r="T83" t="str">
            <v>無</v>
          </cell>
          <cell r="U83" t="str">
            <v>納入後</v>
          </cell>
          <cell r="V83" t="str">
            <v>壱</v>
          </cell>
          <cell r="X83" t="str">
            <v xml:space="preserve"> </v>
          </cell>
          <cell r="Y83" t="str">
            <v xml:space="preserve"> </v>
          </cell>
          <cell r="Z83" t="str">
            <v xml:space="preserve"> </v>
          </cell>
          <cell r="AA83" t="str">
            <v xml:space="preserve"> </v>
          </cell>
          <cell r="AB83" t="str">
            <v/>
          </cell>
          <cell r="AF83" t="e">
            <v>#N/A</v>
          </cell>
          <cell r="AG83" t="e">
            <v>#N/A</v>
          </cell>
          <cell r="AH83" t="e">
            <v>#N/A</v>
          </cell>
          <cell r="AI83" t="e">
            <v>#N/A</v>
          </cell>
          <cell r="AJ83" t="e">
            <v>#N/A</v>
          </cell>
          <cell r="AK83" t="e">
            <v>#N/A</v>
          </cell>
          <cell r="AL83" t="e">
            <v>#N/A</v>
          </cell>
          <cell r="AM83" t="e">
            <v>#N/A</v>
          </cell>
          <cell r="AO83" t="str">
            <v/>
          </cell>
          <cell r="AP83" t="str">
            <v/>
          </cell>
          <cell r="AS83" t="str">
            <v>-</v>
          </cell>
          <cell r="AY83" t="str">
            <v xml:space="preserve"> </v>
          </cell>
          <cell r="AZ83" t="str">
            <v xml:space="preserve"> </v>
          </cell>
          <cell r="BA83" t="str">
            <v xml:space="preserve"> </v>
          </cell>
          <cell r="BB83" t="str">
            <v xml:space="preserve"> </v>
          </cell>
          <cell r="BC83" t="str">
            <v xml:space="preserve"> </v>
          </cell>
          <cell r="BF83">
            <v>0</v>
          </cell>
          <cell r="BG83" t="e">
            <v>#DIV/0!</v>
          </cell>
          <cell r="BI83">
            <v>0</v>
          </cell>
          <cell r="BL83">
            <v>0</v>
          </cell>
          <cell r="BM83">
            <v>0</v>
          </cell>
          <cell r="BN83" t="str">
            <v/>
          </cell>
          <cell r="BO83" t="str">
            <v>非契約書</v>
          </cell>
          <cell r="BP83" t="str">
            <v/>
          </cell>
          <cell r="BQ83" t="str">
            <v xml:space="preserve"> </v>
          </cell>
          <cell r="BR83" t="str">
            <v/>
          </cell>
          <cell r="BU83">
            <v>10</v>
          </cell>
          <cell r="BV83" t="str">
            <v>建改じゃないですね</v>
          </cell>
          <cell r="BW83">
            <v>10</v>
          </cell>
          <cell r="BX83" t="str">
            <v/>
          </cell>
          <cell r="BY83" t="str">
            <v/>
          </cell>
          <cell r="BZ83" t="str">
            <v/>
          </cell>
          <cell r="CA83">
            <v>0</v>
          </cell>
          <cell r="CD83" t="str">
            <v/>
          </cell>
          <cell r="CF83" t="str">
            <v/>
          </cell>
          <cell r="CG83" t="e">
            <v>#N/A</v>
          </cell>
          <cell r="CH83">
            <v>0</v>
          </cell>
          <cell r="CI83" t="e">
            <v>#N/A</v>
          </cell>
          <cell r="CJ83">
            <v>0</v>
          </cell>
          <cell r="CK83">
            <v>0</v>
          </cell>
          <cell r="CN83">
            <v>0</v>
          </cell>
          <cell r="CO83" t="e">
            <v>#VALUE!</v>
          </cell>
          <cell r="CP83">
            <v>0</v>
          </cell>
          <cell r="CQ83" t="e">
            <v>#DIV/0!</v>
          </cell>
        </row>
        <row r="84">
          <cell r="C84">
            <v>24</v>
          </cell>
          <cell r="D84" t="str">
            <v/>
          </cell>
          <cell r="K84">
            <v>0</v>
          </cell>
          <cell r="L84" t="str">
            <v xml:space="preserve"> </v>
          </cell>
          <cell r="M84" t="str">
            <v>一</v>
          </cell>
          <cell r="N84" t="str">
            <v>式</v>
          </cell>
          <cell r="S84" t="str">
            <v/>
          </cell>
          <cell r="T84" t="str">
            <v>無</v>
          </cell>
          <cell r="U84" t="str">
            <v>納入後</v>
          </cell>
          <cell r="V84" t="str">
            <v>壱</v>
          </cell>
          <cell r="X84" t="str">
            <v xml:space="preserve"> </v>
          </cell>
          <cell r="Y84" t="str">
            <v xml:space="preserve"> </v>
          </cell>
          <cell r="Z84" t="str">
            <v xml:space="preserve"> </v>
          </cell>
          <cell r="AA84" t="str">
            <v xml:space="preserve"> </v>
          </cell>
          <cell r="AB84" t="str">
            <v/>
          </cell>
          <cell r="AF84" t="e">
            <v>#N/A</v>
          </cell>
          <cell r="AG84" t="e">
            <v>#N/A</v>
          </cell>
          <cell r="AH84" t="e">
            <v>#N/A</v>
          </cell>
          <cell r="AI84" t="e">
            <v>#N/A</v>
          </cell>
          <cell r="AJ84" t="e">
            <v>#N/A</v>
          </cell>
          <cell r="AK84" t="e">
            <v>#N/A</v>
          </cell>
          <cell r="AL84" t="e">
            <v>#N/A</v>
          </cell>
          <cell r="AM84" t="e">
            <v>#N/A</v>
          </cell>
          <cell r="AO84" t="str">
            <v/>
          </cell>
          <cell r="AP84" t="str">
            <v/>
          </cell>
          <cell r="AS84" t="str">
            <v>-</v>
          </cell>
          <cell r="AY84" t="str">
            <v xml:space="preserve"> </v>
          </cell>
          <cell r="AZ84" t="str">
            <v xml:space="preserve"> </v>
          </cell>
          <cell r="BA84" t="str">
            <v xml:space="preserve"> </v>
          </cell>
          <cell r="BB84" t="str">
            <v xml:space="preserve"> </v>
          </cell>
          <cell r="BC84" t="str">
            <v xml:space="preserve"> </v>
          </cell>
          <cell r="BF84">
            <v>0</v>
          </cell>
          <cell r="BG84" t="e">
            <v>#DIV/0!</v>
          </cell>
          <cell r="BI84">
            <v>0</v>
          </cell>
          <cell r="BL84">
            <v>0</v>
          </cell>
          <cell r="BM84">
            <v>0</v>
          </cell>
          <cell r="BN84" t="str">
            <v/>
          </cell>
          <cell r="BO84" t="str">
            <v>非契約書</v>
          </cell>
          <cell r="BP84" t="str">
            <v/>
          </cell>
          <cell r="BQ84" t="str">
            <v xml:space="preserve"> </v>
          </cell>
          <cell r="BR84" t="str">
            <v/>
          </cell>
          <cell r="BU84">
            <v>11</v>
          </cell>
          <cell r="BV84" t="str">
            <v>建改じゃないですね</v>
          </cell>
          <cell r="BW84">
            <v>11</v>
          </cell>
          <cell r="BX84" t="str">
            <v/>
          </cell>
          <cell r="BY84" t="str">
            <v/>
          </cell>
          <cell r="BZ84" t="str">
            <v/>
          </cell>
          <cell r="CA84">
            <v>0</v>
          </cell>
          <cell r="CD84" t="str">
            <v/>
          </cell>
          <cell r="CF84" t="str">
            <v/>
          </cell>
          <cell r="CG84" t="e">
            <v>#N/A</v>
          </cell>
          <cell r="CH84">
            <v>0</v>
          </cell>
          <cell r="CI84" t="e">
            <v>#N/A</v>
          </cell>
          <cell r="CJ84">
            <v>0</v>
          </cell>
          <cell r="CK84">
            <v>0</v>
          </cell>
          <cell r="CN84">
            <v>0</v>
          </cell>
          <cell r="CO84" t="e">
            <v>#VALUE!</v>
          </cell>
          <cell r="CP84">
            <v>0</v>
          </cell>
          <cell r="CQ84" t="e">
            <v>#DIV/0!</v>
          </cell>
        </row>
        <row r="85">
          <cell r="C85">
            <v>24</v>
          </cell>
          <cell r="D85" t="str">
            <v/>
          </cell>
          <cell r="K85">
            <v>0</v>
          </cell>
          <cell r="L85" t="str">
            <v xml:space="preserve"> </v>
          </cell>
          <cell r="M85" t="str">
            <v>一</v>
          </cell>
          <cell r="N85" t="str">
            <v>式</v>
          </cell>
          <cell r="S85" t="str">
            <v/>
          </cell>
          <cell r="T85" t="str">
            <v>無</v>
          </cell>
          <cell r="U85" t="str">
            <v>納入後</v>
          </cell>
          <cell r="V85" t="str">
            <v>壱</v>
          </cell>
          <cell r="X85" t="str">
            <v xml:space="preserve"> </v>
          </cell>
          <cell r="Y85" t="str">
            <v xml:space="preserve"> </v>
          </cell>
          <cell r="Z85" t="str">
            <v xml:space="preserve"> </v>
          </cell>
          <cell r="AA85" t="str">
            <v xml:space="preserve"> </v>
          </cell>
          <cell r="AB85" t="str">
            <v/>
          </cell>
          <cell r="AF85" t="e">
            <v>#N/A</v>
          </cell>
          <cell r="AG85" t="e">
            <v>#N/A</v>
          </cell>
          <cell r="AH85" t="e">
            <v>#N/A</v>
          </cell>
          <cell r="AI85" t="e">
            <v>#N/A</v>
          </cell>
          <cell r="AJ85" t="e">
            <v>#N/A</v>
          </cell>
          <cell r="AK85" t="e">
            <v>#N/A</v>
          </cell>
          <cell r="AL85" t="e">
            <v>#N/A</v>
          </cell>
          <cell r="AM85" t="e">
            <v>#N/A</v>
          </cell>
          <cell r="AO85" t="str">
            <v/>
          </cell>
          <cell r="AP85" t="str">
            <v/>
          </cell>
          <cell r="AS85" t="str">
            <v>-</v>
          </cell>
          <cell r="AY85" t="str">
            <v xml:space="preserve"> </v>
          </cell>
          <cell r="AZ85" t="str">
            <v xml:space="preserve"> </v>
          </cell>
          <cell r="BA85" t="str">
            <v xml:space="preserve"> </v>
          </cell>
          <cell r="BB85" t="str">
            <v xml:space="preserve"> </v>
          </cell>
          <cell r="BC85" t="str">
            <v xml:space="preserve"> </v>
          </cell>
          <cell r="BF85">
            <v>0</v>
          </cell>
          <cell r="BG85" t="e">
            <v>#DIV/0!</v>
          </cell>
          <cell r="BI85">
            <v>0</v>
          </cell>
          <cell r="BL85">
            <v>0</v>
          </cell>
          <cell r="BM85">
            <v>0</v>
          </cell>
          <cell r="BN85" t="str">
            <v/>
          </cell>
          <cell r="BO85" t="str">
            <v>非契約書</v>
          </cell>
          <cell r="BP85" t="str">
            <v/>
          </cell>
          <cell r="BQ85" t="str">
            <v xml:space="preserve"> </v>
          </cell>
          <cell r="BR85" t="str">
            <v/>
          </cell>
          <cell r="BU85">
            <v>12</v>
          </cell>
          <cell r="BV85" t="str">
            <v>建改じゃないですね</v>
          </cell>
          <cell r="BW85">
            <v>12</v>
          </cell>
          <cell r="BX85" t="str">
            <v/>
          </cell>
          <cell r="BY85" t="str">
            <v/>
          </cell>
          <cell r="BZ85" t="str">
            <v/>
          </cell>
          <cell r="CA85">
            <v>0</v>
          </cell>
          <cell r="CD85" t="str">
            <v/>
          </cell>
          <cell r="CF85" t="str">
            <v/>
          </cell>
          <cell r="CG85" t="e">
            <v>#N/A</v>
          </cell>
          <cell r="CH85">
            <v>0</v>
          </cell>
          <cell r="CI85" t="e">
            <v>#N/A</v>
          </cell>
          <cell r="CJ85">
            <v>0</v>
          </cell>
          <cell r="CK85">
            <v>0</v>
          </cell>
          <cell r="CN85">
            <v>0</v>
          </cell>
          <cell r="CO85" t="e">
            <v>#VALUE!</v>
          </cell>
          <cell r="CP85">
            <v>0</v>
          </cell>
          <cell r="CQ85" t="e">
            <v>#DIV/0!</v>
          </cell>
        </row>
        <row r="86">
          <cell r="C86">
            <v>24</v>
          </cell>
          <cell r="D86" t="str">
            <v/>
          </cell>
          <cell r="K86">
            <v>0</v>
          </cell>
          <cell r="L86" t="str">
            <v xml:space="preserve"> </v>
          </cell>
          <cell r="M86" t="str">
            <v>一</v>
          </cell>
          <cell r="N86" t="str">
            <v>式</v>
          </cell>
          <cell r="S86" t="str">
            <v/>
          </cell>
          <cell r="T86" t="str">
            <v>無</v>
          </cell>
          <cell r="U86" t="str">
            <v>納入後</v>
          </cell>
          <cell r="V86" t="str">
            <v>壱</v>
          </cell>
          <cell r="X86" t="str">
            <v xml:space="preserve"> </v>
          </cell>
          <cell r="Y86" t="str">
            <v xml:space="preserve"> </v>
          </cell>
          <cell r="Z86" t="str">
            <v xml:space="preserve"> </v>
          </cell>
          <cell r="AA86" t="str">
            <v xml:space="preserve"> </v>
          </cell>
          <cell r="AB86" t="str">
            <v/>
          </cell>
          <cell r="AF86" t="e">
            <v>#N/A</v>
          </cell>
          <cell r="AG86" t="e">
            <v>#N/A</v>
          </cell>
          <cell r="AH86" t="e">
            <v>#N/A</v>
          </cell>
          <cell r="AI86" t="e">
            <v>#N/A</v>
          </cell>
          <cell r="AJ86" t="e">
            <v>#N/A</v>
          </cell>
          <cell r="AK86" t="e">
            <v>#N/A</v>
          </cell>
          <cell r="AL86" t="e">
            <v>#N/A</v>
          </cell>
          <cell r="AM86" t="e">
            <v>#N/A</v>
          </cell>
          <cell r="AO86" t="str">
            <v/>
          </cell>
          <cell r="AP86" t="str">
            <v/>
          </cell>
          <cell r="AS86" t="str">
            <v>-</v>
          </cell>
          <cell r="AY86" t="str">
            <v xml:space="preserve"> </v>
          </cell>
          <cell r="AZ86" t="str">
            <v xml:space="preserve"> </v>
          </cell>
          <cell r="BA86" t="str">
            <v xml:space="preserve"> </v>
          </cell>
          <cell r="BB86" t="str">
            <v xml:space="preserve"> </v>
          </cell>
          <cell r="BC86" t="str">
            <v xml:space="preserve"> </v>
          </cell>
          <cell r="BF86">
            <v>0</v>
          </cell>
          <cell r="BG86" t="e">
            <v>#DIV/0!</v>
          </cell>
          <cell r="BI86">
            <v>0</v>
          </cell>
          <cell r="BL86">
            <v>0</v>
          </cell>
          <cell r="BM86">
            <v>0</v>
          </cell>
          <cell r="BN86" t="str">
            <v/>
          </cell>
          <cell r="BO86" t="str">
            <v>非契約書</v>
          </cell>
          <cell r="BP86" t="str">
            <v/>
          </cell>
          <cell r="BQ86" t="str">
            <v xml:space="preserve"> </v>
          </cell>
          <cell r="BR86" t="str">
            <v/>
          </cell>
          <cell r="BU86">
            <v>13</v>
          </cell>
          <cell r="BV86" t="str">
            <v>建改じゃないですね</v>
          </cell>
          <cell r="BW86">
            <v>13</v>
          </cell>
          <cell r="BX86" t="str">
            <v/>
          </cell>
          <cell r="BY86" t="str">
            <v/>
          </cell>
          <cell r="BZ86" t="str">
            <v/>
          </cell>
          <cell r="CA86">
            <v>0</v>
          </cell>
          <cell r="CD86" t="str">
            <v/>
          </cell>
          <cell r="CF86" t="str">
            <v/>
          </cell>
          <cell r="CG86" t="e">
            <v>#N/A</v>
          </cell>
          <cell r="CH86">
            <v>0</v>
          </cell>
          <cell r="CI86" t="e">
            <v>#N/A</v>
          </cell>
          <cell r="CJ86">
            <v>0</v>
          </cell>
          <cell r="CK86">
            <v>0</v>
          </cell>
          <cell r="CN86">
            <v>0</v>
          </cell>
          <cell r="CO86" t="e">
            <v>#VALUE!</v>
          </cell>
          <cell r="CP86">
            <v>0</v>
          </cell>
          <cell r="CQ86" t="e">
            <v>#DIV/0!</v>
          </cell>
        </row>
        <row r="87">
          <cell r="C87">
            <v>24</v>
          </cell>
          <cell r="D87" t="str">
            <v/>
          </cell>
          <cell r="K87">
            <v>0</v>
          </cell>
          <cell r="L87" t="str">
            <v xml:space="preserve"> </v>
          </cell>
          <cell r="M87" t="str">
            <v>一</v>
          </cell>
          <cell r="N87" t="str">
            <v>式</v>
          </cell>
          <cell r="S87" t="str">
            <v/>
          </cell>
          <cell r="T87" t="str">
            <v>無</v>
          </cell>
          <cell r="U87" t="str">
            <v>納入後</v>
          </cell>
          <cell r="V87" t="str">
            <v>壱</v>
          </cell>
          <cell r="X87" t="str">
            <v xml:space="preserve"> </v>
          </cell>
          <cell r="Y87" t="str">
            <v xml:space="preserve"> </v>
          </cell>
          <cell r="Z87" t="str">
            <v xml:space="preserve"> </v>
          </cell>
          <cell r="AA87" t="str">
            <v xml:space="preserve"> </v>
          </cell>
          <cell r="AB87" t="str">
            <v/>
          </cell>
          <cell r="AF87" t="e">
            <v>#N/A</v>
          </cell>
          <cell r="AG87" t="e">
            <v>#N/A</v>
          </cell>
          <cell r="AH87" t="e">
            <v>#N/A</v>
          </cell>
          <cell r="AI87" t="e">
            <v>#N/A</v>
          </cell>
          <cell r="AJ87" t="e">
            <v>#N/A</v>
          </cell>
          <cell r="AK87" t="e">
            <v>#N/A</v>
          </cell>
          <cell r="AL87" t="e">
            <v>#N/A</v>
          </cell>
          <cell r="AM87" t="e">
            <v>#N/A</v>
          </cell>
          <cell r="AO87" t="str">
            <v/>
          </cell>
          <cell r="AP87" t="str">
            <v/>
          </cell>
          <cell r="AS87" t="str">
            <v>-</v>
          </cell>
          <cell r="AY87" t="str">
            <v xml:space="preserve"> </v>
          </cell>
          <cell r="AZ87" t="str">
            <v xml:space="preserve"> </v>
          </cell>
          <cell r="BA87" t="str">
            <v xml:space="preserve"> </v>
          </cell>
          <cell r="BB87" t="str">
            <v xml:space="preserve"> </v>
          </cell>
          <cell r="BC87" t="str">
            <v xml:space="preserve"> </v>
          </cell>
          <cell r="BF87">
            <v>0</v>
          </cell>
          <cell r="BG87" t="e">
            <v>#DIV/0!</v>
          </cell>
          <cell r="BI87">
            <v>0</v>
          </cell>
          <cell r="BL87">
            <v>0</v>
          </cell>
          <cell r="BM87">
            <v>0</v>
          </cell>
          <cell r="BN87" t="str">
            <v/>
          </cell>
          <cell r="BO87" t="str">
            <v>非契約書</v>
          </cell>
          <cell r="BP87" t="str">
            <v/>
          </cell>
          <cell r="BQ87" t="str">
            <v xml:space="preserve"> </v>
          </cell>
          <cell r="BR87" t="str">
            <v/>
          </cell>
          <cell r="BU87">
            <v>14</v>
          </cell>
          <cell r="BV87" t="str">
            <v>建改じゃないですね</v>
          </cell>
          <cell r="BW87">
            <v>14</v>
          </cell>
          <cell r="BX87" t="str">
            <v/>
          </cell>
          <cell r="BY87" t="str">
            <v/>
          </cell>
          <cell r="BZ87" t="str">
            <v/>
          </cell>
          <cell r="CA87">
            <v>0</v>
          </cell>
          <cell r="CD87" t="str">
            <v/>
          </cell>
          <cell r="CF87" t="str">
            <v/>
          </cell>
          <cell r="CG87" t="e">
            <v>#N/A</v>
          </cell>
          <cell r="CH87">
            <v>0</v>
          </cell>
          <cell r="CI87" t="e">
            <v>#N/A</v>
          </cell>
          <cell r="CJ87">
            <v>0</v>
          </cell>
          <cell r="CK87">
            <v>0</v>
          </cell>
          <cell r="CN87">
            <v>0</v>
          </cell>
          <cell r="CO87" t="e">
            <v>#VALUE!</v>
          </cell>
          <cell r="CP87">
            <v>0</v>
          </cell>
          <cell r="CQ87" t="e">
            <v>#DIV/0!</v>
          </cell>
        </row>
        <row r="88">
          <cell r="C88">
            <v>24</v>
          </cell>
          <cell r="D88" t="str">
            <v/>
          </cell>
          <cell r="K88">
            <v>0</v>
          </cell>
          <cell r="L88" t="str">
            <v xml:space="preserve"> </v>
          </cell>
          <cell r="M88" t="str">
            <v>一</v>
          </cell>
          <cell r="N88" t="str">
            <v>式</v>
          </cell>
          <cell r="S88" t="str">
            <v/>
          </cell>
          <cell r="T88" t="str">
            <v>無</v>
          </cell>
          <cell r="U88" t="str">
            <v>納入後</v>
          </cell>
          <cell r="V88" t="str">
            <v>壱</v>
          </cell>
          <cell r="X88" t="str">
            <v xml:space="preserve"> </v>
          </cell>
          <cell r="Y88" t="str">
            <v xml:space="preserve"> </v>
          </cell>
          <cell r="Z88" t="str">
            <v xml:space="preserve"> </v>
          </cell>
          <cell r="AA88" t="str">
            <v xml:space="preserve"> </v>
          </cell>
          <cell r="AB88" t="str">
            <v/>
          </cell>
          <cell r="AF88" t="e">
            <v>#N/A</v>
          </cell>
          <cell r="AG88" t="e">
            <v>#N/A</v>
          </cell>
          <cell r="AH88" t="e">
            <v>#N/A</v>
          </cell>
          <cell r="AI88" t="e">
            <v>#N/A</v>
          </cell>
          <cell r="AJ88" t="e">
            <v>#N/A</v>
          </cell>
          <cell r="AK88" t="e">
            <v>#N/A</v>
          </cell>
          <cell r="AL88" t="e">
            <v>#N/A</v>
          </cell>
          <cell r="AM88" t="e">
            <v>#N/A</v>
          </cell>
          <cell r="AO88" t="str">
            <v/>
          </cell>
          <cell r="AP88" t="str">
            <v/>
          </cell>
          <cell r="AS88" t="str">
            <v>-</v>
          </cell>
          <cell r="AY88" t="str">
            <v xml:space="preserve"> </v>
          </cell>
          <cell r="AZ88" t="str">
            <v xml:space="preserve"> </v>
          </cell>
          <cell r="BA88" t="str">
            <v xml:space="preserve"> </v>
          </cell>
          <cell r="BB88" t="str">
            <v xml:space="preserve"> </v>
          </cell>
          <cell r="BC88" t="str">
            <v xml:space="preserve"> </v>
          </cell>
          <cell r="BF88">
            <v>0</v>
          </cell>
          <cell r="BG88" t="e">
            <v>#DIV/0!</v>
          </cell>
          <cell r="BI88">
            <v>0</v>
          </cell>
          <cell r="BL88">
            <v>0</v>
          </cell>
          <cell r="BM88">
            <v>0</v>
          </cell>
          <cell r="BN88" t="str">
            <v/>
          </cell>
          <cell r="BO88" t="str">
            <v>非契約書</v>
          </cell>
          <cell r="BP88" t="str">
            <v/>
          </cell>
          <cell r="BQ88" t="str">
            <v xml:space="preserve"> </v>
          </cell>
          <cell r="BR88" t="str">
            <v/>
          </cell>
          <cell r="BU88">
            <v>15</v>
          </cell>
          <cell r="BV88" t="str">
            <v>建改じゃないですね</v>
          </cell>
          <cell r="BW88">
            <v>15</v>
          </cell>
          <cell r="BX88" t="str">
            <v/>
          </cell>
          <cell r="BY88" t="str">
            <v/>
          </cell>
          <cell r="BZ88" t="str">
            <v/>
          </cell>
          <cell r="CA88">
            <v>0</v>
          </cell>
          <cell r="CD88" t="str">
            <v/>
          </cell>
          <cell r="CF88" t="str">
            <v/>
          </cell>
          <cell r="CG88" t="e">
            <v>#N/A</v>
          </cell>
          <cell r="CH88">
            <v>0</v>
          </cell>
          <cell r="CI88" t="e">
            <v>#N/A</v>
          </cell>
          <cell r="CJ88">
            <v>0</v>
          </cell>
          <cell r="CK88">
            <v>0</v>
          </cell>
          <cell r="CN88">
            <v>0</v>
          </cell>
          <cell r="CO88" t="e">
            <v>#VALUE!</v>
          </cell>
          <cell r="CP88">
            <v>0</v>
          </cell>
          <cell r="CQ88" t="e">
            <v>#DIV/0!</v>
          </cell>
        </row>
        <row r="89">
          <cell r="C89">
            <v>24</v>
          </cell>
          <cell r="D89" t="str">
            <v/>
          </cell>
          <cell r="K89">
            <v>0</v>
          </cell>
          <cell r="L89" t="str">
            <v xml:space="preserve"> </v>
          </cell>
          <cell r="M89" t="str">
            <v>一</v>
          </cell>
          <cell r="N89" t="str">
            <v>式</v>
          </cell>
          <cell r="S89" t="str">
            <v/>
          </cell>
          <cell r="T89" t="str">
            <v>無</v>
          </cell>
          <cell r="U89" t="str">
            <v>納入後</v>
          </cell>
          <cell r="V89" t="str">
            <v>壱</v>
          </cell>
          <cell r="X89" t="str">
            <v xml:space="preserve"> </v>
          </cell>
          <cell r="Y89" t="str">
            <v xml:space="preserve"> </v>
          </cell>
          <cell r="Z89" t="str">
            <v xml:space="preserve"> </v>
          </cell>
          <cell r="AA89" t="str">
            <v xml:space="preserve"> </v>
          </cell>
          <cell r="AB89" t="str">
            <v/>
          </cell>
          <cell r="AF89" t="e">
            <v>#N/A</v>
          </cell>
          <cell r="AG89" t="e">
            <v>#N/A</v>
          </cell>
          <cell r="AH89" t="e">
            <v>#N/A</v>
          </cell>
          <cell r="AI89" t="e">
            <v>#N/A</v>
          </cell>
          <cell r="AJ89" t="e">
            <v>#N/A</v>
          </cell>
          <cell r="AK89" t="e">
            <v>#N/A</v>
          </cell>
          <cell r="AL89" t="e">
            <v>#N/A</v>
          </cell>
          <cell r="AM89" t="e">
            <v>#N/A</v>
          </cell>
          <cell r="AO89" t="str">
            <v/>
          </cell>
          <cell r="AP89" t="str">
            <v/>
          </cell>
          <cell r="AS89" t="str">
            <v>-</v>
          </cell>
          <cell r="AY89" t="str">
            <v xml:space="preserve"> </v>
          </cell>
          <cell r="AZ89" t="str">
            <v xml:space="preserve"> </v>
          </cell>
          <cell r="BA89" t="str">
            <v xml:space="preserve"> </v>
          </cell>
          <cell r="BB89" t="str">
            <v xml:space="preserve"> </v>
          </cell>
          <cell r="BC89" t="str">
            <v xml:space="preserve"> </v>
          </cell>
          <cell r="BF89">
            <v>0</v>
          </cell>
          <cell r="BG89" t="e">
            <v>#DIV/0!</v>
          </cell>
          <cell r="BI89">
            <v>0</v>
          </cell>
          <cell r="BL89">
            <v>0</v>
          </cell>
          <cell r="BM89">
            <v>0</v>
          </cell>
          <cell r="BN89" t="str">
            <v/>
          </cell>
          <cell r="BO89" t="str">
            <v>非契約書</v>
          </cell>
          <cell r="BP89" t="str">
            <v/>
          </cell>
          <cell r="BQ89" t="str">
            <v xml:space="preserve"> </v>
          </cell>
          <cell r="BR89" t="str">
            <v/>
          </cell>
          <cell r="BU89">
            <v>16</v>
          </cell>
          <cell r="BV89" t="str">
            <v>建改じゃないですね</v>
          </cell>
          <cell r="BW89">
            <v>16</v>
          </cell>
          <cell r="BX89" t="str">
            <v/>
          </cell>
          <cell r="BY89" t="str">
            <v/>
          </cell>
          <cell r="BZ89" t="str">
            <v/>
          </cell>
          <cell r="CA89">
            <v>0</v>
          </cell>
          <cell r="CD89" t="str">
            <v/>
          </cell>
          <cell r="CF89" t="str">
            <v/>
          </cell>
          <cell r="CG89" t="e">
            <v>#N/A</v>
          </cell>
          <cell r="CH89">
            <v>0</v>
          </cell>
          <cell r="CI89" t="e">
            <v>#N/A</v>
          </cell>
          <cell r="CJ89">
            <v>0</v>
          </cell>
          <cell r="CK89">
            <v>0</v>
          </cell>
          <cell r="CN89">
            <v>0</v>
          </cell>
          <cell r="CO89" t="e">
            <v>#VALUE!</v>
          </cell>
          <cell r="CP89">
            <v>0</v>
          </cell>
          <cell r="CQ89" t="e">
            <v>#DIV/0!</v>
          </cell>
        </row>
        <row r="90">
          <cell r="C90">
            <v>24</v>
          </cell>
          <cell r="D90" t="str">
            <v/>
          </cell>
          <cell r="K90">
            <v>0</v>
          </cell>
          <cell r="L90" t="str">
            <v xml:space="preserve"> </v>
          </cell>
          <cell r="M90" t="str">
            <v>一</v>
          </cell>
          <cell r="N90" t="str">
            <v>式</v>
          </cell>
          <cell r="S90" t="str">
            <v/>
          </cell>
          <cell r="T90" t="str">
            <v>無</v>
          </cell>
          <cell r="U90" t="str">
            <v>納入後</v>
          </cell>
          <cell r="V90" t="str">
            <v>壱</v>
          </cell>
          <cell r="X90" t="str">
            <v xml:space="preserve"> </v>
          </cell>
          <cell r="Y90" t="str">
            <v xml:space="preserve"> </v>
          </cell>
          <cell r="Z90" t="str">
            <v xml:space="preserve"> </v>
          </cell>
          <cell r="AA90" t="str">
            <v xml:space="preserve"> </v>
          </cell>
          <cell r="AB90" t="str">
            <v/>
          </cell>
          <cell r="AF90" t="e">
            <v>#N/A</v>
          </cell>
          <cell r="AG90" t="e">
            <v>#N/A</v>
          </cell>
          <cell r="AH90" t="e">
            <v>#N/A</v>
          </cell>
          <cell r="AI90" t="e">
            <v>#N/A</v>
          </cell>
          <cell r="AJ90" t="e">
            <v>#N/A</v>
          </cell>
          <cell r="AK90" t="e">
            <v>#N/A</v>
          </cell>
          <cell r="AL90" t="e">
            <v>#N/A</v>
          </cell>
          <cell r="AM90" t="e">
            <v>#N/A</v>
          </cell>
          <cell r="AO90" t="str">
            <v/>
          </cell>
          <cell r="AP90" t="str">
            <v/>
          </cell>
          <cell r="AS90" t="str">
            <v>-</v>
          </cell>
          <cell r="AY90" t="str">
            <v xml:space="preserve"> </v>
          </cell>
          <cell r="AZ90" t="str">
            <v xml:space="preserve"> </v>
          </cell>
          <cell r="BA90" t="str">
            <v xml:space="preserve"> </v>
          </cell>
          <cell r="BB90" t="str">
            <v xml:space="preserve"> </v>
          </cell>
          <cell r="BC90" t="str">
            <v xml:space="preserve"> </v>
          </cell>
          <cell r="BF90">
            <v>0</v>
          </cell>
          <cell r="BG90" t="e">
            <v>#DIV/0!</v>
          </cell>
          <cell r="BI90">
            <v>0</v>
          </cell>
          <cell r="BL90">
            <v>0</v>
          </cell>
          <cell r="BM90">
            <v>0</v>
          </cell>
          <cell r="BN90" t="str">
            <v/>
          </cell>
          <cell r="BO90" t="str">
            <v>非契約書</v>
          </cell>
          <cell r="BP90" t="str">
            <v/>
          </cell>
          <cell r="BQ90" t="str">
            <v xml:space="preserve"> </v>
          </cell>
          <cell r="BR90" t="str">
            <v/>
          </cell>
          <cell r="BU90">
            <v>17</v>
          </cell>
          <cell r="BV90" t="str">
            <v>建改じゃないですね</v>
          </cell>
          <cell r="BW90">
            <v>17</v>
          </cell>
          <cell r="BX90" t="str">
            <v/>
          </cell>
          <cell r="BY90" t="str">
            <v/>
          </cell>
          <cell r="BZ90" t="str">
            <v/>
          </cell>
          <cell r="CA90">
            <v>0</v>
          </cell>
          <cell r="CD90" t="str">
            <v/>
          </cell>
          <cell r="CF90" t="str">
            <v/>
          </cell>
          <cell r="CG90" t="e">
            <v>#N/A</v>
          </cell>
          <cell r="CH90">
            <v>0</v>
          </cell>
          <cell r="CI90" t="e">
            <v>#N/A</v>
          </cell>
          <cell r="CJ90">
            <v>0</v>
          </cell>
          <cell r="CK90">
            <v>0</v>
          </cell>
          <cell r="CN90">
            <v>0</v>
          </cell>
          <cell r="CO90" t="e">
            <v>#VALUE!</v>
          </cell>
          <cell r="CP90">
            <v>0</v>
          </cell>
          <cell r="CQ90" t="e">
            <v>#DIV/0!</v>
          </cell>
        </row>
        <row r="91">
          <cell r="C91">
            <v>24</v>
          </cell>
          <cell r="D91" t="str">
            <v/>
          </cell>
          <cell r="K91">
            <v>0</v>
          </cell>
          <cell r="L91" t="str">
            <v xml:space="preserve"> </v>
          </cell>
          <cell r="M91" t="str">
            <v>一</v>
          </cell>
          <cell r="N91" t="str">
            <v>式</v>
          </cell>
          <cell r="S91" t="str">
            <v/>
          </cell>
          <cell r="T91" t="str">
            <v>無</v>
          </cell>
          <cell r="U91" t="str">
            <v>納入後</v>
          </cell>
          <cell r="V91" t="str">
            <v>壱</v>
          </cell>
          <cell r="X91" t="str">
            <v xml:space="preserve"> </v>
          </cell>
          <cell r="Y91" t="str">
            <v xml:space="preserve"> </v>
          </cell>
          <cell r="Z91" t="str">
            <v xml:space="preserve"> </v>
          </cell>
          <cell r="AA91" t="str">
            <v xml:space="preserve"> </v>
          </cell>
          <cell r="AB91" t="str">
            <v/>
          </cell>
          <cell r="AF91" t="e">
            <v>#N/A</v>
          </cell>
          <cell r="AG91" t="e">
            <v>#N/A</v>
          </cell>
          <cell r="AH91" t="e">
            <v>#N/A</v>
          </cell>
          <cell r="AI91" t="e">
            <v>#N/A</v>
          </cell>
          <cell r="AJ91" t="e">
            <v>#N/A</v>
          </cell>
          <cell r="AK91" t="e">
            <v>#N/A</v>
          </cell>
          <cell r="AL91" t="e">
            <v>#N/A</v>
          </cell>
          <cell r="AM91" t="e">
            <v>#N/A</v>
          </cell>
          <cell r="AO91" t="str">
            <v/>
          </cell>
          <cell r="AP91" t="str">
            <v/>
          </cell>
          <cell r="AS91" t="str">
            <v>-</v>
          </cell>
          <cell r="AY91" t="str">
            <v xml:space="preserve"> </v>
          </cell>
          <cell r="AZ91" t="str">
            <v xml:space="preserve"> </v>
          </cell>
          <cell r="BA91" t="str">
            <v xml:space="preserve"> </v>
          </cell>
          <cell r="BB91" t="str">
            <v xml:space="preserve"> </v>
          </cell>
          <cell r="BC91" t="str">
            <v xml:space="preserve"> </v>
          </cell>
          <cell r="BF91">
            <v>0</v>
          </cell>
          <cell r="BG91" t="e">
            <v>#DIV/0!</v>
          </cell>
          <cell r="BI91">
            <v>0</v>
          </cell>
          <cell r="BL91">
            <v>0</v>
          </cell>
          <cell r="BM91">
            <v>0</v>
          </cell>
          <cell r="BN91" t="str">
            <v/>
          </cell>
          <cell r="BO91" t="str">
            <v>非契約書</v>
          </cell>
          <cell r="BP91" t="str">
            <v/>
          </cell>
          <cell r="BQ91" t="str">
            <v xml:space="preserve"> </v>
          </cell>
          <cell r="BR91" t="str">
            <v/>
          </cell>
          <cell r="BU91">
            <v>18</v>
          </cell>
          <cell r="BV91" t="str">
            <v>建改じゃないですね</v>
          </cell>
          <cell r="BW91">
            <v>18</v>
          </cell>
          <cell r="BX91" t="str">
            <v/>
          </cell>
          <cell r="BY91" t="str">
            <v/>
          </cell>
          <cell r="BZ91" t="str">
            <v/>
          </cell>
          <cell r="CA91">
            <v>0</v>
          </cell>
          <cell r="CD91" t="str">
            <v/>
          </cell>
          <cell r="CF91" t="str">
            <v/>
          </cell>
          <cell r="CG91" t="e">
            <v>#N/A</v>
          </cell>
          <cell r="CH91">
            <v>0</v>
          </cell>
          <cell r="CI91" t="e">
            <v>#N/A</v>
          </cell>
          <cell r="CJ91">
            <v>0</v>
          </cell>
          <cell r="CK91">
            <v>0</v>
          </cell>
          <cell r="CN91">
            <v>0</v>
          </cell>
          <cell r="CO91" t="e">
            <v>#VALUE!</v>
          </cell>
          <cell r="CP91">
            <v>0</v>
          </cell>
          <cell r="CQ91" t="e">
            <v>#DIV/0!</v>
          </cell>
        </row>
        <row r="92">
          <cell r="C92">
            <v>24</v>
          </cell>
          <cell r="D92" t="str">
            <v/>
          </cell>
          <cell r="K92">
            <v>0</v>
          </cell>
          <cell r="L92" t="str">
            <v xml:space="preserve"> </v>
          </cell>
          <cell r="M92" t="str">
            <v>一</v>
          </cell>
          <cell r="N92" t="str">
            <v>式</v>
          </cell>
          <cell r="S92" t="str">
            <v/>
          </cell>
          <cell r="T92" t="str">
            <v>無</v>
          </cell>
          <cell r="U92" t="str">
            <v>納入後</v>
          </cell>
          <cell r="V92" t="str">
            <v>壱</v>
          </cell>
          <cell r="X92" t="str">
            <v xml:space="preserve"> </v>
          </cell>
          <cell r="Y92" t="str">
            <v xml:space="preserve"> </v>
          </cell>
          <cell r="Z92" t="str">
            <v xml:space="preserve"> </v>
          </cell>
          <cell r="AA92" t="str">
            <v xml:space="preserve"> </v>
          </cell>
          <cell r="AB92" t="str">
            <v/>
          </cell>
          <cell r="AF92" t="e">
            <v>#N/A</v>
          </cell>
          <cell r="AG92" t="e">
            <v>#N/A</v>
          </cell>
          <cell r="AH92" t="e">
            <v>#N/A</v>
          </cell>
          <cell r="AI92" t="e">
            <v>#N/A</v>
          </cell>
          <cell r="AJ92" t="e">
            <v>#N/A</v>
          </cell>
          <cell r="AK92" t="e">
            <v>#N/A</v>
          </cell>
          <cell r="AL92" t="e">
            <v>#N/A</v>
          </cell>
          <cell r="AM92" t="e">
            <v>#N/A</v>
          </cell>
          <cell r="AO92" t="str">
            <v/>
          </cell>
          <cell r="AP92" t="str">
            <v/>
          </cell>
          <cell r="AS92" t="str">
            <v>-</v>
          </cell>
          <cell r="AY92" t="str">
            <v xml:space="preserve"> </v>
          </cell>
          <cell r="AZ92" t="str">
            <v xml:space="preserve"> </v>
          </cell>
          <cell r="BA92" t="str">
            <v xml:space="preserve"> </v>
          </cell>
          <cell r="BB92" t="str">
            <v xml:space="preserve"> </v>
          </cell>
          <cell r="BC92" t="str">
            <v xml:space="preserve"> </v>
          </cell>
          <cell r="BF92">
            <v>0</v>
          </cell>
          <cell r="BG92" t="e">
            <v>#DIV/0!</v>
          </cell>
          <cell r="BI92">
            <v>0</v>
          </cell>
          <cell r="BL92">
            <v>0</v>
          </cell>
          <cell r="BM92">
            <v>0</v>
          </cell>
          <cell r="BN92" t="str">
            <v/>
          </cell>
          <cell r="BO92" t="str">
            <v>非契約書</v>
          </cell>
          <cell r="BP92" t="str">
            <v/>
          </cell>
          <cell r="BQ92" t="str">
            <v xml:space="preserve"> </v>
          </cell>
          <cell r="BR92" t="str">
            <v/>
          </cell>
          <cell r="BU92">
            <v>19</v>
          </cell>
          <cell r="BV92" t="str">
            <v>建改じゃないですね</v>
          </cell>
          <cell r="BW92">
            <v>19</v>
          </cell>
          <cell r="BX92" t="str">
            <v/>
          </cell>
          <cell r="BY92" t="str">
            <v/>
          </cell>
          <cell r="BZ92" t="str">
            <v/>
          </cell>
          <cell r="CA92">
            <v>0</v>
          </cell>
          <cell r="CD92" t="str">
            <v/>
          </cell>
          <cell r="CF92" t="str">
            <v/>
          </cell>
          <cell r="CG92" t="e">
            <v>#N/A</v>
          </cell>
          <cell r="CH92">
            <v>0</v>
          </cell>
          <cell r="CI92" t="e">
            <v>#N/A</v>
          </cell>
          <cell r="CJ92">
            <v>0</v>
          </cell>
          <cell r="CK92">
            <v>0</v>
          </cell>
          <cell r="CN92">
            <v>0</v>
          </cell>
          <cell r="CO92" t="e">
            <v>#VALUE!</v>
          </cell>
          <cell r="CP92">
            <v>0</v>
          </cell>
          <cell r="CQ92" t="e">
            <v>#DIV/0!</v>
          </cell>
        </row>
        <row r="93">
          <cell r="C93">
            <v>24</v>
          </cell>
          <cell r="D93" t="str">
            <v/>
          </cell>
          <cell r="K93">
            <v>0</v>
          </cell>
          <cell r="L93" t="str">
            <v xml:space="preserve"> </v>
          </cell>
          <cell r="M93" t="str">
            <v>一</v>
          </cell>
          <cell r="N93" t="str">
            <v>式</v>
          </cell>
          <cell r="S93" t="str">
            <v/>
          </cell>
          <cell r="T93" t="str">
            <v>無</v>
          </cell>
          <cell r="U93" t="str">
            <v>納入後</v>
          </cell>
          <cell r="V93" t="str">
            <v>壱</v>
          </cell>
          <cell r="X93" t="str">
            <v xml:space="preserve"> </v>
          </cell>
          <cell r="Y93" t="str">
            <v xml:space="preserve"> </v>
          </cell>
          <cell r="Z93" t="str">
            <v xml:space="preserve"> </v>
          </cell>
          <cell r="AA93" t="str">
            <v xml:space="preserve"> </v>
          </cell>
          <cell r="AB93" t="str">
            <v/>
          </cell>
          <cell r="AF93" t="e">
            <v>#N/A</v>
          </cell>
          <cell r="AG93" t="e">
            <v>#N/A</v>
          </cell>
          <cell r="AH93" t="e">
            <v>#N/A</v>
          </cell>
          <cell r="AI93" t="e">
            <v>#N/A</v>
          </cell>
          <cell r="AJ93" t="e">
            <v>#N/A</v>
          </cell>
          <cell r="AK93" t="e">
            <v>#N/A</v>
          </cell>
          <cell r="AL93" t="e">
            <v>#N/A</v>
          </cell>
          <cell r="AM93" t="e">
            <v>#N/A</v>
          </cell>
          <cell r="AO93" t="str">
            <v/>
          </cell>
          <cell r="AP93" t="str">
            <v/>
          </cell>
          <cell r="AS93" t="str">
            <v>-</v>
          </cell>
          <cell r="AY93" t="str">
            <v xml:space="preserve"> </v>
          </cell>
          <cell r="AZ93" t="str">
            <v xml:space="preserve"> </v>
          </cell>
          <cell r="BA93" t="str">
            <v xml:space="preserve"> </v>
          </cell>
          <cell r="BB93" t="str">
            <v xml:space="preserve"> </v>
          </cell>
          <cell r="BC93" t="str">
            <v xml:space="preserve"> </v>
          </cell>
          <cell r="BF93">
            <v>0</v>
          </cell>
          <cell r="BG93" t="e">
            <v>#DIV/0!</v>
          </cell>
          <cell r="BI93">
            <v>0</v>
          </cell>
          <cell r="BL93">
            <v>0</v>
          </cell>
          <cell r="BM93">
            <v>0</v>
          </cell>
          <cell r="BN93" t="str">
            <v/>
          </cell>
          <cell r="BO93" t="str">
            <v>非契約書</v>
          </cell>
          <cell r="BP93" t="str">
            <v/>
          </cell>
          <cell r="BQ93" t="str">
            <v xml:space="preserve"> </v>
          </cell>
          <cell r="BR93" t="str">
            <v/>
          </cell>
          <cell r="BU93">
            <v>20</v>
          </cell>
          <cell r="BV93" t="str">
            <v>建改じゃないですね</v>
          </cell>
          <cell r="BW93">
            <v>20</v>
          </cell>
          <cell r="BX93" t="str">
            <v/>
          </cell>
          <cell r="BY93" t="str">
            <v/>
          </cell>
          <cell r="BZ93" t="str">
            <v/>
          </cell>
          <cell r="CA93">
            <v>0</v>
          </cell>
          <cell r="CD93" t="str">
            <v/>
          </cell>
          <cell r="CF93" t="str">
            <v/>
          </cell>
          <cell r="CG93" t="e">
            <v>#N/A</v>
          </cell>
          <cell r="CH93">
            <v>0</v>
          </cell>
          <cell r="CI93" t="e">
            <v>#N/A</v>
          </cell>
          <cell r="CJ93">
            <v>0</v>
          </cell>
          <cell r="CK93">
            <v>0</v>
          </cell>
          <cell r="CN93">
            <v>0</v>
          </cell>
          <cell r="CO93" t="e">
            <v>#VALUE!</v>
          </cell>
          <cell r="CP93">
            <v>0</v>
          </cell>
          <cell r="CQ93" t="e">
            <v>#DIV/0!</v>
          </cell>
        </row>
        <row r="94">
          <cell r="C94">
            <v>24</v>
          </cell>
          <cell r="D94" t="str">
            <v/>
          </cell>
          <cell r="K94">
            <v>0</v>
          </cell>
          <cell r="L94" t="str">
            <v xml:space="preserve"> </v>
          </cell>
          <cell r="M94" t="str">
            <v>一</v>
          </cell>
          <cell r="N94" t="str">
            <v>式</v>
          </cell>
          <cell r="S94" t="str">
            <v/>
          </cell>
          <cell r="T94" t="str">
            <v>無</v>
          </cell>
          <cell r="U94" t="str">
            <v>納入後</v>
          </cell>
          <cell r="V94" t="str">
            <v>壱</v>
          </cell>
          <cell r="X94" t="str">
            <v xml:space="preserve"> </v>
          </cell>
          <cell r="Y94" t="str">
            <v xml:space="preserve"> </v>
          </cell>
          <cell r="Z94" t="str">
            <v xml:space="preserve"> </v>
          </cell>
          <cell r="AA94" t="str">
            <v xml:space="preserve"> </v>
          </cell>
          <cell r="AB94" t="str">
            <v/>
          </cell>
          <cell r="AF94" t="e">
            <v>#N/A</v>
          </cell>
          <cell r="AG94" t="e">
            <v>#N/A</v>
          </cell>
          <cell r="AH94" t="e">
            <v>#N/A</v>
          </cell>
          <cell r="AI94" t="e">
            <v>#N/A</v>
          </cell>
          <cell r="AJ94" t="e">
            <v>#N/A</v>
          </cell>
          <cell r="AK94" t="e">
            <v>#N/A</v>
          </cell>
          <cell r="AL94" t="e">
            <v>#N/A</v>
          </cell>
          <cell r="AM94" t="e">
            <v>#N/A</v>
          </cell>
          <cell r="AO94" t="str">
            <v/>
          </cell>
          <cell r="AP94" t="str">
            <v/>
          </cell>
          <cell r="AS94" t="str">
            <v>-</v>
          </cell>
          <cell r="AY94" t="str">
            <v xml:space="preserve"> </v>
          </cell>
          <cell r="AZ94" t="str">
            <v xml:space="preserve"> </v>
          </cell>
          <cell r="BA94" t="str">
            <v xml:space="preserve"> </v>
          </cell>
          <cell r="BB94" t="str">
            <v xml:space="preserve"> </v>
          </cell>
          <cell r="BC94" t="str">
            <v xml:space="preserve"> </v>
          </cell>
          <cell r="BF94">
            <v>0</v>
          </cell>
          <cell r="BG94" t="e">
            <v>#DIV/0!</v>
          </cell>
          <cell r="BI94">
            <v>0</v>
          </cell>
          <cell r="BL94">
            <v>0</v>
          </cell>
          <cell r="BM94">
            <v>0</v>
          </cell>
          <cell r="BN94" t="str">
            <v/>
          </cell>
          <cell r="BO94" t="str">
            <v>非契約書</v>
          </cell>
          <cell r="BP94" t="str">
            <v/>
          </cell>
          <cell r="BQ94" t="str">
            <v xml:space="preserve"> </v>
          </cell>
          <cell r="BR94" t="str">
            <v/>
          </cell>
          <cell r="BU94">
            <v>21</v>
          </cell>
          <cell r="BV94" t="str">
            <v>建改じゃないですね</v>
          </cell>
          <cell r="BW94">
            <v>21</v>
          </cell>
          <cell r="BX94" t="str">
            <v/>
          </cell>
          <cell r="BY94" t="str">
            <v/>
          </cell>
          <cell r="BZ94" t="str">
            <v/>
          </cell>
          <cell r="CA94">
            <v>0</v>
          </cell>
          <cell r="CD94" t="str">
            <v/>
          </cell>
          <cell r="CF94" t="str">
            <v/>
          </cell>
          <cell r="CG94" t="e">
            <v>#N/A</v>
          </cell>
          <cell r="CH94">
            <v>0</v>
          </cell>
          <cell r="CI94" t="e">
            <v>#N/A</v>
          </cell>
          <cell r="CJ94">
            <v>0</v>
          </cell>
          <cell r="CK94">
            <v>0</v>
          </cell>
          <cell r="CN94">
            <v>0</v>
          </cell>
          <cell r="CO94" t="e">
            <v>#VALUE!</v>
          </cell>
          <cell r="CP94">
            <v>0</v>
          </cell>
          <cell r="CQ94" t="e">
            <v>#DIV/0!</v>
          </cell>
        </row>
        <row r="95">
          <cell r="C95">
            <v>24</v>
          </cell>
          <cell r="D95" t="str">
            <v/>
          </cell>
          <cell r="K95">
            <v>0</v>
          </cell>
          <cell r="L95" t="str">
            <v xml:space="preserve"> </v>
          </cell>
          <cell r="M95" t="str">
            <v>一</v>
          </cell>
          <cell r="N95" t="str">
            <v>式</v>
          </cell>
          <cell r="S95" t="str">
            <v/>
          </cell>
          <cell r="T95" t="str">
            <v>無</v>
          </cell>
          <cell r="U95" t="str">
            <v>納入後</v>
          </cell>
          <cell r="V95" t="str">
            <v>壱</v>
          </cell>
          <cell r="X95" t="str">
            <v xml:space="preserve"> </v>
          </cell>
          <cell r="Y95" t="str">
            <v xml:space="preserve"> </v>
          </cell>
          <cell r="Z95" t="str">
            <v xml:space="preserve"> </v>
          </cell>
          <cell r="AA95" t="str">
            <v xml:space="preserve"> </v>
          </cell>
          <cell r="AB95" t="str">
            <v/>
          </cell>
          <cell r="AF95" t="e">
            <v>#N/A</v>
          </cell>
          <cell r="AG95" t="e">
            <v>#N/A</v>
          </cell>
          <cell r="AH95" t="e">
            <v>#N/A</v>
          </cell>
          <cell r="AI95" t="e">
            <v>#N/A</v>
          </cell>
          <cell r="AJ95" t="e">
            <v>#N/A</v>
          </cell>
          <cell r="AK95" t="e">
            <v>#N/A</v>
          </cell>
          <cell r="AL95" t="e">
            <v>#N/A</v>
          </cell>
          <cell r="AM95" t="e">
            <v>#N/A</v>
          </cell>
          <cell r="AO95" t="str">
            <v/>
          </cell>
          <cell r="AP95" t="str">
            <v/>
          </cell>
          <cell r="AS95" t="str">
            <v>-</v>
          </cell>
          <cell r="AY95" t="str">
            <v xml:space="preserve"> </v>
          </cell>
          <cell r="AZ95" t="str">
            <v xml:space="preserve"> </v>
          </cell>
          <cell r="BA95" t="str">
            <v xml:space="preserve"> </v>
          </cell>
          <cell r="BB95" t="str">
            <v xml:space="preserve"> </v>
          </cell>
          <cell r="BC95" t="str">
            <v xml:space="preserve"> </v>
          </cell>
          <cell r="BF95">
            <v>0</v>
          </cell>
          <cell r="BG95" t="e">
            <v>#DIV/0!</v>
          </cell>
          <cell r="BI95">
            <v>0</v>
          </cell>
          <cell r="BL95">
            <v>0</v>
          </cell>
          <cell r="BM95">
            <v>0</v>
          </cell>
          <cell r="BN95" t="str">
            <v/>
          </cell>
          <cell r="BO95" t="str">
            <v>非契約書</v>
          </cell>
          <cell r="BP95" t="str">
            <v/>
          </cell>
          <cell r="BQ95" t="str">
            <v xml:space="preserve"> </v>
          </cell>
          <cell r="BR95" t="str">
            <v/>
          </cell>
          <cell r="BU95">
            <v>22</v>
          </cell>
          <cell r="BV95" t="str">
            <v>建改じゃないですね</v>
          </cell>
          <cell r="BW95">
            <v>22</v>
          </cell>
          <cell r="BX95" t="str">
            <v/>
          </cell>
          <cell r="BY95" t="str">
            <v/>
          </cell>
          <cell r="BZ95" t="str">
            <v/>
          </cell>
          <cell r="CA95">
            <v>0</v>
          </cell>
          <cell r="CD95" t="str">
            <v/>
          </cell>
          <cell r="CF95" t="str">
            <v/>
          </cell>
          <cell r="CG95" t="e">
            <v>#N/A</v>
          </cell>
          <cell r="CH95">
            <v>0</v>
          </cell>
          <cell r="CI95" t="e">
            <v>#N/A</v>
          </cell>
          <cell r="CJ95">
            <v>0</v>
          </cell>
          <cell r="CK95">
            <v>0</v>
          </cell>
          <cell r="CN95">
            <v>0</v>
          </cell>
          <cell r="CO95" t="e">
            <v>#VALUE!</v>
          </cell>
          <cell r="CP95">
            <v>0</v>
          </cell>
          <cell r="CQ95" t="e">
            <v>#DIV/0!</v>
          </cell>
        </row>
        <row r="96">
          <cell r="C96">
            <v>24</v>
          </cell>
          <cell r="D96" t="str">
            <v/>
          </cell>
          <cell r="K96">
            <v>0</v>
          </cell>
          <cell r="L96" t="str">
            <v xml:space="preserve"> </v>
          </cell>
          <cell r="M96" t="str">
            <v>一</v>
          </cell>
          <cell r="N96" t="str">
            <v>式</v>
          </cell>
          <cell r="S96" t="str">
            <v/>
          </cell>
          <cell r="T96" t="str">
            <v>無</v>
          </cell>
          <cell r="U96" t="str">
            <v>納入後</v>
          </cell>
          <cell r="V96" t="str">
            <v>壱</v>
          </cell>
          <cell r="X96" t="str">
            <v xml:space="preserve"> </v>
          </cell>
          <cell r="Y96" t="str">
            <v xml:space="preserve"> </v>
          </cell>
          <cell r="Z96" t="str">
            <v xml:space="preserve"> </v>
          </cell>
          <cell r="AA96" t="str">
            <v xml:space="preserve"> </v>
          </cell>
          <cell r="AB96" t="str">
            <v/>
          </cell>
          <cell r="AF96" t="e">
            <v>#N/A</v>
          </cell>
          <cell r="AG96" t="e">
            <v>#N/A</v>
          </cell>
          <cell r="AH96" t="e">
            <v>#N/A</v>
          </cell>
          <cell r="AI96" t="e">
            <v>#N/A</v>
          </cell>
          <cell r="AJ96" t="e">
            <v>#N/A</v>
          </cell>
          <cell r="AK96" t="e">
            <v>#N/A</v>
          </cell>
          <cell r="AL96" t="e">
            <v>#N/A</v>
          </cell>
          <cell r="AM96" t="e">
            <v>#N/A</v>
          </cell>
          <cell r="AO96" t="str">
            <v/>
          </cell>
          <cell r="AP96" t="str">
            <v/>
          </cell>
          <cell r="AS96" t="str">
            <v>-</v>
          </cell>
          <cell r="AY96" t="str">
            <v xml:space="preserve"> </v>
          </cell>
          <cell r="AZ96" t="str">
            <v xml:space="preserve"> </v>
          </cell>
          <cell r="BA96" t="str">
            <v xml:space="preserve"> </v>
          </cell>
          <cell r="BB96" t="str">
            <v xml:space="preserve"> </v>
          </cell>
          <cell r="BC96" t="str">
            <v xml:space="preserve"> </v>
          </cell>
          <cell r="BF96">
            <v>0</v>
          </cell>
          <cell r="BG96" t="e">
            <v>#DIV/0!</v>
          </cell>
          <cell r="BI96">
            <v>0</v>
          </cell>
          <cell r="BL96">
            <v>0</v>
          </cell>
          <cell r="BM96">
            <v>0</v>
          </cell>
          <cell r="BN96" t="str">
            <v/>
          </cell>
          <cell r="BO96" t="str">
            <v>非契約書</v>
          </cell>
          <cell r="BP96" t="str">
            <v/>
          </cell>
          <cell r="BQ96" t="str">
            <v xml:space="preserve"> </v>
          </cell>
          <cell r="BR96" t="str">
            <v/>
          </cell>
          <cell r="BU96">
            <v>23</v>
          </cell>
          <cell r="BV96" t="str">
            <v>建改じゃないですね</v>
          </cell>
          <cell r="BW96">
            <v>23</v>
          </cell>
          <cell r="BX96" t="str">
            <v/>
          </cell>
          <cell r="BY96" t="str">
            <v/>
          </cell>
          <cell r="BZ96" t="str">
            <v/>
          </cell>
          <cell r="CA96">
            <v>0</v>
          </cell>
          <cell r="CD96" t="str">
            <v/>
          </cell>
          <cell r="CF96" t="str">
            <v/>
          </cell>
          <cell r="CG96" t="e">
            <v>#N/A</v>
          </cell>
          <cell r="CH96">
            <v>0</v>
          </cell>
          <cell r="CI96" t="e">
            <v>#N/A</v>
          </cell>
          <cell r="CJ96">
            <v>0</v>
          </cell>
          <cell r="CK96">
            <v>0</v>
          </cell>
          <cell r="CN96">
            <v>0</v>
          </cell>
          <cell r="CO96" t="e">
            <v>#VALUE!</v>
          </cell>
          <cell r="CP96">
            <v>0</v>
          </cell>
          <cell r="CQ96" t="e">
            <v>#DIV/0!</v>
          </cell>
        </row>
        <row r="97">
          <cell r="C97">
            <v>24</v>
          </cell>
          <cell r="D97" t="str">
            <v/>
          </cell>
          <cell r="K97">
            <v>0</v>
          </cell>
          <cell r="L97" t="str">
            <v xml:space="preserve"> </v>
          </cell>
          <cell r="M97" t="str">
            <v>一</v>
          </cell>
          <cell r="N97" t="str">
            <v>式</v>
          </cell>
          <cell r="S97" t="str">
            <v/>
          </cell>
          <cell r="T97" t="str">
            <v>無</v>
          </cell>
          <cell r="U97" t="str">
            <v>納入後</v>
          </cell>
          <cell r="V97" t="str">
            <v>壱</v>
          </cell>
          <cell r="X97" t="str">
            <v xml:space="preserve"> </v>
          </cell>
          <cell r="Y97" t="str">
            <v xml:space="preserve"> </v>
          </cell>
          <cell r="Z97" t="str">
            <v xml:space="preserve"> </v>
          </cell>
          <cell r="AA97" t="str">
            <v xml:space="preserve"> </v>
          </cell>
          <cell r="AB97" t="str">
            <v/>
          </cell>
          <cell r="AF97" t="e">
            <v>#N/A</v>
          </cell>
          <cell r="AG97" t="e">
            <v>#N/A</v>
          </cell>
          <cell r="AH97" t="e">
            <v>#N/A</v>
          </cell>
          <cell r="AI97" t="e">
            <v>#N/A</v>
          </cell>
          <cell r="AJ97" t="e">
            <v>#N/A</v>
          </cell>
          <cell r="AK97" t="e">
            <v>#N/A</v>
          </cell>
          <cell r="AL97" t="e">
            <v>#N/A</v>
          </cell>
          <cell r="AM97" t="e">
            <v>#N/A</v>
          </cell>
          <cell r="AO97" t="str">
            <v/>
          </cell>
          <cell r="AP97" t="str">
            <v/>
          </cell>
          <cell r="AS97" t="str">
            <v>-</v>
          </cell>
          <cell r="AY97" t="str">
            <v xml:space="preserve"> </v>
          </cell>
          <cell r="AZ97" t="str">
            <v xml:space="preserve"> </v>
          </cell>
          <cell r="BA97" t="str">
            <v xml:space="preserve"> </v>
          </cell>
          <cell r="BB97" t="str">
            <v xml:space="preserve"> </v>
          </cell>
          <cell r="BC97" t="str">
            <v xml:space="preserve"> </v>
          </cell>
          <cell r="BF97">
            <v>0</v>
          </cell>
          <cell r="BG97" t="e">
            <v>#DIV/0!</v>
          </cell>
          <cell r="BI97">
            <v>0</v>
          </cell>
          <cell r="BL97">
            <v>0</v>
          </cell>
          <cell r="BM97">
            <v>0</v>
          </cell>
          <cell r="BN97" t="str">
            <v/>
          </cell>
          <cell r="BO97" t="str">
            <v>非契約書</v>
          </cell>
          <cell r="BP97" t="str">
            <v/>
          </cell>
          <cell r="BQ97" t="str">
            <v xml:space="preserve"> </v>
          </cell>
          <cell r="BR97" t="str">
            <v/>
          </cell>
          <cell r="BU97">
            <v>0</v>
          </cell>
          <cell r="BV97" t="str">
            <v>建改じゃないですね</v>
          </cell>
          <cell r="BW97">
            <v>24</v>
          </cell>
          <cell r="BX97" t="str">
            <v/>
          </cell>
          <cell r="BY97" t="str">
            <v/>
          </cell>
          <cell r="BZ97" t="str">
            <v/>
          </cell>
          <cell r="CA97">
            <v>0</v>
          </cell>
          <cell r="CD97" t="str">
            <v/>
          </cell>
          <cell r="CF97" t="str">
            <v/>
          </cell>
          <cell r="CG97" t="e">
            <v>#N/A</v>
          </cell>
          <cell r="CH97">
            <v>0</v>
          </cell>
          <cell r="CI97" t="e">
            <v>#N/A</v>
          </cell>
          <cell r="CJ97">
            <v>0</v>
          </cell>
          <cell r="CK97">
            <v>0</v>
          </cell>
          <cell r="CN97">
            <v>0</v>
          </cell>
          <cell r="CO97" t="e">
            <v>#VALUE!</v>
          </cell>
          <cell r="CP97">
            <v>0</v>
          </cell>
          <cell r="CQ97" t="e">
            <v>#DIV/0!</v>
          </cell>
        </row>
        <row r="98">
          <cell r="C98">
            <v>24</v>
          </cell>
          <cell r="D98" t="str">
            <v/>
          </cell>
          <cell r="K98">
            <v>0</v>
          </cell>
          <cell r="L98" t="str">
            <v xml:space="preserve"> </v>
          </cell>
          <cell r="M98" t="str">
            <v>一</v>
          </cell>
          <cell r="N98" t="str">
            <v>式</v>
          </cell>
          <cell r="S98" t="str">
            <v/>
          </cell>
          <cell r="T98" t="str">
            <v>無</v>
          </cell>
          <cell r="U98" t="str">
            <v>納入後</v>
          </cell>
          <cell r="V98" t="str">
            <v>壱</v>
          </cell>
          <cell r="X98" t="str">
            <v xml:space="preserve"> </v>
          </cell>
          <cell r="Y98" t="str">
            <v xml:space="preserve"> </v>
          </cell>
          <cell r="Z98" t="str">
            <v xml:space="preserve"> </v>
          </cell>
          <cell r="AA98" t="str">
            <v xml:space="preserve"> </v>
          </cell>
          <cell r="AB98" t="str">
            <v/>
          </cell>
          <cell r="AF98" t="e">
            <v>#N/A</v>
          </cell>
          <cell r="AG98" t="e">
            <v>#N/A</v>
          </cell>
          <cell r="AH98" t="e">
            <v>#N/A</v>
          </cell>
          <cell r="AI98" t="e">
            <v>#N/A</v>
          </cell>
          <cell r="AJ98" t="e">
            <v>#N/A</v>
          </cell>
          <cell r="AK98" t="e">
            <v>#N/A</v>
          </cell>
          <cell r="AL98" t="e">
            <v>#N/A</v>
          </cell>
          <cell r="AM98" t="e">
            <v>#N/A</v>
          </cell>
          <cell r="AO98" t="str">
            <v/>
          </cell>
          <cell r="AP98" t="str">
            <v/>
          </cell>
          <cell r="AS98" t="str">
            <v>-</v>
          </cell>
          <cell r="AY98" t="str">
            <v xml:space="preserve"> </v>
          </cell>
          <cell r="AZ98" t="str">
            <v xml:space="preserve"> </v>
          </cell>
          <cell r="BA98" t="str">
            <v xml:space="preserve"> </v>
          </cell>
          <cell r="BB98" t="str">
            <v xml:space="preserve"> </v>
          </cell>
          <cell r="BC98" t="str">
            <v xml:space="preserve"> </v>
          </cell>
          <cell r="BF98">
            <v>0</v>
          </cell>
          <cell r="BG98" t="e">
            <v>#DIV/0!</v>
          </cell>
          <cell r="BI98">
            <v>0</v>
          </cell>
          <cell r="BL98">
            <v>0</v>
          </cell>
          <cell r="BM98">
            <v>0</v>
          </cell>
          <cell r="BN98" t="str">
            <v/>
          </cell>
          <cell r="BO98" t="str">
            <v>非契約書</v>
          </cell>
          <cell r="BP98" t="str">
            <v/>
          </cell>
          <cell r="BQ98" t="str">
            <v xml:space="preserve"> </v>
          </cell>
          <cell r="BR98" t="str">
            <v/>
          </cell>
          <cell r="BU98">
            <v>1</v>
          </cell>
          <cell r="BV98" t="str">
            <v>建改じゃないですね</v>
          </cell>
          <cell r="BW98">
            <v>1</v>
          </cell>
          <cell r="BX98" t="str">
            <v/>
          </cell>
          <cell r="BY98" t="str">
            <v/>
          </cell>
          <cell r="BZ98" t="str">
            <v/>
          </cell>
          <cell r="CA98">
            <v>0</v>
          </cell>
          <cell r="CD98" t="str">
            <v/>
          </cell>
          <cell r="CF98" t="str">
            <v/>
          </cell>
          <cell r="CG98" t="e">
            <v>#N/A</v>
          </cell>
          <cell r="CH98">
            <v>0</v>
          </cell>
          <cell r="CI98" t="e">
            <v>#N/A</v>
          </cell>
          <cell r="CJ98">
            <v>0</v>
          </cell>
          <cell r="CK98">
            <v>0</v>
          </cell>
          <cell r="CN98">
            <v>0</v>
          </cell>
          <cell r="CO98" t="e">
            <v>#VALUE!</v>
          </cell>
          <cell r="CP98">
            <v>0</v>
          </cell>
          <cell r="CQ98" t="e">
            <v>#DIV/0!</v>
          </cell>
        </row>
        <row r="99">
          <cell r="C99">
            <v>24</v>
          </cell>
          <cell r="D99" t="str">
            <v/>
          </cell>
          <cell r="K99">
            <v>0</v>
          </cell>
          <cell r="L99" t="str">
            <v xml:space="preserve"> </v>
          </cell>
          <cell r="M99" t="str">
            <v>一</v>
          </cell>
          <cell r="N99" t="str">
            <v>式</v>
          </cell>
          <cell r="S99" t="str">
            <v/>
          </cell>
          <cell r="T99" t="str">
            <v>無</v>
          </cell>
          <cell r="U99" t="str">
            <v>納入後</v>
          </cell>
          <cell r="V99" t="str">
            <v>壱</v>
          </cell>
          <cell r="X99" t="str">
            <v xml:space="preserve"> </v>
          </cell>
          <cell r="Y99" t="str">
            <v xml:space="preserve"> </v>
          </cell>
          <cell r="Z99" t="str">
            <v xml:space="preserve"> </v>
          </cell>
          <cell r="AA99" t="str">
            <v xml:space="preserve"> </v>
          </cell>
          <cell r="AB99" t="str">
            <v/>
          </cell>
          <cell r="AF99" t="e">
            <v>#N/A</v>
          </cell>
          <cell r="AG99" t="e">
            <v>#N/A</v>
          </cell>
          <cell r="AH99" t="e">
            <v>#N/A</v>
          </cell>
          <cell r="AI99" t="e">
            <v>#N/A</v>
          </cell>
          <cell r="AJ99" t="e">
            <v>#N/A</v>
          </cell>
          <cell r="AK99" t="e">
            <v>#N/A</v>
          </cell>
          <cell r="AL99" t="e">
            <v>#N/A</v>
          </cell>
          <cell r="AM99" t="e">
            <v>#N/A</v>
          </cell>
          <cell r="AO99" t="str">
            <v/>
          </cell>
          <cell r="AP99" t="str">
            <v/>
          </cell>
          <cell r="AS99" t="str">
            <v>-</v>
          </cell>
          <cell r="AY99" t="str">
            <v xml:space="preserve"> </v>
          </cell>
          <cell r="AZ99" t="str">
            <v xml:space="preserve"> </v>
          </cell>
          <cell r="BA99" t="str">
            <v xml:space="preserve"> </v>
          </cell>
          <cell r="BB99" t="str">
            <v xml:space="preserve"> </v>
          </cell>
          <cell r="BC99" t="str">
            <v xml:space="preserve"> </v>
          </cell>
          <cell r="BF99">
            <v>0</v>
          </cell>
          <cell r="BG99" t="e">
            <v>#DIV/0!</v>
          </cell>
          <cell r="BI99">
            <v>0</v>
          </cell>
          <cell r="BL99">
            <v>0</v>
          </cell>
          <cell r="BM99">
            <v>0</v>
          </cell>
          <cell r="BN99" t="str">
            <v/>
          </cell>
          <cell r="BO99" t="str">
            <v>非契約書</v>
          </cell>
          <cell r="BP99" t="str">
            <v/>
          </cell>
          <cell r="BQ99" t="str">
            <v xml:space="preserve"> </v>
          </cell>
          <cell r="BR99" t="str">
            <v/>
          </cell>
          <cell r="BU99">
            <v>2</v>
          </cell>
          <cell r="BV99" t="str">
            <v>建改じゃないですね</v>
          </cell>
          <cell r="BW99">
            <v>2</v>
          </cell>
          <cell r="BX99" t="str">
            <v/>
          </cell>
          <cell r="BY99" t="str">
            <v/>
          </cell>
          <cell r="BZ99" t="str">
            <v/>
          </cell>
          <cell r="CA99">
            <v>0</v>
          </cell>
          <cell r="CD99" t="str">
            <v/>
          </cell>
          <cell r="CF99" t="str">
            <v/>
          </cell>
          <cell r="CG99" t="e">
            <v>#N/A</v>
          </cell>
          <cell r="CH99">
            <v>0</v>
          </cell>
          <cell r="CI99" t="e">
            <v>#N/A</v>
          </cell>
          <cell r="CJ99">
            <v>0</v>
          </cell>
          <cell r="CK99">
            <v>0</v>
          </cell>
          <cell r="CN99">
            <v>0</v>
          </cell>
          <cell r="CO99" t="e">
            <v>#VALUE!</v>
          </cell>
          <cell r="CP99">
            <v>0</v>
          </cell>
          <cell r="CQ99" t="e">
            <v>#DIV/0!</v>
          </cell>
        </row>
        <row r="100">
          <cell r="C100">
            <v>24</v>
          </cell>
          <cell r="D100" t="str">
            <v/>
          </cell>
          <cell r="K100">
            <v>0</v>
          </cell>
          <cell r="L100" t="str">
            <v xml:space="preserve"> </v>
          </cell>
          <cell r="M100" t="str">
            <v>一</v>
          </cell>
          <cell r="N100" t="str">
            <v>式</v>
          </cell>
          <cell r="S100" t="str">
            <v/>
          </cell>
          <cell r="T100" t="str">
            <v>無</v>
          </cell>
          <cell r="U100" t="str">
            <v>納入後</v>
          </cell>
          <cell r="V100" t="str">
            <v>壱</v>
          </cell>
          <cell r="X100" t="str">
            <v xml:space="preserve"> </v>
          </cell>
          <cell r="Y100" t="str">
            <v xml:space="preserve"> </v>
          </cell>
          <cell r="Z100" t="str">
            <v xml:space="preserve"> </v>
          </cell>
          <cell r="AA100" t="str">
            <v xml:space="preserve"> </v>
          </cell>
          <cell r="AB100" t="str">
            <v/>
          </cell>
          <cell r="AF100" t="e">
            <v>#N/A</v>
          </cell>
          <cell r="AG100" t="e">
            <v>#N/A</v>
          </cell>
          <cell r="AH100" t="e">
            <v>#N/A</v>
          </cell>
          <cell r="AI100" t="e">
            <v>#N/A</v>
          </cell>
          <cell r="AJ100" t="e">
            <v>#N/A</v>
          </cell>
          <cell r="AK100" t="e">
            <v>#N/A</v>
          </cell>
          <cell r="AL100" t="e">
            <v>#N/A</v>
          </cell>
          <cell r="AM100" t="e">
            <v>#N/A</v>
          </cell>
          <cell r="AO100" t="str">
            <v/>
          </cell>
          <cell r="AP100" t="str">
            <v/>
          </cell>
          <cell r="AS100" t="str">
            <v>-</v>
          </cell>
          <cell r="AY100" t="str">
            <v xml:space="preserve"> </v>
          </cell>
          <cell r="AZ100" t="str">
            <v xml:space="preserve"> </v>
          </cell>
          <cell r="BA100" t="str">
            <v xml:space="preserve"> </v>
          </cell>
          <cell r="BB100" t="str">
            <v xml:space="preserve"> </v>
          </cell>
          <cell r="BC100" t="str">
            <v xml:space="preserve"> </v>
          </cell>
          <cell r="BF100">
            <v>0</v>
          </cell>
          <cell r="BG100" t="e">
            <v>#DIV/0!</v>
          </cell>
          <cell r="BI100">
            <v>0</v>
          </cell>
          <cell r="BL100">
            <v>0</v>
          </cell>
          <cell r="BM100">
            <v>0</v>
          </cell>
          <cell r="BN100" t="str">
            <v/>
          </cell>
          <cell r="BO100" t="str">
            <v>非契約書</v>
          </cell>
          <cell r="BP100" t="str">
            <v/>
          </cell>
          <cell r="BQ100" t="str">
            <v xml:space="preserve"> </v>
          </cell>
          <cell r="BR100" t="str">
            <v/>
          </cell>
          <cell r="BU100">
            <v>3</v>
          </cell>
          <cell r="BV100" t="str">
            <v>建改じゃないですね</v>
          </cell>
          <cell r="BW100">
            <v>3</v>
          </cell>
          <cell r="BX100" t="str">
            <v/>
          </cell>
          <cell r="BY100" t="str">
            <v/>
          </cell>
          <cell r="BZ100" t="str">
            <v/>
          </cell>
          <cell r="CA100">
            <v>0</v>
          </cell>
          <cell r="CD100" t="str">
            <v/>
          </cell>
          <cell r="CF100" t="str">
            <v/>
          </cell>
          <cell r="CG100" t="e">
            <v>#N/A</v>
          </cell>
          <cell r="CH100">
            <v>0</v>
          </cell>
          <cell r="CI100" t="e">
            <v>#N/A</v>
          </cell>
          <cell r="CJ100">
            <v>0</v>
          </cell>
          <cell r="CK100">
            <v>0</v>
          </cell>
          <cell r="CN100">
            <v>0</v>
          </cell>
          <cell r="CO100" t="e">
            <v>#VALUE!</v>
          </cell>
          <cell r="CP100">
            <v>0</v>
          </cell>
          <cell r="CQ100" t="e">
            <v>#DIV/0!</v>
          </cell>
        </row>
        <row r="101">
          <cell r="C101">
            <v>24</v>
          </cell>
          <cell r="D101" t="str">
            <v/>
          </cell>
          <cell r="K101">
            <v>0</v>
          </cell>
          <cell r="L101" t="str">
            <v xml:space="preserve"> </v>
          </cell>
          <cell r="M101" t="str">
            <v>一</v>
          </cell>
          <cell r="N101" t="str">
            <v>式</v>
          </cell>
          <cell r="S101" t="str">
            <v/>
          </cell>
          <cell r="T101" t="str">
            <v>無</v>
          </cell>
          <cell r="U101" t="str">
            <v>納入後</v>
          </cell>
          <cell r="V101" t="str">
            <v>壱</v>
          </cell>
          <cell r="X101" t="str">
            <v xml:space="preserve"> </v>
          </cell>
          <cell r="Y101" t="str">
            <v xml:space="preserve"> </v>
          </cell>
          <cell r="Z101" t="str">
            <v xml:space="preserve"> </v>
          </cell>
          <cell r="AA101" t="str">
            <v xml:space="preserve"> </v>
          </cell>
          <cell r="AB101" t="str">
            <v/>
          </cell>
          <cell r="AF101" t="e">
            <v>#N/A</v>
          </cell>
          <cell r="AG101" t="e">
            <v>#N/A</v>
          </cell>
          <cell r="AH101" t="e">
            <v>#N/A</v>
          </cell>
          <cell r="AI101" t="e">
            <v>#N/A</v>
          </cell>
          <cell r="AJ101" t="e">
            <v>#N/A</v>
          </cell>
          <cell r="AK101" t="e">
            <v>#N/A</v>
          </cell>
          <cell r="AL101" t="e">
            <v>#N/A</v>
          </cell>
          <cell r="AM101" t="e">
            <v>#N/A</v>
          </cell>
          <cell r="AO101" t="str">
            <v/>
          </cell>
          <cell r="AP101" t="str">
            <v/>
          </cell>
          <cell r="AS101" t="str">
            <v>-</v>
          </cell>
          <cell r="AY101" t="str">
            <v xml:space="preserve"> </v>
          </cell>
          <cell r="AZ101" t="str">
            <v xml:space="preserve"> </v>
          </cell>
          <cell r="BA101" t="str">
            <v xml:space="preserve"> </v>
          </cell>
          <cell r="BB101" t="str">
            <v xml:space="preserve"> </v>
          </cell>
          <cell r="BC101" t="str">
            <v xml:space="preserve"> </v>
          </cell>
          <cell r="BF101">
            <v>0</v>
          </cell>
          <cell r="BG101" t="e">
            <v>#DIV/0!</v>
          </cell>
          <cell r="BI101">
            <v>0</v>
          </cell>
          <cell r="BL101">
            <v>0</v>
          </cell>
          <cell r="BM101">
            <v>0</v>
          </cell>
          <cell r="BN101" t="str">
            <v/>
          </cell>
          <cell r="BO101" t="str">
            <v>非契約書</v>
          </cell>
          <cell r="BP101" t="str">
            <v/>
          </cell>
          <cell r="BQ101" t="str">
            <v xml:space="preserve"> </v>
          </cell>
          <cell r="BR101" t="str">
            <v/>
          </cell>
          <cell r="BU101">
            <v>4</v>
          </cell>
          <cell r="BV101" t="str">
            <v>建改じゃないですね</v>
          </cell>
          <cell r="BW101">
            <v>4</v>
          </cell>
          <cell r="BX101" t="str">
            <v/>
          </cell>
          <cell r="BY101" t="str">
            <v/>
          </cell>
          <cell r="BZ101" t="str">
            <v/>
          </cell>
          <cell r="CA101">
            <v>0</v>
          </cell>
          <cell r="CD101" t="str">
            <v/>
          </cell>
          <cell r="CF101" t="str">
            <v/>
          </cell>
          <cell r="CG101" t="e">
            <v>#N/A</v>
          </cell>
          <cell r="CH101">
            <v>0</v>
          </cell>
          <cell r="CI101" t="e">
            <v>#N/A</v>
          </cell>
          <cell r="CJ101">
            <v>0</v>
          </cell>
          <cell r="CK101">
            <v>0</v>
          </cell>
          <cell r="CN101">
            <v>0</v>
          </cell>
          <cell r="CO101" t="e">
            <v>#VALUE!</v>
          </cell>
          <cell r="CP101">
            <v>0</v>
          </cell>
          <cell r="CQ101" t="e">
            <v>#DIV/0!</v>
          </cell>
        </row>
      </sheetData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</sheetDataSet>
  </externalBook>
</externalLink>
</file>

<file path=xl/externalLinks/externalLink7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★差込印刷用"/>
      <sheetName val="★指名通知書差込印刷用"/>
      <sheetName val="★財務会計　業者入力用 "/>
      <sheetName val="業者データ"/>
      <sheetName val="★入力台帳"/>
      <sheetName val="★予定価格書 "/>
      <sheetName val="契約締結報告"/>
      <sheetName val="契約締結報告 (2)"/>
      <sheetName val="◆入札(見積)経過・結果調書"/>
      <sheetName val="公開締結"/>
      <sheetName val="発注書"/>
      <sheetName val="◆経過・結果調書 (平成１８)"/>
      <sheetName val="執行・契約締結伺"/>
      <sheetName val="執行締結伺　特例政令"/>
      <sheetName val="★選考調書 "/>
      <sheetName val="★選考調書  (2)"/>
      <sheetName val="★選考調書  (3)"/>
      <sheetName val="★選考調書  (6)"/>
      <sheetName val="◇特殊案件選考調書"/>
      <sheetName val="見積選考調書"/>
      <sheetName val="見積選考調書 (2)"/>
      <sheetName val="★整理票"/>
      <sheetName val="業務委託　分割払い契約書別紙"/>
      <sheetName val="製造請負契約書別紙"/>
      <sheetName val="業務委託　分割払い契約書別紙 (2)"/>
      <sheetName val="ﾃﾞｰﾀｼｰﾄ"/>
    </sheetNames>
    <sheetDataSet>
      <sheetData sheetId="0" refreshError="1"/>
      <sheetData sheetId="1" refreshError="1"/>
      <sheetData sheetId="2" refreshError="1"/>
      <sheetData sheetId="3" refreshError="1"/>
      <sheetData sheetId="4" refreshError="1">
        <row r="1">
          <cell r="B1" t="str">
            <v>契約区分</v>
          </cell>
          <cell r="C1" t="str">
            <v>件名</v>
          </cell>
          <cell r="D1" t="str">
            <v>台帳記入日</v>
          </cell>
          <cell r="E1" t="str">
            <v>特命</v>
          </cell>
          <cell r="F1" t="str">
            <v>単契</v>
          </cell>
          <cell r="G1" t="str">
            <v>総価予算額</v>
          </cell>
          <cell r="H1" t="str">
            <v>単価予算額</v>
          </cell>
          <cell r="I1" t="str">
            <v>数量</v>
          </cell>
          <cell r="J1" t="str">
            <v>単位</v>
          </cell>
          <cell r="K1" t="str">
            <v>単契総予算額</v>
          </cell>
          <cell r="L1" t="str">
            <v>判断基準額</v>
          </cell>
          <cell r="M1" t="str">
            <v>契約方法</v>
          </cell>
          <cell r="N1" t="str">
            <v>予算費目</v>
          </cell>
          <cell r="O1" t="str">
            <v>契約期間開始日</v>
          </cell>
          <cell r="P1" t="str">
            <v>契約期間終了日</v>
          </cell>
          <cell r="Q1" t="str">
            <v>保証期間</v>
          </cell>
          <cell r="R1" t="str">
            <v>部分払回数</v>
          </cell>
          <cell r="S1" t="str">
            <v>発注課</v>
          </cell>
          <cell r="T1" t="str">
            <v>担当者</v>
          </cell>
          <cell r="U1" t="str">
            <v>内線</v>
          </cell>
          <cell r="V1" t="str">
            <v>決裁権者</v>
          </cell>
          <cell r="W1" t="str">
            <v>指名通知期間</v>
          </cell>
          <cell r="X1" t="str">
            <v>契約方法</v>
          </cell>
          <cell r="Y1" t="str">
            <v>入札(見積)執行参考日</v>
          </cell>
          <cell r="Z1" t="str">
            <v>入札(見積)年月日</v>
          </cell>
          <cell r="AA1" t="str">
            <v>時間</v>
          </cell>
          <cell r="AB1" t="str">
            <v>場所</v>
          </cell>
          <cell r="AC1" t="str">
            <v>指名通知書記載事項</v>
          </cell>
          <cell r="AD1" t="str">
            <v>入札（見積）年月日時間</v>
          </cell>
          <cell r="AE1" t="str">
            <v>大分類</v>
          </cell>
          <cell r="AF1" t="str">
            <v>中分類</v>
          </cell>
          <cell r="AG1" t="str">
            <v>小分類</v>
          </cell>
          <cell r="AH1" t="str">
            <v>決定ランク</v>
          </cell>
          <cell r="AI1" t="str">
            <v>業者数</v>
          </cell>
          <cell r="AJ1" t="str">
            <v>業者1</v>
          </cell>
          <cell r="AK1" t="str">
            <v>業者2</v>
          </cell>
          <cell r="AL1" t="str">
            <v>業者3</v>
          </cell>
          <cell r="AM1" t="str">
            <v>業者4</v>
          </cell>
          <cell r="AN1" t="str">
            <v>業者5</v>
          </cell>
          <cell r="AO1" t="str">
            <v>業者6</v>
          </cell>
          <cell r="AP1" t="str">
            <v>業者7</v>
          </cell>
          <cell r="AQ1" t="str">
            <v>業者8</v>
          </cell>
          <cell r="AR1" t="str">
            <v>業者9</v>
          </cell>
          <cell r="AS1" t="str">
            <v>業者10</v>
          </cell>
          <cell r="AT1" t="str">
            <v>業者11</v>
          </cell>
          <cell r="AU1" t="str">
            <v>予定価格書</v>
          </cell>
          <cell r="AV1" t="str">
            <v>(抜)比較価格</v>
          </cell>
          <cell r="AW1" t="str">
            <v>(込)予定価格</v>
          </cell>
          <cell r="AX1" t="str">
            <v>予算からの引率</v>
          </cell>
          <cell r="AY1" t="str">
            <v>契約業者</v>
          </cell>
          <cell r="AZ1" t="str">
            <v>(抜)落札価格</v>
          </cell>
          <cell r="BA1" t="str">
            <v>(込)契約金額</v>
          </cell>
          <cell r="BB1" t="str">
            <v>消費税額</v>
          </cell>
          <cell r="BC1" t="str">
            <v>契約証書</v>
          </cell>
          <cell r="BD1" t="str">
            <v>分割払い</v>
          </cell>
          <cell r="BE1" t="str">
            <v>契約年月日</v>
          </cell>
          <cell r="BF1" t="str">
            <v>財務課供覧</v>
          </cell>
          <cell r="BG1" t="str">
            <v>印判</v>
          </cell>
          <cell r="BH1" t="str">
            <v>落札率</v>
          </cell>
          <cell r="BI1" t="str">
            <v>備考</v>
          </cell>
          <cell r="BK1" t="str">
            <v>税抜き予算額</v>
          </cell>
          <cell r="BL1" t="str">
            <v>単価</v>
          </cell>
          <cell r="BM1" t="str">
            <v>差額</v>
          </cell>
          <cell r="BN1" t="str">
            <v>契約金額／予算額（％）</v>
          </cell>
        </row>
        <row r="2">
          <cell r="A2">
            <v>7001</v>
          </cell>
          <cell r="B2" t="str">
            <v>業務委託</v>
          </cell>
          <cell r="C2" t="str">
            <v>交通案内業務等</v>
          </cell>
          <cell r="D2">
            <v>38792</v>
          </cell>
          <cell r="E2" t="str">
            <v>特命</v>
          </cell>
          <cell r="G2">
            <v>2076960000</v>
          </cell>
          <cell r="I2">
            <v>1</v>
          </cell>
          <cell r="J2" t="str">
            <v>式</v>
          </cell>
          <cell r="K2" t="str">
            <v/>
          </cell>
          <cell r="L2">
            <v>2076960000</v>
          </cell>
          <cell r="M2" t="str">
            <v>特命</v>
          </cell>
          <cell r="N2" t="str">
            <v>軌・営　高・営</v>
          </cell>
          <cell r="O2">
            <v>38808</v>
          </cell>
          <cell r="P2">
            <v>39172</v>
          </cell>
          <cell r="Q2" t="str">
            <v>壱</v>
          </cell>
          <cell r="R2" t="str">
            <v>無</v>
          </cell>
          <cell r="S2" t="str">
            <v>総務課</v>
          </cell>
          <cell r="T2" t="str">
            <v>上舘　和則</v>
          </cell>
          <cell r="U2">
            <v>2254</v>
          </cell>
          <cell r="V2" t="str">
            <v>副市長</v>
          </cell>
          <cell r="W2" t="str">
            <v>なか１０日</v>
          </cell>
          <cell r="X2" t="str">
            <v>特命</v>
          </cell>
          <cell r="Y2">
            <v>38800</v>
          </cell>
          <cell r="Z2">
            <v>38807</v>
          </cell>
          <cell r="AA2">
            <v>1400</v>
          </cell>
          <cell r="AB2" t="str">
            <v>交通局３階総務課（契約担当）</v>
          </cell>
          <cell r="AC2" t="str">
            <v>本調達については、本調達に係る予算の成立を条件といます。</v>
          </cell>
          <cell r="AD2" t="str">
            <v>平成18年3月31日(金)　14時00分</v>
          </cell>
          <cell r="AI2">
            <v>1</v>
          </cell>
          <cell r="AJ2" t="str">
            <v>（財）札幌市交通事業振興公社</v>
          </cell>
          <cell r="AU2" t="str">
            <v>要</v>
          </cell>
          <cell r="AV2">
            <v>1978057143</v>
          </cell>
          <cell r="AW2">
            <v>2076960000</v>
          </cell>
          <cell r="AX2">
            <v>0</v>
          </cell>
          <cell r="AY2" t="str">
            <v>（財）札幌市交通事業振興公社</v>
          </cell>
          <cell r="AZ2">
            <v>1978054000</v>
          </cell>
          <cell r="BA2">
            <v>2076956700</v>
          </cell>
          <cell r="BB2">
            <v>98902700</v>
          </cell>
          <cell r="BC2" t="str">
            <v>契約書</v>
          </cell>
          <cell r="BE2">
            <v>38808</v>
          </cell>
          <cell r="BF2" t="str">
            <v>しない</v>
          </cell>
          <cell r="BG2" t="str">
            <v>見積</v>
          </cell>
          <cell r="BH2">
            <v>0.9999984111393575</v>
          </cell>
          <cell r="BK2">
            <v>1978057142.8571427</v>
          </cell>
          <cell r="BL2" t="str">
            <v xml:space="preserve"> </v>
          </cell>
          <cell r="BM2">
            <v>3300</v>
          </cell>
          <cell r="BN2">
            <v>0.9999984111393575</v>
          </cell>
        </row>
        <row r="3">
          <cell r="A3">
            <v>7002</v>
          </cell>
          <cell r="B3" t="str">
            <v>業務委託</v>
          </cell>
          <cell r="C3" t="str">
            <v>札幌市交通局職員健康診断業務</v>
          </cell>
          <cell r="D3">
            <v>38793</v>
          </cell>
          <cell r="E3" t="str">
            <v>特命</v>
          </cell>
          <cell r="F3" t="str">
            <v>単契</v>
          </cell>
          <cell r="G3">
            <v>15825000</v>
          </cell>
          <cell r="I3">
            <v>1</v>
          </cell>
          <cell r="J3" t="str">
            <v>式</v>
          </cell>
          <cell r="K3" t="str">
            <v/>
          </cell>
          <cell r="L3">
            <v>15825000</v>
          </cell>
          <cell r="M3" t="str">
            <v>特命</v>
          </cell>
          <cell r="N3" t="str">
            <v>軌・営　高・営</v>
          </cell>
          <cell r="O3">
            <v>38808</v>
          </cell>
          <cell r="P3">
            <v>39172</v>
          </cell>
          <cell r="Q3" t="str">
            <v>壱</v>
          </cell>
          <cell r="R3" t="str">
            <v>無</v>
          </cell>
          <cell r="S3" t="str">
            <v>総務課</v>
          </cell>
          <cell r="T3" t="str">
            <v>門脇　真</v>
          </cell>
          <cell r="U3">
            <v>2234</v>
          </cell>
          <cell r="V3" t="str">
            <v>管理者</v>
          </cell>
          <cell r="W3" t="str">
            <v>なか５日</v>
          </cell>
          <cell r="X3" t="str">
            <v>特命</v>
          </cell>
          <cell r="Y3">
            <v>38804</v>
          </cell>
          <cell r="Z3">
            <v>38807</v>
          </cell>
          <cell r="AA3">
            <v>1415</v>
          </cell>
          <cell r="AB3" t="str">
            <v>交通局３階総務課（契約担当）</v>
          </cell>
          <cell r="AC3" t="str">
            <v>本調達については、本調達に係る予算の成立を条件といます。</v>
          </cell>
          <cell r="AD3" t="str">
            <v>平成18年3月31日(金)　14時15分</v>
          </cell>
          <cell r="AI3">
            <v>1</v>
          </cell>
          <cell r="AJ3" t="str">
            <v>札幌市職員共済組合</v>
          </cell>
          <cell r="AU3" t="str">
            <v>要</v>
          </cell>
          <cell r="AV3">
            <v>15071429</v>
          </cell>
          <cell r="AW3">
            <v>15825000</v>
          </cell>
          <cell r="AX3">
            <v>0</v>
          </cell>
          <cell r="AY3" t="str">
            <v>札幌市職員共済組合</v>
          </cell>
          <cell r="AZ3">
            <v>15071429</v>
          </cell>
          <cell r="BA3">
            <v>15825000</v>
          </cell>
          <cell r="BB3">
            <v>753571</v>
          </cell>
          <cell r="BC3" t="str">
            <v>契約書</v>
          </cell>
          <cell r="BE3">
            <v>38808</v>
          </cell>
          <cell r="BF3" t="str">
            <v>しない</v>
          </cell>
          <cell r="BG3" t="str">
            <v>見積</v>
          </cell>
          <cell r="BH3">
            <v>1</v>
          </cell>
          <cell r="BK3">
            <v>15071428.571428571</v>
          </cell>
          <cell r="BL3" t="str">
            <v xml:space="preserve"> </v>
          </cell>
          <cell r="BM3">
            <v>0</v>
          </cell>
          <cell r="BN3">
            <v>1</v>
          </cell>
        </row>
        <row r="4">
          <cell r="A4">
            <v>1001</v>
          </cell>
          <cell r="B4" t="str">
            <v>物品購入</v>
          </cell>
          <cell r="C4" t="str">
            <v>平成１８年度営繕積算システムＲＩＢＣ</v>
          </cell>
          <cell r="D4">
            <v>38811</v>
          </cell>
          <cell r="E4" t="str">
            <v>特命</v>
          </cell>
          <cell r="G4">
            <v>954660</v>
          </cell>
          <cell r="I4">
            <v>1</v>
          </cell>
          <cell r="J4" t="str">
            <v>式</v>
          </cell>
          <cell r="K4" t="str">
            <v/>
          </cell>
          <cell r="L4">
            <v>954660</v>
          </cell>
          <cell r="M4" t="str">
            <v>特命</v>
          </cell>
          <cell r="N4" t="str">
            <v>高・営</v>
          </cell>
          <cell r="P4">
            <v>38835</v>
          </cell>
          <cell r="Q4" t="str">
            <v>壱</v>
          </cell>
          <cell r="R4" t="str">
            <v>無</v>
          </cell>
          <cell r="S4" t="str">
            <v>施設課</v>
          </cell>
          <cell r="T4" t="str">
            <v>北川　博教</v>
          </cell>
          <cell r="U4">
            <v>2525</v>
          </cell>
          <cell r="V4" t="str">
            <v>課長</v>
          </cell>
          <cell r="W4" t="str">
            <v>なか１日</v>
          </cell>
          <cell r="X4" t="str">
            <v>特命</v>
          </cell>
          <cell r="Y4">
            <v>38814</v>
          </cell>
          <cell r="Z4">
            <v>38812</v>
          </cell>
          <cell r="AA4">
            <v>1400</v>
          </cell>
          <cell r="AB4" t="str">
            <v>交通局３階総務課（契約担当）</v>
          </cell>
          <cell r="AD4" t="str">
            <v>平成18年4月5日(水)　14時00分</v>
          </cell>
          <cell r="AI4">
            <v>1</v>
          </cell>
          <cell r="AJ4" t="str">
            <v>（財）建築コスト管理システム研究所</v>
          </cell>
          <cell r="AU4" t="str">
            <v>省略可</v>
          </cell>
          <cell r="AW4">
            <v>954660</v>
          </cell>
          <cell r="AX4">
            <v>1</v>
          </cell>
          <cell r="AY4" t="str">
            <v>（財）建築コスト管理システム研究所</v>
          </cell>
          <cell r="AZ4">
            <v>909200</v>
          </cell>
          <cell r="BA4">
            <v>954660</v>
          </cell>
          <cell r="BB4">
            <v>45460</v>
          </cell>
          <cell r="BC4" t="str">
            <v>請書</v>
          </cell>
          <cell r="BE4">
            <v>38812</v>
          </cell>
          <cell r="BF4" t="str">
            <v>しない</v>
          </cell>
          <cell r="BG4" t="str">
            <v>見積</v>
          </cell>
          <cell r="BH4">
            <v>1</v>
          </cell>
          <cell r="BK4">
            <v>909200</v>
          </cell>
          <cell r="BL4" t="str">
            <v xml:space="preserve"> </v>
          </cell>
          <cell r="BM4">
            <v>0</v>
          </cell>
          <cell r="BN4">
            <v>1</v>
          </cell>
        </row>
        <row r="5">
          <cell r="A5">
            <v>7003</v>
          </cell>
          <cell r="B5" t="str">
            <v>業務委託</v>
          </cell>
          <cell r="C5" t="str">
            <v>東車両基地井戸オーバーホール</v>
          </cell>
          <cell r="D5">
            <v>38811</v>
          </cell>
          <cell r="G5">
            <v>1743000</v>
          </cell>
          <cell r="I5">
            <v>1</v>
          </cell>
          <cell r="J5" t="str">
            <v>式</v>
          </cell>
          <cell r="K5" t="str">
            <v/>
          </cell>
          <cell r="L5">
            <v>1743000</v>
          </cell>
          <cell r="M5" t="str">
            <v>入札</v>
          </cell>
          <cell r="N5" t="str">
            <v>高・営</v>
          </cell>
          <cell r="O5">
            <v>38821</v>
          </cell>
          <cell r="P5">
            <v>38868</v>
          </cell>
          <cell r="Q5" t="str">
            <v>壱</v>
          </cell>
          <cell r="R5" t="str">
            <v>無</v>
          </cell>
          <cell r="S5" t="str">
            <v>施設課</v>
          </cell>
          <cell r="T5" t="str">
            <v>池田　和人</v>
          </cell>
          <cell r="U5">
            <v>2526</v>
          </cell>
          <cell r="V5" t="str">
            <v>部長</v>
          </cell>
          <cell r="W5" t="str">
            <v>なか１日</v>
          </cell>
          <cell r="X5" t="str">
            <v>入札</v>
          </cell>
          <cell r="Y5">
            <v>38817</v>
          </cell>
          <cell r="Z5">
            <v>38819</v>
          </cell>
          <cell r="AA5">
            <v>1100</v>
          </cell>
          <cell r="AB5" t="str">
            <v>交通局５階入札室</v>
          </cell>
          <cell r="AD5" t="str">
            <v>平成18年4月12日(水)　11時00分</v>
          </cell>
          <cell r="AE5" t="str">
            <v>サービス業</v>
          </cell>
          <cell r="AF5" t="str">
            <v>その他サービス業</v>
          </cell>
          <cell r="AG5" t="str">
            <v>他に分類されないサービス業</v>
          </cell>
          <cell r="AH5" t="str">
            <v>-</v>
          </cell>
          <cell r="AI5">
            <v>3</v>
          </cell>
          <cell r="AJ5" t="str">
            <v>（株）アサノ建工札幌支店</v>
          </cell>
          <cell r="AK5" t="str">
            <v>三和土質基礎（株）</v>
          </cell>
          <cell r="AL5" t="str">
            <v>（株）日さく北海道営業所</v>
          </cell>
          <cell r="AU5" t="str">
            <v>要</v>
          </cell>
          <cell r="AV5">
            <v>1643000</v>
          </cell>
          <cell r="AW5">
            <v>1725150</v>
          </cell>
          <cell r="AX5">
            <v>1.0240963855421725E-2</v>
          </cell>
          <cell r="AY5" t="str">
            <v>（株）アサノ建工札幌支店</v>
          </cell>
          <cell r="AZ5">
            <v>1500000</v>
          </cell>
          <cell r="BA5">
            <v>1575000</v>
          </cell>
          <cell r="BB5">
            <v>75000</v>
          </cell>
          <cell r="BC5" t="str">
            <v>契約書</v>
          </cell>
          <cell r="BE5">
            <v>38820</v>
          </cell>
          <cell r="BF5" t="str">
            <v>しない</v>
          </cell>
          <cell r="BG5" t="str">
            <v>入  札</v>
          </cell>
          <cell r="BH5">
            <v>0.9129640900791236</v>
          </cell>
          <cell r="BK5">
            <v>1660000</v>
          </cell>
          <cell r="BL5" t="str">
            <v xml:space="preserve"> </v>
          </cell>
          <cell r="BM5">
            <v>168000</v>
          </cell>
          <cell r="BN5">
            <v>0.90361445783132532</v>
          </cell>
        </row>
        <row r="6">
          <cell r="A6">
            <v>2001</v>
          </cell>
          <cell r="B6" t="str">
            <v>製造請負</v>
          </cell>
          <cell r="C6" t="str">
            <v>記念共通ウィズユーカード【映画「ダヴィンチコード」】</v>
          </cell>
          <cell r="D6">
            <v>38812</v>
          </cell>
          <cell r="E6" t="str">
            <v>特命</v>
          </cell>
          <cell r="G6">
            <v>183750</v>
          </cell>
          <cell r="I6">
            <v>1</v>
          </cell>
          <cell r="J6" t="str">
            <v>式</v>
          </cell>
          <cell r="K6" t="str">
            <v/>
          </cell>
          <cell r="L6">
            <v>183750</v>
          </cell>
          <cell r="M6" t="str">
            <v>特命</v>
          </cell>
          <cell r="N6" t="str">
            <v>軌・営　高・営</v>
          </cell>
          <cell r="P6">
            <v>38846</v>
          </cell>
          <cell r="Q6" t="str">
            <v>壱</v>
          </cell>
          <cell r="R6" t="str">
            <v>無</v>
          </cell>
          <cell r="S6" t="str">
            <v>経営企画課</v>
          </cell>
          <cell r="T6" t="str">
            <v>今野　吉隆</v>
          </cell>
          <cell r="U6">
            <v>2123</v>
          </cell>
          <cell r="V6" t="str">
            <v>課長</v>
          </cell>
          <cell r="W6" t="str">
            <v>なか１日</v>
          </cell>
          <cell r="X6" t="str">
            <v>特命</v>
          </cell>
          <cell r="Y6">
            <v>38817</v>
          </cell>
          <cell r="Z6">
            <v>38818</v>
          </cell>
          <cell r="AA6">
            <v>1400</v>
          </cell>
          <cell r="AB6" t="str">
            <v>交通局３階総務課（契約担当）</v>
          </cell>
          <cell r="AD6" t="str">
            <v>平成18年4月11日(火)　14時00分</v>
          </cell>
          <cell r="AI6">
            <v>1</v>
          </cell>
          <cell r="AJ6" t="str">
            <v>凸版印刷（株）北海道事業部</v>
          </cell>
          <cell r="AU6" t="str">
            <v>省略可</v>
          </cell>
          <cell r="AW6">
            <v>183750</v>
          </cell>
          <cell r="AX6">
            <v>1</v>
          </cell>
          <cell r="AY6" t="str">
            <v>凸版印刷（株）北海道事業部</v>
          </cell>
          <cell r="AZ6">
            <v>175000</v>
          </cell>
          <cell r="BA6">
            <v>183750</v>
          </cell>
          <cell r="BB6">
            <v>8750</v>
          </cell>
          <cell r="BC6" t="str">
            <v>発注書</v>
          </cell>
          <cell r="BE6">
            <v>38818</v>
          </cell>
          <cell r="BF6" t="str">
            <v>しない</v>
          </cell>
          <cell r="BG6" t="str">
            <v>見積</v>
          </cell>
          <cell r="BH6">
            <v>1</v>
          </cell>
          <cell r="BK6">
            <v>175000</v>
          </cell>
          <cell r="BL6" t="str">
            <v xml:space="preserve"> </v>
          </cell>
          <cell r="BM6">
            <v>0</v>
          </cell>
          <cell r="BN6">
            <v>1</v>
          </cell>
        </row>
        <row r="7">
          <cell r="A7">
            <v>7004</v>
          </cell>
          <cell r="B7" t="str">
            <v>業務委託</v>
          </cell>
          <cell r="C7" t="str">
            <v>連結送水管耐圧性能試験業務</v>
          </cell>
          <cell r="D7">
            <v>38813</v>
          </cell>
          <cell r="G7">
            <v>8935500</v>
          </cell>
          <cell r="I7">
            <v>1</v>
          </cell>
          <cell r="J7" t="str">
            <v>式</v>
          </cell>
          <cell r="K7" t="str">
            <v/>
          </cell>
          <cell r="L7">
            <v>8935500</v>
          </cell>
          <cell r="M7" t="str">
            <v>入札</v>
          </cell>
          <cell r="N7" t="str">
            <v>高・営</v>
          </cell>
          <cell r="O7">
            <v>38828</v>
          </cell>
          <cell r="P7">
            <v>39003</v>
          </cell>
          <cell r="Q7" t="str">
            <v>壱</v>
          </cell>
          <cell r="R7" t="str">
            <v>無</v>
          </cell>
          <cell r="S7" t="str">
            <v>施設課</v>
          </cell>
          <cell r="T7" t="str">
            <v>若原　博</v>
          </cell>
          <cell r="U7">
            <v>2523</v>
          </cell>
          <cell r="V7" t="str">
            <v>管理者</v>
          </cell>
          <cell r="W7" t="str">
            <v>なか５日</v>
          </cell>
          <cell r="X7" t="str">
            <v>入札</v>
          </cell>
          <cell r="Y7">
            <v>38826</v>
          </cell>
          <cell r="Z7">
            <v>38826</v>
          </cell>
          <cell r="AA7">
            <v>1110</v>
          </cell>
          <cell r="AB7" t="str">
            <v>交通局５階入札室</v>
          </cell>
          <cell r="AD7" t="str">
            <v>平成18年4月19日(水)　11時10分</v>
          </cell>
          <cell r="AE7" t="str">
            <v>サービス業</v>
          </cell>
          <cell r="AF7" t="str">
            <v>建物設備等保守管理業</v>
          </cell>
          <cell r="AG7" t="str">
            <v>消防設備保守点検業</v>
          </cell>
          <cell r="AH7" t="str">
            <v>-</v>
          </cell>
          <cell r="AI7">
            <v>4</v>
          </cell>
          <cell r="AJ7" t="str">
            <v>ジャパン防災設備（株）</v>
          </cell>
          <cell r="AK7" t="str">
            <v>（株）防災コンサルタント</v>
          </cell>
          <cell r="AL7" t="str">
            <v>丸一北都総合設備（株）</v>
          </cell>
          <cell r="AM7" t="str">
            <v>（株）ヤシマ保全</v>
          </cell>
          <cell r="AU7" t="str">
            <v>要</v>
          </cell>
          <cell r="AV7">
            <v>8500000</v>
          </cell>
          <cell r="AW7">
            <v>8925000</v>
          </cell>
          <cell r="AX7">
            <v>1.1750881316098249E-3</v>
          </cell>
          <cell r="AY7" t="str">
            <v>（株）ヤシマ保全</v>
          </cell>
          <cell r="AZ7">
            <v>8400000</v>
          </cell>
          <cell r="BA7">
            <v>8820000</v>
          </cell>
          <cell r="BB7">
            <v>420000</v>
          </cell>
          <cell r="BC7" t="str">
            <v>契約書</v>
          </cell>
          <cell r="BE7">
            <v>38828</v>
          </cell>
          <cell r="BF7" t="str">
            <v>しない</v>
          </cell>
          <cell r="BG7" t="str">
            <v>入  札</v>
          </cell>
          <cell r="BH7">
            <v>0.9882352941176471</v>
          </cell>
          <cell r="BK7">
            <v>8510000</v>
          </cell>
          <cell r="BL7" t="str">
            <v xml:space="preserve"> </v>
          </cell>
          <cell r="BM7">
            <v>115500</v>
          </cell>
          <cell r="BN7">
            <v>0.98707403055229137</v>
          </cell>
        </row>
        <row r="8">
          <cell r="A8">
            <v>7005</v>
          </cell>
          <cell r="B8" t="str">
            <v>業務委託</v>
          </cell>
          <cell r="C8" t="str">
            <v>南北線受変電設備切替管理業務（大通駅・北１２条駅）</v>
          </cell>
          <cell r="D8">
            <v>38814</v>
          </cell>
          <cell r="E8" t="str">
            <v>特命</v>
          </cell>
          <cell r="G8">
            <v>1737382</v>
          </cell>
          <cell r="I8">
            <v>1</v>
          </cell>
          <cell r="J8" t="str">
            <v>式</v>
          </cell>
          <cell r="K8" t="str">
            <v/>
          </cell>
          <cell r="L8">
            <v>1737382</v>
          </cell>
          <cell r="M8" t="str">
            <v>特命</v>
          </cell>
          <cell r="N8" t="str">
            <v>高・営</v>
          </cell>
          <cell r="O8">
            <v>38828</v>
          </cell>
          <cell r="P8">
            <v>38960</v>
          </cell>
          <cell r="Q8" t="str">
            <v>壱</v>
          </cell>
          <cell r="R8" t="str">
            <v>無</v>
          </cell>
          <cell r="S8" t="str">
            <v>電気課</v>
          </cell>
          <cell r="T8" t="str">
            <v>山内　剛史</v>
          </cell>
          <cell r="U8">
            <v>2635</v>
          </cell>
          <cell r="V8" t="str">
            <v>部長</v>
          </cell>
          <cell r="W8" t="str">
            <v>なか１日</v>
          </cell>
          <cell r="X8" t="str">
            <v>特命</v>
          </cell>
          <cell r="Y8">
            <v>38820</v>
          </cell>
          <cell r="Z8">
            <v>38826</v>
          </cell>
          <cell r="AA8">
            <v>1400</v>
          </cell>
          <cell r="AB8" t="str">
            <v>交通局３階総務課（契約担当）</v>
          </cell>
          <cell r="AD8" t="str">
            <v>平成18年4月19日(水)　14時00分</v>
          </cell>
          <cell r="AI8">
            <v>1</v>
          </cell>
          <cell r="AJ8" t="str">
            <v>（株）北海道ジーエス・ユアササービス</v>
          </cell>
          <cell r="AU8" t="str">
            <v>要</v>
          </cell>
          <cell r="AV8">
            <v>1638000</v>
          </cell>
          <cell r="AW8">
            <v>1719900</v>
          </cell>
          <cell r="AX8">
            <v>1.0062266099222894E-2</v>
          </cell>
          <cell r="AY8" t="str">
            <v>（株）北海道ジーエス・ユアササービス</v>
          </cell>
          <cell r="AZ8">
            <v>1600000</v>
          </cell>
          <cell r="BA8">
            <v>1680000</v>
          </cell>
          <cell r="BB8">
            <v>80000</v>
          </cell>
          <cell r="BC8" t="str">
            <v>契約書</v>
          </cell>
          <cell r="BE8">
            <v>38826</v>
          </cell>
          <cell r="BF8" t="str">
            <v>しない</v>
          </cell>
          <cell r="BG8" t="str">
            <v>見積</v>
          </cell>
          <cell r="BH8">
            <v>0.97680097680097677</v>
          </cell>
          <cell r="BK8">
            <v>1654649.5238095238</v>
          </cell>
          <cell r="BL8" t="str">
            <v xml:space="preserve"> </v>
          </cell>
          <cell r="BM8">
            <v>57382</v>
          </cell>
          <cell r="BN8">
            <v>0.96697214544642451</v>
          </cell>
        </row>
        <row r="9">
          <cell r="A9">
            <v>1002</v>
          </cell>
          <cell r="B9" t="str">
            <v>物品購入</v>
          </cell>
          <cell r="C9" t="str">
            <v>直接感熱印刷用定期券用紙</v>
          </cell>
          <cell r="D9">
            <v>38814</v>
          </cell>
          <cell r="G9">
            <v>32928000</v>
          </cell>
          <cell r="I9">
            <v>1</v>
          </cell>
          <cell r="J9" t="str">
            <v>式</v>
          </cell>
          <cell r="K9" t="str">
            <v/>
          </cell>
          <cell r="L9">
            <v>32928000</v>
          </cell>
          <cell r="M9" t="str">
            <v>入札</v>
          </cell>
          <cell r="N9" t="str">
            <v>軌・営</v>
          </cell>
          <cell r="P9">
            <v>38918</v>
          </cell>
          <cell r="Q9" t="str">
            <v>壱</v>
          </cell>
          <cell r="R9" t="str">
            <v>無</v>
          </cell>
          <cell r="S9" t="str">
            <v>経営企画課</v>
          </cell>
          <cell r="T9" t="str">
            <v>石橋　俊一</v>
          </cell>
          <cell r="U9">
            <v>2117</v>
          </cell>
          <cell r="V9" t="str">
            <v>管理者</v>
          </cell>
          <cell r="W9" t="str">
            <v>なか５日</v>
          </cell>
          <cell r="X9" t="str">
            <v>入札</v>
          </cell>
          <cell r="Y9">
            <v>38827</v>
          </cell>
          <cell r="Z9">
            <v>38833</v>
          </cell>
          <cell r="AA9">
            <v>1130</v>
          </cell>
          <cell r="AB9" t="str">
            <v>交通局５階入札室</v>
          </cell>
          <cell r="AD9" t="str">
            <v>平成18年4月26日(水)　11時30分</v>
          </cell>
          <cell r="AE9" t="str">
            <v>製造業</v>
          </cell>
          <cell r="AF9" t="str">
            <v>出版･印刷業</v>
          </cell>
          <cell r="AG9" t="str">
            <v>印刷</v>
          </cell>
          <cell r="AH9" t="str">
            <v>A</v>
          </cell>
          <cell r="AI9">
            <v>6</v>
          </cell>
          <cell r="AJ9" t="str">
            <v>凸版印刷（株）北海道事業部</v>
          </cell>
          <cell r="AK9" t="str">
            <v>日本通信紙（株）札幌支店</v>
          </cell>
          <cell r="AU9" t="str">
            <v>要</v>
          </cell>
          <cell r="AV9">
            <v>31200000</v>
          </cell>
          <cell r="AW9">
            <v>32760000</v>
          </cell>
          <cell r="AX9">
            <v>5.1020408163264808E-3</v>
          </cell>
          <cell r="AY9" t="str">
            <v>日本通信紙（株）札幌支店</v>
          </cell>
          <cell r="AZ9">
            <v>29200000</v>
          </cell>
          <cell r="BA9">
            <v>30660000</v>
          </cell>
          <cell r="BB9">
            <v>1460000</v>
          </cell>
          <cell r="BC9" t="str">
            <v>契約書</v>
          </cell>
          <cell r="BE9">
            <v>38834</v>
          </cell>
          <cell r="BF9" t="str">
            <v>しない</v>
          </cell>
          <cell r="BG9" t="str">
            <v>入  札</v>
          </cell>
          <cell r="BH9">
            <v>0.9358974358974359</v>
          </cell>
          <cell r="BK9">
            <v>31360000</v>
          </cell>
          <cell r="BL9" t="str">
            <v xml:space="preserve"> </v>
          </cell>
          <cell r="BM9">
            <v>2268000</v>
          </cell>
          <cell r="BN9">
            <v>0.93112244897959184</v>
          </cell>
        </row>
        <row r="10">
          <cell r="A10">
            <v>7006</v>
          </cell>
          <cell r="B10" t="str">
            <v>業務委託</v>
          </cell>
          <cell r="C10" t="str">
            <v>路面電車車体・艤装改修業務</v>
          </cell>
          <cell r="D10">
            <v>38817</v>
          </cell>
          <cell r="G10">
            <v>61376700</v>
          </cell>
          <cell r="I10">
            <v>1</v>
          </cell>
          <cell r="J10" t="str">
            <v>式</v>
          </cell>
          <cell r="K10" t="str">
            <v/>
          </cell>
          <cell r="L10">
            <v>61376700</v>
          </cell>
          <cell r="M10" t="str">
            <v>入札</v>
          </cell>
          <cell r="N10" t="str">
            <v>軌・建改</v>
          </cell>
          <cell r="O10">
            <v>38835</v>
          </cell>
          <cell r="P10">
            <v>39079</v>
          </cell>
          <cell r="Q10" t="str">
            <v>壱</v>
          </cell>
          <cell r="R10" t="str">
            <v>無</v>
          </cell>
          <cell r="S10" t="str">
            <v>電車事業所</v>
          </cell>
          <cell r="T10" t="str">
            <v>長田　博司</v>
          </cell>
          <cell r="U10">
            <v>2933</v>
          </cell>
          <cell r="V10" t="str">
            <v>管理者</v>
          </cell>
          <cell r="W10" t="str">
            <v>なか１０日</v>
          </cell>
          <cell r="X10" t="str">
            <v>入札</v>
          </cell>
          <cell r="Y10">
            <v>38835</v>
          </cell>
          <cell r="Z10">
            <v>38833</v>
          </cell>
          <cell r="AA10">
            <v>1120</v>
          </cell>
          <cell r="AB10" t="str">
            <v>交通局５階入札室</v>
          </cell>
          <cell r="AD10" t="str">
            <v>平成18年4月26日(水)　11時20分</v>
          </cell>
          <cell r="AE10" t="str">
            <v>製造業</v>
          </cell>
          <cell r="AF10" t="str">
            <v>輸送機械器具製造業</v>
          </cell>
          <cell r="AG10" t="str">
            <v>鉄道車両・同部品</v>
          </cell>
          <cell r="AH10" t="str">
            <v>A</v>
          </cell>
          <cell r="AI10">
            <v>6</v>
          </cell>
          <cell r="AJ10" t="str">
            <v>アルナ車両（株）</v>
          </cell>
          <cell r="AK10" t="str">
            <v>札幌川重車両エンジニアリング（株）</v>
          </cell>
          <cell r="AL10" t="str">
            <v>札幌交通機械（株）</v>
          </cell>
          <cell r="AM10" t="str">
            <v>東急車輌製造（株）北海道支店</v>
          </cell>
          <cell r="AN10" t="str">
            <v>日本車輌製造（株）札幌支店</v>
          </cell>
          <cell r="AO10" t="str">
            <v>（株）日立製作所北海道支社</v>
          </cell>
          <cell r="AU10" t="str">
            <v>要</v>
          </cell>
          <cell r="AV10">
            <v>58000000</v>
          </cell>
          <cell r="AW10">
            <v>60900000</v>
          </cell>
          <cell r="AX10">
            <v>7.7667909809422397E-3</v>
          </cell>
          <cell r="AY10" t="str">
            <v>札幌交通機械（株）</v>
          </cell>
          <cell r="AZ10">
            <v>58000000</v>
          </cell>
          <cell r="BA10">
            <v>60900000</v>
          </cell>
          <cell r="BB10">
            <v>2900000</v>
          </cell>
          <cell r="BC10" t="str">
            <v>契約書</v>
          </cell>
          <cell r="BE10">
            <v>38834</v>
          </cell>
          <cell r="BF10" t="str">
            <v>する</v>
          </cell>
          <cell r="BG10" t="str">
            <v>入  札</v>
          </cell>
          <cell r="BH10">
            <v>1</v>
          </cell>
          <cell r="BK10">
            <v>58454000</v>
          </cell>
          <cell r="BL10" t="str">
            <v xml:space="preserve"> </v>
          </cell>
          <cell r="BM10">
            <v>476700</v>
          </cell>
          <cell r="BN10">
            <v>0.99223320901905776</v>
          </cell>
        </row>
        <row r="11">
          <cell r="A11">
            <v>2002</v>
          </cell>
          <cell r="B11" t="str">
            <v>製造請負</v>
          </cell>
          <cell r="C11" t="str">
            <v>券売機用「共通ウィズユーカード」（広告デザインカード）</v>
          </cell>
          <cell r="D11">
            <v>38817</v>
          </cell>
          <cell r="G11">
            <v>6930000</v>
          </cell>
          <cell r="I11">
            <v>200000</v>
          </cell>
          <cell r="J11" t="str">
            <v>枚</v>
          </cell>
          <cell r="K11" t="str">
            <v/>
          </cell>
          <cell r="L11">
            <v>6930000</v>
          </cell>
          <cell r="M11" t="str">
            <v>入札</v>
          </cell>
          <cell r="N11" t="str">
            <v>軌・営　高・営</v>
          </cell>
          <cell r="P11">
            <v>38895</v>
          </cell>
          <cell r="Q11" t="str">
            <v>壱</v>
          </cell>
          <cell r="R11" t="str">
            <v>無</v>
          </cell>
          <cell r="S11" t="str">
            <v>経営企画課</v>
          </cell>
          <cell r="T11" t="str">
            <v>安藤　友明</v>
          </cell>
          <cell r="U11">
            <v>2115</v>
          </cell>
          <cell r="V11" t="str">
            <v>部長</v>
          </cell>
          <cell r="W11" t="str">
            <v>なか５日</v>
          </cell>
          <cell r="X11" t="str">
            <v>入札</v>
          </cell>
          <cell r="Y11">
            <v>38827</v>
          </cell>
          <cell r="Z11">
            <v>38826</v>
          </cell>
          <cell r="AA11">
            <v>1050</v>
          </cell>
          <cell r="AB11" t="str">
            <v>交通局５階入札室</v>
          </cell>
          <cell r="AD11" t="str">
            <v>平成18年4月19日(水)　10時50分</v>
          </cell>
          <cell r="AE11" t="str">
            <v>製造業</v>
          </cell>
          <cell r="AF11" t="str">
            <v>出版･印刷業</v>
          </cell>
          <cell r="AG11" t="str">
            <v>印刷</v>
          </cell>
          <cell r="AH11" t="str">
            <v>-</v>
          </cell>
          <cell r="AI11">
            <v>4</v>
          </cell>
          <cell r="AJ11" t="str">
            <v>ＮＥＣトーキン（株）営業本部仙台支店</v>
          </cell>
          <cell r="AK11" t="str">
            <v>共同印刷（株）</v>
          </cell>
          <cell r="AL11" t="str">
            <v>凸版印刷（株）北海道事業部</v>
          </cell>
          <cell r="AM11" t="str">
            <v>日本通信紙（株）札幌支店</v>
          </cell>
          <cell r="AU11" t="str">
            <v>要</v>
          </cell>
          <cell r="AV11">
            <v>6600000</v>
          </cell>
          <cell r="AW11">
            <v>6930000</v>
          </cell>
          <cell r="AX11">
            <v>0</v>
          </cell>
          <cell r="AY11" t="str">
            <v>ＮＥＣトーキン（株）営業本部仙台支店</v>
          </cell>
          <cell r="AZ11">
            <v>6538000</v>
          </cell>
          <cell r="BA11">
            <v>6864900</v>
          </cell>
          <cell r="BB11">
            <v>326900</v>
          </cell>
          <cell r="BC11" t="str">
            <v>契約書</v>
          </cell>
          <cell r="BE11">
            <v>38831</v>
          </cell>
          <cell r="BF11" t="str">
            <v>しない</v>
          </cell>
          <cell r="BG11" t="str">
            <v>入  札</v>
          </cell>
          <cell r="BH11">
            <v>0.9906060606060606</v>
          </cell>
          <cell r="BK11">
            <v>6600000</v>
          </cell>
          <cell r="BL11">
            <v>34.65</v>
          </cell>
          <cell r="BM11">
            <v>65100</v>
          </cell>
          <cell r="BN11">
            <v>0.9906060606060606</v>
          </cell>
        </row>
        <row r="12">
          <cell r="A12">
            <v>2003</v>
          </cell>
          <cell r="B12" t="str">
            <v>製造請負</v>
          </cell>
          <cell r="C12" t="str">
            <v>広告デザインカード【リクルート】</v>
          </cell>
          <cell r="D12">
            <v>38817</v>
          </cell>
          <cell r="E12" t="str">
            <v>特命</v>
          </cell>
          <cell r="G12">
            <v>924000</v>
          </cell>
          <cell r="I12">
            <v>1</v>
          </cell>
          <cell r="J12" t="str">
            <v>式</v>
          </cell>
          <cell r="K12" t="str">
            <v/>
          </cell>
          <cell r="L12">
            <v>924000</v>
          </cell>
          <cell r="M12" t="str">
            <v>特命</v>
          </cell>
          <cell r="N12" t="str">
            <v>高・営</v>
          </cell>
          <cell r="P12">
            <v>38845</v>
          </cell>
          <cell r="Q12" t="str">
            <v>壱</v>
          </cell>
          <cell r="R12" t="str">
            <v>無</v>
          </cell>
          <cell r="S12" t="str">
            <v>経営企画課</v>
          </cell>
          <cell r="T12" t="str">
            <v>今野　吉隆</v>
          </cell>
          <cell r="U12">
            <v>2123</v>
          </cell>
          <cell r="V12" t="str">
            <v>課長</v>
          </cell>
          <cell r="W12" t="str">
            <v>なか１日</v>
          </cell>
          <cell r="X12" t="str">
            <v>特命</v>
          </cell>
          <cell r="Y12">
            <v>38820</v>
          </cell>
          <cell r="Z12">
            <v>38821</v>
          </cell>
          <cell r="AA12">
            <v>1400</v>
          </cell>
          <cell r="AB12" t="str">
            <v>交通局３階総務課（契約担当）</v>
          </cell>
          <cell r="AD12" t="str">
            <v>平成18年4月14日(金)　14時00分</v>
          </cell>
          <cell r="AI12">
            <v>1</v>
          </cell>
          <cell r="AJ12" t="str">
            <v>日本通信紙（株）札幌支店</v>
          </cell>
          <cell r="AU12" t="str">
            <v>省略可</v>
          </cell>
          <cell r="AW12">
            <v>924000</v>
          </cell>
          <cell r="AX12">
            <v>1</v>
          </cell>
          <cell r="AY12" t="str">
            <v>日本通信紙（株）札幌支店</v>
          </cell>
          <cell r="AZ12">
            <v>880000</v>
          </cell>
          <cell r="BA12">
            <v>924000</v>
          </cell>
          <cell r="BB12">
            <v>44000</v>
          </cell>
          <cell r="BC12" t="str">
            <v>請書</v>
          </cell>
          <cell r="BE12">
            <v>38824</v>
          </cell>
          <cell r="BF12" t="str">
            <v>しない</v>
          </cell>
          <cell r="BG12" t="str">
            <v>見積</v>
          </cell>
          <cell r="BH12">
            <v>1</v>
          </cell>
          <cell r="BK12">
            <v>880000</v>
          </cell>
          <cell r="BL12" t="str">
            <v xml:space="preserve"> </v>
          </cell>
          <cell r="BM12">
            <v>0</v>
          </cell>
          <cell r="BN12">
            <v>1</v>
          </cell>
        </row>
        <row r="13">
          <cell r="A13">
            <v>2004</v>
          </cell>
          <cell r="B13" t="str">
            <v>製造請負</v>
          </cell>
          <cell r="C13" t="str">
            <v>路面電車２１０・２４０形用台車枠</v>
          </cell>
          <cell r="D13">
            <v>38838</v>
          </cell>
          <cell r="E13" t="str">
            <v>特命</v>
          </cell>
          <cell r="G13">
            <v>33507600</v>
          </cell>
          <cell r="I13">
            <v>1</v>
          </cell>
          <cell r="J13" t="str">
            <v>式</v>
          </cell>
          <cell r="K13" t="str">
            <v/>
          </cell>
          <cell r="L13">
            <v>33507600</v>
          </cell>
          <cell r="M13" t="str">
            <v>特命</v>
          </cell>
          <cell r="N13" t="str">
            <v>軌・建改</v>
          </cell>
          <cell r="P13">
            <v>39079</v>
          </cell>
          <cell r="Q13" t="str">
            <v>参</v>
          </cell>
          <cell r="R13" t="str">
            <v>無</v>
          </cell>
          <cell r="S13" t="str">
            <v>電車事業所</v>
          </cell>
          <cell r="T13" t="str">
            <v>内山　晃良</v>
          </cell>
          <cell r="U13">
            <v>2933</v>
          </cell>
          <cell r="V13" t="str">
            <v>管理者</v>
          </cell>
          <cell r="W13" t="str">
            <v>なか５日</v>
          </cell>
          <cell r="X13" t="str">
            <v>特命</v>
          </cell>
          <cell r="Y13">
            <v>38849</v>
          </cell>
          <cell r="Z13">
            <v>38849</v>
          </cell>
          <cell r="AA13">
            <v>1400</v>
          </cell>
          <cell r="AB13" t="str">
            <v>交通局３階総務課（契約担当）</v>
          </cell>
          <cell r="AD13" t="str">
            <v>平成18年5月12日(金)　14時00分</v>
          </cell>
          <cell r="AE13" t="str">
            <v>製造業</v>
          </cell>
          <cell r="AF13" t="str">
            <v>輸送機械器具製造業</v>
          </cell>
          <cell r="AG13" t="str">
            <v>鉄道車両・同部品</v>
          </cell>
          <cell r="AH13" t="str">
            <v>A</v>
          </cell>
          <cell r="AI13">
            <v>1</v>
          </cell>
          <cell r="AJ13" t="str">
            <v>川崎重工業（株）北海道支社</v>
          </cell>
          <cell r="AU13" t="str">
            <v>要</v>
          </cell>
          <cell r="AV13">
            <v>31200000</v>
          </cell>
          <cell r="AW13">
            <v>32760000</v>
          </cell>
          <cell r="AX13">
            <v>2.231135622963154E-2</v>
          </cell>
          <cell r="AY13" t="str">
            <v>川崎重工業（株）北海道支社</v>
          </cell>
          <cell r="AZ13">
            <v>31000000</v>
          </cell>
          <cell r="BA13">
            <v>32550000</v>
          </cell>
          <cell r="BB13">
            <v>1550000</v>
          </cell>
          <cell r="BC13" t="str">
            <v>契約書</v>
          </cell>
          <cell r="BE13">
            <v>38852</v>
          </cell>
          <cell r="BF13" t="str">
            <v>する</v>
          </cell>
          <cell r="BG13" t="str">
            <v>見積</v>
          </cell>
          <cell r="BH13">
            <v>0.99358974358974361</v>
          </cell>
          <cell r="BI13" t="str">
            <v>当初指名６者　川重以外みな辞退　やり直しした　当初６者【川崎重工業（株）北海道支社東急車輌製造（株）北海道支店日本車輌製造（株）札幌支店（株）日立製作所北海道支社アルナ車両（株）札幌交通機械（株）】その後、三菱重工業と住友金属工業を呼ぼうとしたが、その２者もダメなので、最後には特命で行った。</v>
          </cell>
          <cell r="BK13">
            <v>31912000</v>
          </cell>
          <cell r="BL13" t="str">
            <v xml:space="preserve"> </v>
          </cell>
          <cell r="BM13">
            <v>957600</v>
          </cell>
          <cell r="BN13">
            <v>0.97142140887440465</v>
          </cell>
        </row>
        <row r="14">
          <cell r="A14">
            <v>1003</v>
          </cell>
          <cell r="B14" t="str">
            <v>物品購入</v>
          </cell>
          <cell r="C14" t="str">
            <v>リース切れ分煙機</v>
          </cell>
          <cell r="D14">
            <v>38817</v>
          </cell>
          <cell r="E14" t="str">
            <v>特命</v>
          </cell>
          <cell r="G14">
            <v>107100</v>
          </cell>
          <cell r="I14">
            <v>1</v>
          </cell>
          <cell r="J14" t="str">
            <v>式</v>
          </cell>
          <cell r="K14" t="str">
            <v/>
          </cell>
          <cell r="L14">
            <v>107100</v>
          </cell>
          <cell r="M14" t="str">
            <v>特命</v>
          </cell>
          <cell r="N14" t="str">
            <v>高・営</v>
          </cell>
          <cell r="P14">
            <v>38835</v>
          </cell>
          <cell r="Q14" t="str">
            <v>壱</v>
          </cell>
          <cell r="R14" t="str">
            <v>無</v>
          </cell>
          <cell r="S14" t="str">
            <v>総務課</v>
          </cell>
          <cell r="T14" t="str">
            <v>畑野　哲也</v>
          </cell>
          <cell r="U14">
            <v>2252</v>
          </cell>
          <cell r="V14" t="str">
            <v>課長</v>
          </cell>
          <cell r="W14" t="str">
            <v>なか１日</v>
          </cell>
          <cell r="X14" t="str">
            <v>特命</v>
          </cell>
          <cell r="Y14">
            <v>38820</v>
          </cell>
          <cell r="Z14">
            <v>38820</v>
          </cell>
          <cell r="AA14">
            <v>1400</v>
          </cell>
          <cell r="AB14" t="str">
            <v>交通局３階総務課（契約担当）</v>
          </cell>
          <cell r="AD14" t="str">
            <v>平成18年4月13日(木)　14時00分</v>
          </cell>
          <cell r="AI14">
            <v>1</v>
          </cell>
          <cell r="AJ14" t="str">
            <v>住信・松下フィナンシャルサービス（株）北海道支店</v>
          </cell>
          <cell r="AU14" t="str">
            <v>省略可</v>
          </cell>
          <cell r="AW14">
            <v>107100</v>
          </cell>
          <cell r="AX14">
            <v>1</v>
          </cell>
          <cell r="AY14" t="str">
            <v>住信・松下フィナンシャルサービス（株）北海道支店</v>
          </cell>
          <cell r="AZ14">
            <v>102000</v>
          </cell>
          <cell r="BA14">
            <v>107100</v>
          </cell>
          <cell r="BB14">
            <v>5100</v>
          </cell>
          <cell r="BC14" t="str">
            <v>発注書</v>
          </cell>
          <cell r="BE14">
            <v>38820</v>
          </cell>
          <cell r="BF14" t="str">
            <v>しない</v>
          </cell>
          <cell r="BG14" t="str">
            <v>見積</v>
          </cell>
          <cell r="BH14">
            <v>1</v>
          </cell>
          <cell r="BK14">
            <v>102000</v>
          </cell>
          <cell r="BL14" t="str">
            <v xml:space="preserve"> </v>
          </cell>
          <cell r="BM14">
            <v>0</v>
          </cell>
          <cell r="BN14">
            <v>1</v>
          </cell>
        </row>
        <row r="15">
          <cell r="A15">
            <v>1004</v>
          </cell>
          <cell r="B15" t="str">
            <v>物品購入</v>
          </cell>
          <cell r="C15" t="str">
            <v>リース切れパソコン他</v>
          </cell>
          <cell r="D15">
            <v>38817</v>
          </cell>
          <cell r="E15" t="str">
            <v>特命</v>
          </cell>
          <cell r="G15">
            <v>496755</v>
          </cell>
          <cell r="I15">
            <v>1</v>
          </cell>
          <cell r="J15" t="str">
            <v>式</v>
          </cell>
          <cell r="K15" t="str">
            <v/>
          </cell>
          <cell r="L15">
            <v>496755</v>
          </cell>
          <cell r="M15" t="str">
            <v>特命</v>
          </cell>
          <cell r="N15" t="str">
            <v>高・営</v>
          </cell>
          <cell r="P15">
            <v>38828</v>
          </cell>
          <cell r="Q15" t="str">
            <v>壱</v>
          </cell>
          <cell r="R15" t="str">
            <v>無</v>
          </cell>
          <cell r="S15" t="str">
            <v>総務課</v>
          </cell>
          <cell r="T15" t="str">
            <v>松井　淳</v>
          </cell>
          <cell r="U15">
            <v>2216</v>
          </cell>
          <cell r="V15" t="str">
            <v>課長</v>
          </cell>
          <cell r="W15" t="str">
            <v>なか１日</v>
          </cell>
          <cell r="X15" t="str">
            <v>特命</v>
          </cell>
          <cell r="Y15">
            <v>38820</v>
          </cell>
          <cell r="Z15">
            <v>38820</v>
          </cell>
          <cell r="AA15">
            <v>1415</v>
          </cell>
          <cell r="AB15" t="str">
            <v>交通局３階総務課（契約担当）</v>
          </cell>
          <cell r="AD15" t="str">
            <v>平成18年4月13日(木)　14時15分</v>
          </cell>
          <cell r="AI15">
            <v>1</v>
          </cell>
          <cell r="AJ15" t="str">
            <v>大丸藤井（株）</v>
          </cell>
          <cell r="AU15" t="str">
            <v>省略可</v>
          </cell>
          <cell r="AW15">
            <v>496755</v>
          </cell>
          <cell r="AX15">
            <v>1</v>
          </cell>
          <cell r="AY15" t="str">
            <v>大丸藤井（株）</v>
          </cell>
          <cell r="AZ15">
            <v>450000</v>
          </cell>
          <cell r="BA15">
            <v>472500</v>
          </cell>
          <cell r="BB15">
            <v>22500</v>
          </cell>
          <cell r="BC15" t="str">
            <v>発注書</v>
          </cell>
          <cell r="BE15">
            <v>38821</v>
          </cell>
          <cell r="BF15" t="str">
            <v>しない</v>
          </cell>
          <cell r="BG15" t="str">
            <v>見積</v>
          </cell>
          <cell r="BH15">
            <v>0.95117311350665823</v>
          </cell>
          <cell r="BK15">
            <v>473100</v>
          </cell>
          <cell r="BL15" t="str">
            <v xml:space="preserve"> </v>
          </cell>
          <cell r="BM15">
            <v>24255</v>
          </cell>
          <cell r="BN15">
            <v>0.95117311350665823</v>
          </cell>
        </row>
        <row r="16">
          <cell r="A16">
            <v>1005</v>
          </cell>
          <cell r="B16" t="str">
            <v>物品購入</v>
          </cell>
          <cell r="C16" t="str">
            <v>５０００形ザブトン詰物</v>
          </cell>
          <cell r="D16">
            <v>38817</v>
          </cell>
          <cell r="E16" t="str">
            <v>特命</v>
          </cell>
          <cell r="G16">
            <v>8675100</v>
          </cell>
          <cell r="I16">
            <v>810</v>
          </cell>
          <cell r="J16" t="str">
            <v>脚</v>
          </cell>
          <cell r="K16" t="str">
            <v/>
          </cell>
          <cell r="L16">
            <v>8675100</v>
          </cell>
          <cell r="M16" t="str">
            <v>特命</v>
          </cell>
          <cell r="N16" t="str">
            <v>高・営</v>
          </cell>
          <cell r="P16">
            <v>39164</v>
          </cell>
          <cell r="Q16" t="str">
            <v>壱</v>
          </cell>
          <cell r="R16" t="str">
            <v>無</v>
          </cell>
          <cell r="S16" t="str">
            <v>車両課(真駒内)</v>
          </cell>
          <cell r="T16" t="str">
            <v>阿部　光男</v>
          </cell>
          <cell r="U16">
            <v>8317</v>
          </cell>
          <cell r="V16" t="str">
            <v>部長</v>
          </cell>
          <cell r="W16" t="str">
            <v>なか５日</v>
          </cell>
          <cell r="X16" t="str">
            <v>特命</v>
          </cell>
          <cell r="Y16">
            <v>38824</v>
          </cell>
          <cell r="Z16">
            <v>38826</v>
          </cell>
          <cell r="AA16">
            <v>1415</v>
          </cell>
          <cell r="AB16" t="str">
            <v>交通局３階総務課（契約担当）</v>
          </cell>
          <cell r="AD16" t="str">
            <v>平成18年4月19日(水)　14時15分</v>
          </cell>
          <cell r="AI16">
            <v>1</v>
          </cell>
          <cell r="AJ16" t="str">
            <v>札幌川重車両エンジニアリング（株）</v>
          </cell>
          <cell r="AU16" t="str">
            <v>要</v>
          </cell>
          <cell r="AV16">
            <v>8181000</v>
          </cell>
          <cell r="AW16">
            <v>8590050</v>
          </cell>
          <cell r="AX16">
            <v>9.8039215686274161E-3</v>
          </cell>
          <cell r="AY16" t="str">
            <v>札幌川重車両エンジニアリング（株）</v>
          </cell>
          <cell r="AZ16">
            <v>8181000</v>
          </cell>
          <cell r="BA16">
            <v>8590050</v>
          </cell>
          <cell r="BB16">
            <v>409050</v>
          </cell>
          <cell r="BC16" t="str">
            <v>契約書</v>
          </cell>
          <cell r="BE16">
            <v>38827</v>
          </cell>
          <cell r="BF16" t="str">
            <v>しない</v>
          </cell>
          <cell r="BG16" t="str">
            <v>見積</v>
          </cell>
          <cell r="BH16">
            <v>1</v>
          </cell>
          <cell r="BK16">
            <v>8262000</v>
          </cell>
          <cell r="BL16">
            <v>10710</v>
          </cell>
          <cell r="BM16">
            <v>85050</v>
          </cell>
          <cell r="BN16">
            <v>0.99019607843137258</v>
          </cell>
        </row>
        <row r="17">
          <cell r="A17">
            <v>7007</v>
          </cell>
          <cell r="B17" t="str">
            <v>業務委託</v>
          </cell>
          <cell r="C17" t="str">
            <v>５０００形非常梯子改修業務</v>
          </cell>
          <cell r="D17">
            <v>38817</v>
          </cell>
          <cell r="E17" t="str">
            <v>特命</v>
          </cell>
          <cell r="G17">
            <v>890400</v>
          </cell>
          <cell r="I17">
            <v>1</v>
          </cell>
          <cell r="J17" t="str">
            <v>式</v>
          </cell>
          <cell r="K17" t="str">
            <v/>
          </cell>
          <cell r="L17">
            <v>890400</v>
          </cell>
          <cell r="M17" t="str">
            <v>特命</v>
          </cell>
          <cell r="N17" t="str">
            <v>高・営</v>
          </cell>
          <cell r="O17">
            <v>38828</v>
          </cell>
          <cell r="P17">
            <v>38898</v>
          </cell>
          <cell r="Q17" t="str">
            <v>壱</v>
          </cell>
          <cell r="R17" t="str">
            <v>無</v>
          </cell>
          <cell r="S17" t="str">
            <v>車両課(真駒内)</v>
          </cell>
          <cell r="T17" t="str">
            <v>関口　忠幸</v>
          </cell>
          <cell r="U17">
            <v>8306</v>
          </cell>
          <cell r="V17" t="str">
            <v>部長</v>
          </cell>
          <cell r="W17" t="str">
            <v>なか１日</v>
          </cell>
          <cell r="X17" t="str">
            <v>特命</v>
          </cell>
          <cell r="Y17">
            <v>38821</v>
          </cell>
          <cell r="Z17">
            <v>38826</v>
          </cell>
          <cell r="AA17">
            <v>1430</v>
          </cell>
          <cell r="AB17" t="str">
            <v>交通局３階総務課（契約担当）</v>
          </cell>
          <cell r="AD17" t="str">
            <v>平成18年4月19日(水)　14時30分</v>
          </cell>
          <cell r="AI17">
            <v>1</v>
          </cell>
          <cell r="AJ17" t="str">
            <v>札幌交通機械（株）</v>
          </cell>
          <cell r="AU17" t="str">
            <v>省略可</v>
          </cell>
          <cell r="AW17">
            <v>890400</v>
          </cell>
          <cell r="AX17">
            <v>1</v>
          </cell>
          <cell r="AY17" t="str">
            <v>札幌交通機械（株）</v>
          </cell>
          <cell r="AZ17">
            <v>842000</v>
          </cell>
          <cell r="BA17">
            <v>884100</v>
          </cell>
          <cell r="BB17">
            <v>42100</v>
          </cell>
          <cell r="BC17" t="str">
            <v>契約書</v>
          </cell>
          <cell r="BE17">
            <v>38827</v>
          </cell>
          <cell r="BF17" t="str">
            <v>しない</v>
          </cell>
          <cell r="BG17" t="str">
            <v>見積</v>
          </cell>
          <cell r="BH17">
            <v>0.99292452830188682</v>
          </cell>
          <cell r="BK17">
            <v>848000</v>
          </cell>
          <cell r="BL17" t="str">
            <v xml:space="preserve"> </v>
          </cell>
          <cell r="BM17">
            <v>6300</v>
          </cell>
          <cell r="BN17">
            <v>0.99292452830188682</v>
          </cell>
        </row>
        <row r="18">
          <cell r="A18">
            <v>7008</v>
          </cell>
          <cell r="B18" t="str">
            <v>業務委託</v>
          </cell>
          <cell r="C18" t="str">
            <v>ＶＶＶＦインバータ装置等定期点検業務</v>
          </cell>
          <cell r="D18">
            <v>38817</v>
          </cell>
          <cell r="E18" t="str">
            <v>特命</v>
          </cell>
          <cell r="G18">
            <v>1869000</v>
          </cell>
          <cell r="I18">
            <v>1</v>
          </cell>
          <cell r="J18" t="str">
            <v>式</v>
          </cell>
          <cell r="K18" t="str">
            <v/>
          </cell>
          <cell r="L18">
            <v>1869000</v>
          </cell>
          <cell r="M18" t="str">
            <v>特命</v>
          </cell>
          <cell r="N18" t="str">
            <v>高・営</v>
          </cell>
          <cell r="O18">
            <v>38827</v>
          </cell>
          <cell r="P18">
            <v>38898</v>
          </cell>
          <cell r="Q18" t="str">
            <v>壱</v>
          </cell>
          <cell r="R18" t="str">
            <v>無</v>
          </cell>
          <cell r="S18" t="str">
            <v>電車事業所</v>
          </cell>
          <cell r="T18" t="str">
            <v>長田　博司</v>
          </cell>
          <cell r="U18">
            <v>2933</v>
          </cell>
          <cell r="V18" t="str">
            <v>部長</v>
          </cell>
          <cell r="W18" t="str">
            <v>なか１日</v>
          </cell>
          <cell r="X18" t="str">
            <v>特命</v>
          </cell>
          <cell r="Y18">
            <v>38821</v>
          </cell>
          <cell r="Z18">
            <v>38826</v>
          </cell>
          <cell r="AA18">
            <v>1445</v>
          </cell>
          <cell r="AB18" t="str">
            <v>交通局３階総務課（契約担当）</v>
          </cell>
          <cell r="AD18" t="str">
            <v>平成18年4月19日(水)　14時45分</v>
          </cell>
          <cell r="AI18">
            <v>1</v>
          </cell>
          <cell r="AJ18" t="str">
            <v>三菱電機（株）北海道支社</v>
          </cell>
          <cell r="AU18" t="str">
            <v>要</v>
          </cell>
          <cell r="AV18">
            <v>1780000</v>
          </cell>
          <cell r="AW18">
            <v>1869000</v>
          </cell>
          <cell r="AX18">
            <v>0</v>
          </cell>
          <cell r="AY18" t="str">
            <v>三菱電機（株）北海道支社</v>
          </cell>
          <cell r="AZ18">
            <v>1750000</v>
          </cell>
          <cell r="BA18">
            <v>1837500</v>
          </cell>
          <cell r="BB18">
            <v>87500</v>
          </cell>
          <cell r="BC18" t="str">
            <v>契約書</v>
          </cell>
          <cell r="BE18">
            <v>38827</v>
          </cell>
          <cell r="BF18" t="str">
            <v>しない</v>
          </cell>
          <cell r="BG18" t="str">
            <v>見積</v>
          </cell>
          <cell r="BH18">
            <v>0.9831460674157303</v>
          </cell>
          <cell r="BK18">
            <v>1780000</v>
          </cell>
          <cell r="BL18" t="str">
            <v xml:space="preserve"> </v>
          </cell>
          <cell r="BM18">
            <v>31500</v>
          </cell>
          <cell r="BN18">
            <v>0.9831460674157303</v>
          </cell>
        </row>
        <row r="19">
          <cell r="A19">
            <v>1006</v>
          </cell>
          <cell r="B19" t="str">
            <v>物品購入</v>
          </cell>
          <cell r="C19" t="str">
            <v>アルカリ蓄電池</v>
          </cell>
          <cell r="D19">
            <v>38818</v>
          </cell>
          <cell r="G19">
            <v>1596000</v>
          </cell>
          <cell r="I19">
            <v>1</v>
          </cell>
          <cell r="J19" t="str">
            <v>式</v>
          </cell>
          <cell r="K19" t="str">
            <v/>
          </cell>
          <cell r="L19">
            <v>1596000</v>
          </cell>
          <cell r="M19" t="str">
            <v>公開</v>
          </cell>
          <cell r="N19" t="str">
            <v>高・営</v>
          </cell>
          <cell r="P19">
            <v>38989</v>
          </cell>
          <cell r="Q19" t="str">
            <v>壱</v>
          </cell>
          <cell r="R19" t="str">
            <v>無</v>
          </cell>
          <cell r="S19" t="str">
            <v>電車事業所</v>
          </cell>
          <cell r="T19" t="str">
            <v>渡邊　佳宏</v>
          </cell>
          <cell r="U19">
            <v>2933</v>
          </cell>
          <cell r="V19" t="str">
            <v>課長</v>
          </cell>
          <cell r="W19" t="str">
            <v>なか１日</v>
          </cell>
          <cell r="X19" t="str">
            <v>公開</v>
          </cell>
          <cell r="Y19">
            <v>38827</v>
          </cell>
          <cell r="Z19">
            <v>38827</v>
          </cell>
          <cell r="AB19" t="str">
            <v>交通局３階総務課（契約担当）</v>
          </cell>
          <cell r="AD19" t="e">
            <v>#VALUE!</v>
          </cell>
          <cell r="AI19">
            <v>3</v>
          </cell>
          <cell r="AJ19" t="str">
            <v>三和商行（株）</v>
          </cell>
          <cell r="AK19" t="str">
            <v>（株）北海道ジーエス・ユアササービス</v>
          </cell>
          <cell r="AU19" t="str">
            <v>省略可</v>
          </cell>
          <cell r="AW19">
            <v>1596000</v>
          </cell>
          <cell r="AX19">
            <v>1</v>
          </cell>
          <cell r="AY19" t="str">
            <v>（株）北海道ジーエス・ユアササービス</v>
          </cell>
          <cell r="AZ19">
            <v>1520000</v>
          </cell>
          <cell r="BA19">
            <v>1596000</v>
          </cell>
          <cell r="BB19">
            <v>76000</v>
          </cell>
          <cell r="BC19" t="str">
            <v>請書</v>
          </cell>
          <cell r="BE19">
            <v>38831</v>
          </cell>
          <cell r="BF19" t="str">
            <v>しない</v>
          </cell>
          <cell r="BG19" t="str">
            <v>見積(公開)</v>
          </cell>
          <cell r="BH19">
            <v>1</v>
          </cell>
          <cell r="BK19">
            <v>1520000</v>
          </cell>
          <cell r="BL19" t="str">
            <v xml:space="preserve"> </v>
          </cell>
          <cell r="BM19">
            <v>0</v>
          </cell>
          <cell r="BN19">
            <v>1</v>
          </cell>
        </row>
        <row r="20">
          <cell r="A20">
            <v>7009</v>
          </cell>
          <cell r="B20" t="str">
            <v>業務委託</v>
          </cell>
          <cell r="C20" t="str">
            <v>停留場施設保守清掃業務</v>
          </cell>
          <cell r="D20">
            <v>38825</v>
          </cell>
          <cell r="G20">
            <v>1682100</v>
          </cell>
          <cell r="I20">
            <v>1</v>
          </cell>
          <cell r="J20" t="str">
            <v>式</v>
          </cell>
          <cell r="K20" t="str">
            <v/>
          </cell>
          <cell r="L20">
            <v>1682100</v>
          </cell>
          <cell r="M20" t="str">
            <v>入札</v>
          </cell>
          <cell r="N20" t="str">
            <v>軌・営</v>
          </cell>
          <cell r="O20">
            <v>38834</v>
          </cell>
          <cell r="P20">
            <v>39031</v>
          </cell>
          <cell r="Q20" t="str">
            <v>壱</v>
          </cell>
          <cell r="R20" t="str">
            <v>無</v>
          </cell>
          <cell r="S20" t="str">
            <v>電車事業所</v>
          </cell>
          <cell r="T20" t="str">
            <v>須藤　誠一</v>
          </cell>
          <cell r="U20">
            <v>2933</v>
          </cell>
          <cell r="V20" t="str">
            <v>部長</v>
          </cell>
          <cell r="W20" t="str">
            <v>なか１日</v>
          </cell>
          <cell r="X20" t="str">
            <v>入札</v>
          </cell>
          <cell r="Y20">
            <v>38831</v>
          </cell>
          <cell r="Z20">
            <v>38832</v>
          </cell>
          <cell r="AA20">
            <v>1100</v>
          </cell>
          <cell r="AB20" t="str">
            <v>交通局５階入札室</v>
          </cell>
          <cell r="AD20" t="str">
            <v>平成18年4月25日(火)　11時00分</v>
          </cell>
          <cell r="AE20" t="str">
            <v>サービス業</v>
          </cell>
          <cell r="AF20" t="str">
            <v>その他サービス業</v>
          </cell>
          <cell r="AG20" t="str">
            <v>他に分類されないサービス業</v>
          </cell>
          <cell r="AH20" t="str">
            <v>-</v>
          </cell>
          <cell r="AI20">
            <v>3</v>
          </cell>
          <cell r="AJ20" t="str">
            <v>道雄建設（株）</v>
          </cell>
          <cell r="AK20" t="str">
            <v>（株）ヒラケン工業</v>
          </cell>
          <cell r="AL20" t="str">
            <v>北海道ロードメンテナンス（株）</v>
          </cell>
          <cell r="AU20" t="str">
            <v>要</v>
          </cell>
          <cell r="AV20">
            <v>1600000</v>
          </cell>
          <cell r="AW20">
            <v>1680000</v>
          </cell>
          <cell r="AX20">
            <v>1.2484394506866447E-3</v>
          </cell>
          <cell r="AY20" t="str">
            <v>道雄建設（株）</v>
          </cell>
          <cell r="AZ20">
            <v>1580000</v>
          </cell>
          <cell r="BA20">
            <v>1659000</v>
          </cell>
          <cell r="BB20">
            <v>79000</v>
          </cell>
          <cell r="BC20" t="str">
            <v>契約書</v>
          </cell>
          <cell r="BE20">
            <v>38832</v>
          </cell>
          <cell r="BF20" t="str">
            <v>しない</v>
          </cell>
          <cell r="BG20" t="str">
            <v>入  札</v>
          </cell>
          <cell r="BH20">
            <v>0.98750000000000004</v>
          </cell>
          <cell r="BK20">
            <v>1602000</v>
          </cell>
          <cell r="BL20" t="str">
            <v xml:space="preserve"> </v>
          </cell>
          <cell r="BM20">
            <v>23100</v>
          </cell>
          <cell r="BN20">
            <v>0.98626716604244691</v>
          </cell>
        </row>
        <row r="21">
          <cell r="A21">
            <v>7010</v>
          </cell>
          <cell r="B21" t="str">
            <v>業務委託</v>
          </cell>
          <cell r="C21" t="str">
            <v>札幌市交通局ドメインコントローラー構築業務</v>
          </cell>
          <cell r="D21">
            <v>38820</v>
          </cell>
          <cell r="E21" t="str">
            <v>特命</v>
          </cell>
          <cell r="G21">
            <v>492450</v>
          </cell>
          <cell r="I21">
            <v>1</v>
          </cell>
          <cell r="J21" t="str">
            <v>式</v>
          </cell>
          <cell r="K21" t="str">
            <v/>
          </cell>
          <cell r="L21">
            <v>492450</v>
          </cell>
          <cell r="M21" t="str">
            <v>特命</v>
          </cell>
          <cell r="N21" t="str">
            <v>高・営</v>
          </cell>
          <cell r="O21">
            <v>38827</v>
          </cell>
          <cell r="P21">
            <v>38835</v>
          </cell>
          <cell r="Q21" t="str">
            <v>壱</v>
          </cell>
          <cell r="R21" t="str">
            <v>無</v>
          </cell>
          <cell r="S21" t="str">
            <v>総務課</v>
          </cell>
          <cell r="T21" t="str">
            <v>松井　淳</v>
          </cell>
          <cell r="U21">
            <v>2216</v>
          </cell>
          <cell r="V21" t="str">
            <v>部長</v>
          </cell>
          <cell r="W21" t="str">
            <v>なか１日</v>
          </cell>
          <cell r="X21" t="str">
            <v>特命</v>
          </cell>
          <cell r="Y21">
            <v>38826</v>
          </cell>
          <cell r="Z21">
            <v>38826</v>
          </cell>
          <cell r="AA21">
            <v>1500</v>
          </cell>
          <cell r="AB21" t="str">
            <v>交通局３階総務課（契約担当）</v>
          </cell>
          <cell r="AD21" t="str">
            <v>平成18年4月19日(水)　15時00分</v>
          </cell>
          <cell r="AI21">
            <v>1</v>
          </cell>
          <cell r="AJ21" t="str">
            <v>札幌総合情報センター（株）</v>
          </cell>
          <cell r="AU21" t="str">
            <v>省略可</v>
          </cell>
          <cell r="AW21">
            <v>492450</v>
          </cell>
          <cell r="AX21">
            <v>1</v>
          </cell>
          <cell r="AY21" t="str">
            <v>札幌総合情報センター（株）</v>
          </cell>
          <cell r="AZ21">
            <v>450000</v>
          </cell>
          <cell r="BA21">
            <v>472500</v>
          </cell>
          <cell r="BB21">
            <v>22500</v>
          </cell>
          <cell r="BC21" t="str">
            <v>請書</v>
          </cell>
          <cell r="BE21">
            <v>38827</v>
          </cell>
          <cell r="BF21" t="str">
            <v>しない</v>
          </cell>
          <cell r="BG21" t="str">
            <v>見積</v>
          </cell>
          <cell r="BH21">
            <v>0.95948827292110872</v>
          </cell>
          <cell r="BK21">
            <v>469000</v>
          </cell>
          <cell r="BL21" t="str">
            <v xml:space="preserve"> </v>
          </cell>
          <cell r="BM21">
            <v>19950</v>
          </cell>
          <cell r="BN21">
            <v>0.95948827292110872</v>
          </cell>
        </row>
        <row r="22">
          <cell r="A22">
            <v>7011</v>
          </cell>
          <cell r="B22" t="str">
            <v>業務委託</v>
          </cell>
          <cell r="C22" t="str">
            <v>地下鉄工事路線（道路）陥没等復旧業務</v>
          </cell>
          <cell r="D22">
            <v>38820</v>
          </cell>
          <cell r="E22" t="str">
            <v>特命</v>
          </cell>
          <cell r="F22" t="str">
            <v>単契</v>
          </cell>
          <cell r="G22">
            <v>1929001</v>
          </cell>
          <cell r="H22">
            <v>1044</v>
          </cell>
          <cell r="I22">
            <v>1</v>
          </cell>
          <cell r="J22" t="str">
            <v>式</v>
          </cell>
          <cell r="K22" t="str">
            <v/>
          </cell>
          <cell r="L22">
            <v>1929001</v>
          </cell>
          <cell r="M22" t="str">
            <v>特命</v>
          </cell>
          <cell r="N22" t="str">
            <v>高・営</v>
          </cell>
          <cell r="O22">
            <v>38835</v>
          </cell>
          <cell r="P22">
            <v>39172</v>
          </cell>
          <cell r="Q22" t="str">
            <v>壱</v>
          </cell>
          <cell r="R22" t="str">
            <v>無</v>
          </cell>
          <cell r="S22" t="str">
            <v>施設課</v>
          </cell>
          <cell r="T22" t="str">
            <v>嵯峨　義朗</v>
          </cell>
          <cell r="U22">
            <v>2576</v>
          </cell>
          <cell r="V22" t="str">
            <v>部長</v>
          </cell>
          <cell r="W22" t="str">
            <v>なか１日</v>
          </cell>
          <cell r="X22" t="str">
            <v>特命</v>
          </cell>
          <cell r="Y22">
            <v>38826</v>
          </cell>
          <cell r="Z22">
            <v>38831</v>
          </cell>
          <cell r="AA22">
            <v>1100</v>
          </cell>
          <cell r="AB22" t="str">
            <v>交通局８階講堂</v>
          </cell>
          <cell r="AD22" t="str">
            <v>平成18年4月24日(月)　11時00分</v>
          </cell>
          <cell r="AI22">
            <v>1</v>
          </cell>
          <cell r="AJ22" t="str">
            <v>大林道路（株）ほか</v>
          </cell>
          <cell r="AU22" t="str">
            <v>要</v>
          </cell>
          <cell r="AV22">
            <v>995</v>
          </cell>
          <cell r="AW22">
            <v>1044</v>
          </cell>
          <cell r="AX22">
            <v>0</v>
          </cell>
          <cell r="AY22" t="str">
            <v>大林道路（株）ほか１２者</v>
          </cell>
          <cell r="AZ22">
            <v>990</v>
          </cell>
          <cell r="BA22">
            <v>1039</v>
          </cell>
          <cell r="BB22">
            <v>49</v>
          </cell>
          <cell r="BC22" t="e">
            <v>#N/A</v>
          </cell>
          <cell r="BE22">
            <v>38833</v>
          </cell>
          <cell r="BF22" t="str">
            <v>しない</v>
          </cell>
          <cell r="BG22" t="str">
            <v>見積</v>
          </cell>
          <cell r="BH22">
            <v>0.99521072796934862</v>
          </cell>
          <cell r="BK22">
            <v>1837143.8095238095</v>
          </cell>
          <cell r="BL22" t="str">
            <v xml:space="preserve"> </v>
          </cell>
          <cell r="BM22">
            <v>1927962</v>
          </cell>
          <cell r="BN22">
            <v>5.3862076795190873E-4</v>
          </cell>
        </row>
        <row r="23">
          <cell r="A23">
            <v>7012</v>
          </cell>
          <cell r="B23" t="str">
            <v>業務委託</v>
          </cell>
          <cell r="C23" t="str">
            <v>南北線高架下緑地管理業務</v>
          </cell>
          <cell r="D23">
            <v>38820</v>
          </cell>
          <cell r="F23" t="str">
            <v>単契</v>
          </cell>
          <cell r="G23">
            <v>5000000</v>
          </cell>
          <cell r="H23">
            <v>3250</v>
          </cell>
          <cell r="I23">
            <v>1</v>
          </cell>
          <cell r="J23" t="str">
            <v>式</v>
          </cell>
          <cell r="K23" t="str">
            <v/>
          </cell>
          <cell r="L23">
            <v>5000000</v>
          </cell>
          <cell r="M23" t="str">
            <v>入札</v>
          </cell>
          <cell r="N23" t="str">
            <v>高・営</v>
          </cell>
          <cell r="O23">
            <v>38831</v>
          </cell>
          <cell r="P23">
            <v>39051</v>
          </cell>
          <cell r="Q23" t="str">
            <v>壱</v>
          </cell>
          <cell r="R23" t="str">
            <v>無</v>
          </cell>
          <cell r="S23" t="str">
            <v>施設課</v>
          </cell>
          <cell r="T23" t="str">
            <v>松山　稔</v>
          </cell>
          <cell r="U23">
            <v>2579</v>
          </cell>
          <cell r="V23" t="str">
            <v>管理者</v>
          </cell>
          <cell r="W23" t="str">
            <v>なか５日</v>
          </cell>
          <cell r="X23" t="str">
            <v>入札</v>
          </cell>
          <cell r="Y23">
            <v>38833</v>
          </cell>
          <cell r="Z23">
            <v>38827</v>
          </cell>
          <cell r="AA23">
            <v>1100</v>
          </cell>
          <cell r="AB23" t="str">
            <v>交通局５階入札室</v>
          </cell>
          <cell r="AC23" t="str">
            <v>単価額による入札を実施します。詳細は別紙「南北線高架緑地管理業務の業務単価入札について」を参照願います。</v>
          </cell>
          <cell r="AD23" t="str">
            <v>平成18年4月20日(木)　11時00分</v>
          </cell>
          <cell r="AE23" t="str">
            <v>サービス業</v>
          </cell>
          <cell r="AF23" t="str">
            <v>公園街路樹等管理業</v>
          </cell>
          <cell r="AG23" t="str">
            <v>庭園等管理業</v>
          </cell>
          <cell r="AH23" t="str">
            <v>-</v>
          </cell>
          <cell r="AI23">
            <v>4</v>
          </cell>
          <cell r="AJ23" t="str">
            <v>（株）岩本石庭</v>
          </cell>
          <cell r="AK23" t="str">
            <v>（株）集楽園</v>
          </cell>
          <cell r="AL23" t="str">
            <v>北方緑化工業（株）</v>
          </cell>
          <cell r="AM23" t="str">
            <v>（株）湯川造園</v>
          </cell>
          <cell r="AU23" t="str">
            <v>要</v>
          </cell>
          <cell r="AV23">
            <v>3096</v>
          </cell>
          <cell r="AW23">
            <v>3250</v>
          </cell>
          <cell r="AX23">
            <v>0</v>
          </cell>
          <cell r="AY23" t="str">
            <v>（株）湯川造園</v>
          </cell>
          <cell r="AZ23">
            <v>2600</v>
          </cell>
          <cell r="BA23">
            <v>2730</v>
          </cell>
          <cell r="BB23">
            <v>130</v>
          </cell>
          <cell r="BC23" t="e">
            <v>#N/A</v>
          </cell>
          <cell r="BE23">
            <v>38828</v>
          </cell>
          <cell r="BF23" t="str">
            <v>しない</v>
          </cell>
          <cell r="BG23" t="str">
            <v>入  札</v>
          </cell>
          <cell r="BH23">
            <v>0.84</v>
          </cell>
          <cell r="BK23">
            <v>4761904.7619047621</v>
          </cell>
          <cell r="BL23" t="str">
            <v xml:space="preserve"> </v>
          </cell>
          <cell r="BM23">
            <v>4997270</v>
          </cell>
          <cell r="BN23">
            <v>5.4600000000000004E-4</v>
          </cell>
        </row>
        <row r="24">
          <cell r="A24">
            <v>7013</v>
          </cell>
          <cell r="B24" t="str">
            <v>業務委託</v>
          </cell>
          <cell r="C24" t="str">
            <v>接遇訓練</v>
          </cell>
          <cell r="D24">
            <v>38820</v>
          </cell>
          <cell r="G24">
            <v>135975</v>
          </cell>
          <cell r="I24">
            <v>1</v>
          </cell>
          <cell r="J24" t="str">
            <v>式</v>
          </cell>
          <cell r="K24" t="str">
            <v/>
          </cell>
          <cell r="L24">
            <v>135975</v>
          </cell>
          <cell r="M24" t="str">
            <v>見積</v>
          </cell>
          <cell r="N24" t="str">
            <v>高・営</v>
          </cell>
          <cell r="O24">
            <v>38834</v>
          </cell>
          <cell r="P24">
            <v>38834</v>
          </cell>
          <cell r="Q24" t="str">
            <v>壱</v>
          </cell>
          <cell r="R24" t="str">
            <v>無</v>
          </cell>
          <cell r="S24" t="str">
            <v>教習所</v>
          </cell>
          <cell r="T24" t="str">
            <v>板垣　一夫</v>
          </cell>
          <cell r="U24">
            <v>2914</v>
          </cell>
          <cell r="V24" t="str">
            <v>課長</v>
          </cell>
          <cell r="W24" t="str">
            <v>なか１日</v>
          </cell>
          <cell r="X24" t="str">
            <v>見積</v>
          </cell>
          <cell r="Y24">
            <v>38825</v>
          </cell>
          <cell r="Z24">
            <v>38827</v>
          </cell>
          <cell r="AA24">
            <v>1105</v>
          </cell>
          <cell r="AB24" t="str">
            <v>交通局５階入札室</v>
          </cell>
          <cell r="AD24" t="str">
            <v>平成18年4月20日(木)　11時05分</v>
          </cell>
          <cell r="AI24">
            <v>3</v>
          </cell>
          <cell r="AJ24" t="str">
            <v>（株）アムリプラザ</v>
          </cell>
          <cell r="AK24" t="str">
            <v>（社）日本経営協会北海道本部</v>
          </cell>
          <cell r="AL24" t="str">
            <v>（株）日本マンパワー</v>
          </cell>
          <cell r="AU24" t="str">
            <v>省略可</v>
          </cell>
          <cell r="AW24">
            <v>135975</v>
          </cell>
          <cell r="AX24">
            <v>1</v>
          </cell>
          <cell r="AY24" t="str">
            <v>（株）日本マンパワー</v>
          </cell>
          <cell r="AZ24">
            <v>70000</v>
          </cell>
          <cell r="BA24">
            <v>73500</v>
          </cell>
          <cell r="BB24">
            <v>3500</v>
          </cell>
          <cell r="BC24" t="e">
            <v>#N/A</v>
          </cell>
          <cell r="BE24">
            <v>38831</v>
          </cell>
          <cell r="BF24" t="str">
            <v>しない</v>
          </cell>
          <cell r="BG24" t="str">
            <v>見積</v>
          </cell>
          <cell r="BH24">
            <v>0.54054054054054057</v>
          </cell>
          <cell r="BK24">
            <v>129500</v>
          </cell>
          <cell r="BL24" t="str">
            <v xml:space="preserve"> </v>
          </cell>
          <cell r="BM24">
            <v>62475</v>
          </cell>
          <cell r="BN24">
            <v>0.54054054054054057</v>
          </cell>
        </row>
        <row r="25">
          <cell r="A25">
            <v>2005</v>
          </cell>
          <cell r="B25" t="str">
            <v>製造請負</v>
          </cell>
          <cell r="C25" t="str">
            <v>オリジナルカード（フリーカード・モデルカード）</v>
          </cell>
          <cell r="D25">
            <v>38821</v>
          </cell>
          <cell r="E25" t="str">
            <v>特命</v>
          </cell>
          <cell r="G25">
            <v>2047500</v>
          </cell>
          <cell r="I25">
            <v>1</v>
          </cell>
          <cell r="J25" t="str">
            <v>式</v>
          </cell>
          <cell r="K25" t="str">
            <v/>
          </cell>
          <cell r="L25">
            <v>2047500</v>
          </cell>
          <cell r="M25" t="str">
            <v>特命</v>
          </cell>
          <cell r="N25" t="str">
            <v>軌・営　高・営</v>
          </cell>
          <cell r="P25">
            <v>38888</v>
          </cell>
          <cell r="Q25" t="str">
            <v>壱</v>
          </cell>
          <cell r="R25" t="str">
            <v>無</v>
          </cell>
          <cell r="S25" t="str">
            <v>経営企画課</v>
          </cell>
          <cell r="T25" t="str">
            <v>安藤　友明</v>
          </cell>
          <cell r="U25">
            <v>2115</v>
          </cell>
          <cell r="V25" t="str">
            <v>課長</v>
          </cell>
          <cell r="W25" t="str">
            <v>なか１日</v>
          </cell>
          <cell r="X25" t="str">
            <v>特命</v>
          </cell>
          <cell r="Y25">
            <v>38826</v>
          </cell>
          <cell r="Z25">
            <v>38826</v>
          </cell>
          <cell r="AA25">
            <v>1130</v>
          </cell>
          <cell r="AB25" t="str">
            <v>交通局３階総務課（契約担当）</v>
          </cell>
          <cell r="AD25" t="str">
            <v>平成18年4月19日(水)　11時30分</v>
          </cell>
          <cell r="AI25">
            <v>1</v>
          </cell>
          <cell r="AJ25" t="str">
            <v>共同印刷（株）</v>
          </cell>
          <cell r="AU25" t="str">
            <v>省略可</v>
          </cell>
          <cell r="AW25">
            <v>2047500</v>
          </cell>
          <cell r="AX25">
            <v>1</v>
          </cell>
          <cell r="AY25" t="str">
            <v>共同印刷（株）</v>
          </cell>
          <cell r="AZ25">
            <v>1935000</v>
          </cell>
          <cell r="BA25">
            <v>2031750</v>
          </cell>
          <cell r="BB25">
            <v>96750</v>
          </cell>
          <cell r="BC25" t="str">
            <v>請書</v>
          </cell>
          <cell r="BE25">
            <v>38828</v>
          </cell>
          <cell r="BF25" t="str">
            <v>しない</v>
          </cell>
          <cell r="BG25" t="str">
            <v>見積</v>
          </cell>
          <cell r="BH25">
            <v>0.99230769230769234</v>
          </cell>
          <cell r="BK25">
            <v>1950000</v>
          </cell>
          <cell r="BL25" t="str">
            <v xml:space="preserve"> </v>
          </cell>
          <cell r="BM25">
            <v>15750</v>
          </cell>
          <cell r="BN25">
            <v>0.99230769230769234</v>
          </cell>
        </row>
        <row r="26">
          <cell r="A26">
            <v>2006</v>
          </cell>
          <cell r="B26" t="str">
            <v>製造請負</v>
          </cell>
          <cell r="C26" t="str">
            <v>券売機用「共通ウィズユーカード」１回目発注分</v>
          </cell>
          <cell r="D26">
            <v>38821</v>
          </cell>
          <cell r="G26">
            <v>70337400</v>
          </cell>
          <cell r="I26">
            <v>2060000</v>
          </cell>
          <cell r="J26" t="str">
            <v>枚</v>
          </cell>
          <cell r="K26" t="str">
            <v/>
          </cell>
          <cell r="L26">
            <v>70337400</v>
          </cell>
          <cell r="M26" t="str">
            <v>入札</v>
          </cell>
          <cell r="N26" t="str">
            <v>軌・営　高・営</v>
          </cell>
          <cell r="P26">
            <v>38946</v>
          </cell>
          <cell r="Q26" t="str">
            <v>壱</v>
          </cell>
          <cell r="R26" t="str">
            <v>無</v>
          </cell>
          <cell r="S26" t="str">
            <v>経営企画課</v>
          </cell>
          <cell r="T26" t="str">
            <v>安藤　友明</v>
          </cell>
          <cell r="U26">
            <v>2115</v>
          </cell>
          <cell r="V26" t="str">
            <v>管理者</v>
          </cell>
          <cell r="W26" t="str">
            <v>なか１０日</v>
          </cell>
          <cell r="X26" t="str">
            <v>入札</v>
          </cell>
          <cell r="Y26">
            <v>38846</v>
          </cell>
          <cell r="Z26">
            <v>38834</v>
          </cell>
          <cell r="AA26">
            <v>1100</v>
          </cell>
          <cell r="AB26" t="str">
            <v>交通局５階入札室</v>
          </cell>
          <cell r="AD26" t="str">
            <v>平成18年4月27日(木)　11時00分</v>
          </cell>
          <cell r="AE26" t="str">
            <v>製造業</v>
          </cell>
          <cell r="AF26" t="str">
            <v>出版･印刷業</v>
          </cell>
          <cell r="AG26" t="str">
            <v>印刷</v>
          </cell>
          <cell r="AH26" t="str">
            <v>-</v>
          </cell>
          <cell r="AI26">
            <v>6</v>
          </cell>
          <cell r="AJ26" t="str">
            <v>ＮＥＣトーキン（株）営業本部仙台支店</v>
          </cell>
          <cell r="AK26" t="str">
            <v>共同印刷（株）</v>
          </cell>
          <cell r="AL26" t="str">
            <v>凸版印刷（株）北海道事業部</v>
          </cell>
          <cell r="AM26" t="str">
            <v>日本通信紙（株）札幌支店</v>
          </cell>
          <cell r="AU26" t="str">
            <v>要</v>
          </cell>
          <cell r="AV26">
            <v>66920000</v>
          </cell>
          <cell r="AW26">
            <v>70266000</v>
          </cell>
          <cell r="AX26">
            <v>1.0151071833761627E-3</v>
          </cell>
          <cell r="AY26" t="str">
            <v>日本通信紙（株）札幌支店</v>
          </cell>
          <cell r="AZ26">
            <v>66888200</v>
          </cell>
          <cell r="BA26">
            <v>70232610</v>
          </cell>
          <cell r="BB26">
            <v>3344410</v>
          </cell>
          <cell r="BC26" t="str">
            <v>契約書</v>
          </cell>
          <cell r="BE26">
            <v>38835</v>
          </cell>
          <cell r="BF26" t="str">
            <v>しない</v>
          </cell>
          <cell r="BG26" t="str">
            <v>入  札</v>
          </cell>
          <cell r="BH26">
            <v>0.99952480573819491</v>
          </cell>
          <cell r="BK26">
            <v>66988000</v>
          </cell>
          <cell r="BL26">
            <v>34.144368932038837</v>
          </cell>
          <cell r="BM26">
            <v>104790</v>
          </cell>
          <cell r="BN26">
            <v>0.99851018092792743</v>
          </cell>
        </row>
        <row r="27">
          <cell r="A27">
            <v>7014</v>
          </cell>
          <cell r="B27" t="str">
            <v>業務委託</v>
          </cell>
          <cell r="C27" t="str">
            <v>空調機オーバーホール（三菱製）</v>
          </cell>
          <cell r="D27">
            <v>38821</v>
          </cell>
          <cell r="E27" t="str">
            <v>特命</v>
          </cell>
          <cell r="G27">
            <v>2467500</v>
          </cell>
          <cell r="I27">
            <v>1</v>
          </cell>
          <cell r="J27" t="str">
            <v>式</v>
          </cell>
          <cell r="K27" t="str">
            <v/>
          </cell>
          <cell r="L27">
            <v>2467500</v>
          </cell>
          <cell r="M27" t="str">
            <v>特命</v>
          </cell>
          <cell r="N27" t="str">
            <v>高・営</v>
          </cell>
          <cell r="O27">
            <v>38829</v>
          </cell>
          <cell r="P27">
            <v>38915</v>
          </cell>
          <cell r="Q27" t="str">
            <v>壱</v>
          </cell>
          <cell r="R27" t="str">
            <v>無</v>
          </cell>
          <cell r="S27" t="str">
            <v>施設課</v>
          </cell>
          <cell r="T27" t="str">
            <v>北川　博教</v>
          </cell>
          <cell r="U27">
            <v>2525</v>
          </cell>
          <cell r="V27" t="str">
            <v>管理者</v>
          </cell>
          <cell r="W27" t="str">
            <v>なか１日</v>
          </cell>
          <cell r="X27" t="str">
            <v>特命</v>
          </cell>
          <cell r="Y27">
            <v>38828</v>
          </cell>
          <cell r="Z27">
            <v>38827</v>
          </cell>
          <cell r="AA27">
            <v>1400</v>
          </cell>
          <cell r="AB27" t="str">
            <v>交通局３階総務課（契約担当）</v>
          </cell>
          <cell r="AD27" t="str">
            <v>平成18年4月20日(木)　14時00分</v>
          </cell>
          <cell r="AI27">
            <v>1</v>
          </cell>
          <cell r="AJ27" t="str">
            <v>三菱電機ビルテクノサービス（株）北海道支社</v>
          </cell>
          <cell r="AU27" t="str">
            <v>要</v>
          </cell>
          <cell r="AV27">
            <v>2326000</v>
          </cell>
          <cell r="AW27">
            <v>2442300</v>
          </cell>
          <cell r="AX27">
            <v>1.0212765957446801E-2</v>
          </cell>
          <cell r="AY27" t="str">
            <v>三菱電機ビルテクノサービス（株）北海道支社</v>
          </cell>
          <cell r="AZ27">
            <v>2290000</v>
          </cell>
          <cell r="BA27">
            <v>2404500</v>
          </cell>
          <cell r="BB27">
            <v>114500</v>
          </cell>
          <cell r="BC27" t="str">
            <v>契約書</v>
          </cell>
          <cell r="BE27">
            <v>38831</v>
          </cell>
          <cell r="BF27" t="str">
            <v>しない</v>
          </cell>
          <cell r="BG27" t="str">
            <v>見積</v>
          </cell>
          <cell r="BH27">
            <v>0.98452278589853826</v>
          </cell>
          <cell r="BK27">
            <v>2350000</v>
          </cell>
          <cell r="BL27" t="str">
            <v xml:space="preserve"> </v>
          </cell>
          <cell r="BM27">
            <v>63000</v>
          </cell>
          <cell r="BN27">
            <v>0.97446808510638294</v>
          </cell>
        </row>
        <row r="28">
          <cell r="A28">
            <v>7015</v>
          </cell>
          <cell r="B28" t="str">
            <v>業務委託</v>
          </cell>
          <cell r="C28" t="str">
            <v>本局庁舎前庭等管理業務</v>
          </cell>
          <cell r="D28">
            <v>38821</v>
          </cell>
          <cell r="G28">
            <v>1444800</v>
          </cell>
          <cell r="I28">
            <v>1</v>
          </cell>
          <cell r="J28" t="str">
            <v>式</v>
          </cell>
          <cell r="K28" t="str">
            <v/>
          </cell>
          <cell r="L28">
            <v>1444800</v>
          </cell>
          <cell r="M28" t="str">
            <v>入札</v>
          </cell>
          <cell r="N28" t="str">
            <v>高・営</v>
          </cell>
          <cell r="O28">
            <v>38833</v>
          </cell>
          <cell r="P28">
            <v>39071</v>
          </cell>
          <cell r="Q28" t="str">
            <v>壱</v>
          </cell>
          <cell r="R28" t="str">
            <v>無</v>
          </cell>
          <cell r="S28" t="str">
            <v>総務課</v>
          </cell>
          <cell r="T28" t="str">
            <v>宮崎　伸一</v>
          </cell>
          <cell r="U28">
            <v>2215</v>
          </cell>
          <cell r="V28" t="str">
            <v>部長</v>
          </cell>
          <cell r="W28" t="str">
            <v>なか１日</v>
          </cell>
          <cell r="X28" t="str">
            <v>入札</v>
          </cell>
          <cell r="Y28">
            <v>38827</v>
          </cell>
          <cell r="Z28">
            <v>38831</v>
          </cell>
          <cell r="AA28">
            <v>1110</v>
          </cell>
          <cell r="AB28" t="str">
            <v>交通局５階入札室</v>
          </cell>
          <cell r="AD28" t="str">
            <v>平成18年4月24日(月)　11時10分</v>
          </cell>
          <cell r="AE28" t="str">
            <v>サービス業</v>
          </cell>
          <cell r="AF28" t="str">
            <v>公園街路樹等管理業</v>
          </cell>
          <cell r="AG28" t="str">
            <v>庭園等管理業</v>
          </cell>
          <cell r="AH28" t="str">
            <v>-</v>
          </cell>
          <cell r="AI28">
            <v>3</v>
          </cell>
          <cell r="AJ28" t="str">
            <v>（株）園建</v>
          </cell>
          <cell r="AK28" t="str">
            <v>（株）札幌緑興</v>
          </cell>
          <cell r="AL28" t="str">
            <v>（株）四宮造園</v>
          </cell>
          <cell r="AU28" t="str">
            <v>要</v>
          </cell>
          <cell r="AV28">
            <v>1376000</v>
          </cell>
          <cell r="AW28">
            <v>1444800</v>
          </cell>
          <cell r="AX28">
            <v>0</v>
          </cell>
          <cell r="AY28" t="str">
            <v>（株）園建</v>
          </cell>
          <cell r="AZ28">
            <v>1300000</v>
          </cell>
          <cell r="BA28">
            <v>1365000</v>
          </cell>
          <cell r="BB28">
            <v>65000</v>
          </cell>
          <cell r="BC28" t="str">
            <v>契約書</v>
          </cell>
          <cell r="BE28">
            <v>38832</v>
          </cell>
          <cell r="BF28" t="str">
            <v>しない</v>
          </cell>
          <cell r="BG28" t="str">
            <v>入  札</v>
          </cell>
          <cell r="BH28">
            <v>0.94476744186046513</v>
          </cell>
          <cell r="BK28">
            <v>1376000</v>
          </cell>
          <cell r="BL28" t="str">
            <v xml:space="preserve"> </v>
          </cell>
          <cell r="BM28">
            <v>79800</v>
          </cell>
          <cell r="BN28">
            <v>0.94476744186046513</v>
          </cell>
        </row>
        <row r="29">
          <cell r="A29">
            <v>7016</v>
          </cell>
          <cell r="B29" t="str">
            <v>業務委託</v>
          </cell>
          <cell r="C29" t="str">
            <v>東豊線シーザス式転てつ器走行路端部補修</v>
          </cell>
          <cell r="D29">
            <v>38821</v>
          </cell>
          <cell r="E29" t="str">
            <v>特命</v>
          </cell>
          <cell r="G29">
            <v>3654000</v>
          </cell>
          <cell r="I29">
            <v>1</v>
          </cell>
          <cell r="J29" t="str">
            <v>式</v>
          </cell>
          <cell r="K29" t="str">
            <v/>
          </cell>
          <cell r="L29">
            <v>3654000</v>
          </cell>
          <cell r="M29" t="str">
            <v>特命</v>
          </cell>
          <cell r="N29" t="str">
            <v>高・営</v>
          </cell>
          <cell r="O29">
            <v>38833</v>
          </cell>
          <cell r="P29">
            <v>38898</v>
          </cell>
          <cell r="Q29" t="str">
            <v>壱</v>
          </cell>
          <cell r="R29" t="str">
            <v>無</v>
          </cell>
          <cell r="S29" t="str">
            <v>施設課</v>
          </cell>
          <cell r="T29" t="str">
            <v>丸山　貴弘</v>
          </cell>
          <cell r="U29">
            <v>2592</v>
          </cell>
          <cell r="V29" t="str">
            <v>管理者</v>
          </cell>
          <cell r="W29" t="str">
            <v>なか１日</v>
          </cell>
          <cell r="X29" t="str">
            <v>特命</v>
          </cell>
          <cell r="Y29">
            <v>38828</v>
          </cell>
          <cell r="Z29">
            <v>38831</v>
          </cell>
          <cell r="AA29">
            <v>1400</v>
          </cell>
          <cell r="AB29" t="str">
            <v>交通局３階総務課（契約担当）</v>
          </cell>
          <cell r="AD29" t="str">
            <v>平成18年4月24日(月)　14時00分</v>
          </cell>
          <cell r="AI29">
            <v>1</v>
          </cell>
          <cell r="AJ29" t="str">
            <v>札幌川重車両エンジニアリング（株）</v>
          </cell>
          <cell r="AU29" t="str">
            <v>要</v>
          </cell>
          <cell r="AV29">
            <v>3440000</v>
          </cell>
          <cell r="AW29">
            <v>3612000</v>
          </cell>
          <cell r="AX29">
            <v>1.1494252873563204E-2</v>
          </cell>
          <cell r="AY29" t="str">
            <v>札幌川重車両エンジニアリング（株）</v>
          </cell>
          <cell r="AZ29">
            <v>3410000</v>
          </cell>
          <cell r="BA29">
            <v>3580500</v>
          </cell>
          <cell r="BB29">
            <v>170500</v>
          </cell>
          <cell r="BC29" t="str">
            <v>契約書</v>
          </cell>
          <cell r="BE29">
            <v>38832</v>
          </cell>
          <cell r="BF29" t="str">
            <v>しない</v>
          </cell>
          <cell r="BG29" t="str">
            <v>見積</v>
          </cell>
          <cell r="BH29">
            <v>0.99127906976744184</v>
          </cell>
          <cell r="BK29">
            <v>3480000</v>
          </cell>
          <cell r="BL29" t="str">
            <v xml:space="preserve"> </v>
          </cell>
          <cell r="BM29">
            <v>73500</v>
          </cell>
          <cell r="BN29">
            <v>0.97988505747126442</v>
          </cell>
        </row>
        <row r="30">
          <cell r="A30">
            <v>7017</v>
          </cell>
          <cell r="B30" t="str">
            <v>業務委託</v>
          </cell>
          <cell r="C30" t="str">
            <v>主電動機絶縁改修業務</v>
          </cell>
          <cell r="D30">
            <v>38825</v>
          </cell>
          <cell r="G30">
            <v>5947200</v>
          </cell>
          <cell r="I30">
            <v>1</v>
          </cell>
          <cell r="J30" t="str">
            <v>式</v>
          </cell>
          <cell r="K30" t="str">
            <v/>
          </cell>
          <cell r="L30">
            <v>5947200</v>
          </cell>
          <cell r="M30" t="str">
            <v>入札</v>
          </cell>
          <cell r="N30" t="str">
            <v>軌・建改</v>
          </cell>
          <cell r="O30">
            <v>38835</v>
          </cell>
          <cell r="P30">
            <v>38989</v>
          </cell>
          <cell r="Q30" t="str">
            <v>壱</v>
          </cell>
          <cell r="R30" t="str">
            <v>無</v>
          </cell>
          <cell r="S30" t="str">
            <v>電車事業所</v>
          </cell>
          <cell r="T30" t="str">
            <v>長田　博司</v>
          </cell>
          <cell r="U30">
            <v>2933</v>
          </cell>
          <cell r="V30" t="str">
            <v>管理者</v>
          </cell>
          <cell r="W30" t="str">
            <v>なか５日</v>
          </cell>
          <cell r="X30" t="str">
            <v>入札</v>
          </cell>
          <cell r="Y30">
            <v>38838</v>
          </cell>
          <cell r="Z30">
            <v>38834</v>
          </cell>
          <cell r="AA30">
            <v>1110</v>
          </cell>
          <cell r="AB30" t="str">
            <v>交通局５階入札室</v>
          </cell>
          <cell r="AD30" t="str">
            <v>平成18年4月27日(木)　11時10分</v>
          </cell>
          <cell r="AE30" t="str">
            <v>サービス業</v>
          </cell>
          <cell r="AF30" t="str">
            <v>機械・家具等保守・修理業</v>
          </cell>
          <cell r="AG30" t="str">
            <v>機械保守・修理業</v>
          </cell>
          <cell r="AH30" t="str">
            <v>-</v>
          </cell>
          <cell r="AI30">
            <v>4</v>
          </cell>
          <cell r="AJ30" t="str">
            <v>札幌交通機械（株）</v>
          </cell>
          <cell r="AK30" t="str">
            <v>札幌日信電子（株）</v>
          </cell>
          <cell r="AL30" t="str">
            <v>（株）富士電機製作所</v>
          </cell>
          <cell r="AM30" t="str">
            <v>北都電機（株）</v>
          </cell>
          <cell r="AU30" t="str">
            <v>要</v>
          </cell>
          <cell r="AV30">
            <v>5660000</v>
          </cell>
          <cell r="AW30">
            <v>5943000</v>
          </cell>
          <cell r="AX30">
            <v>7.0621468926557185E-4</v>
          </cell>
          <cell r="AY30" t="str">
            <v>（株）富士電機製作所</v>
          </cell>
          <cell r="AZ30">
            <v>5600000</v>
          </cell>
          <cell r="BA30">
            <v>5880000</v>
          </cell>
          <cell r="BB30">
            <v>280000</v>
          </cell>
          <cell r="BC30" t="str">
            <v>契約書</v>
          </cell>
          <cell r="BE30">
            <v>38845</v>
          </cell>
          <cell r="BF30" t="str">
            <v>する</v>
          </cell>
          <cell r="BG30" t="str">
            <v>入  札</v>
          </cell>
          <cell r="BH30">
            <v>0.98939929328621912</v>
          </cell>
          <cell r="BK30">
            <v>5664000</v>
          </cell>
          <cell r="BL30" t="str">
            <v xml:space="preserve"> </v>
          </cell>
          <cell r="BM30">
            <v>67200</v>
          </cell>
          <cell r="BN30">
            <v>0.98870056497175141</v>
          </cell>
        </row>
        <row r="31">
          <cell r="A31">
            <v>1007</v>
          </cell>
          <cell r="B31" t="str">
            <v>物品購入</v>
          </cell>
          <cell r="C31" t="str">
            <v>シールドビーム電球</v>
          </cell>
          <cell r="D31">
            <v>38825</v>
          </cell>
          <cell r="G31">
            <v>157500</v>
          </cell>
          <cell r="I31">
            <v>1</v>
          </cell>
          <cell r="J31" t="str">
            <v>式</v>
          </cell>
          <cell r="K31" t="str">
            <v/>
          </cell>
          <cell r="L31">
            <v>157500</v>
          </cell>
          <cell r="M31" t="str">
            <v>公開</v>
          </cell>
          <cell r="N31" t="str">
            <v>高・営</v>
          </cell>
          <cell r="P31">
            <v>38873</v>
          </cell>
          <cell r="Q31" t="str">
            <v>壱</v>
          </cell>
          <cell r="R31" t="str">
            <v>無</v>
          </cell>
          <cell r="S31" t="str">
            <v>車両課(真駒内)</v>
          </cell>
          <cell r="T31" t="str">
            <v>遠藤　順一</v>
          </cell>
          <cell r="U31">
            <v>8313</v>
          </cell>
          <cell r="V31" t="str">
            <v>課長</v>
          </cell>
          <cell r="W31" t="str">
            <v>なか１日</v>
          </cell>
          <cell r="X31" t="str">
            <v>公開</v>
          </cell>
          <cell r="Y31">
            <v>38834</v>
          </cell>
          <cell r="Z31">
            <v>38834</v>
          </cell>
          <cell r="AB31" t="str">
            <v>交通局３階総務課（契約担当）</v>
          </cell>
          <cell r="AD31" t="e">
            <v>#VALUE!</v>
          </cell>
          <cell r="AI31">
            <v>3</v>
          </cell>
          <cell r="AJ31" t="str">
            <v>福田実業（株）</v>
          </cell>
          <cell r="AU31" t="str">
            <v>省略可</v>
          </cell>
          <cell r="AW31">
            <v>157500</v>
          </cell>
          <cell r="AX31">
            <v>1</v>
          </cell>
          <cell r="AY31" t="str">
            <v>福田実業（株）</v>
          </cell>
          <cell r="AZ31">
            <v>150000</v>
          </cell>
          <cell r="BA31">
            <v>157500</v>
          </cell>
          <cell r="BB31">
            <v>7500</v>
          </cell>
          <cell r="BC31" t="str">
            <v>発注書</v>
          </cell>
          <cell r="BE31">
            <v>38835</v>
          </cell>
          <cell r="BF31" t="str">
            <v>しない</v>
          </cell>
          <cell r="BG31" t="str">
            <v>見積(公開)</v>
          </cell>
          <cell r="BH31">
            <v>1</v>
          </cell>
          <cell r="BK31">
            <v>150000</v>
          </cell>
          <cell r="BL31" t="str">
            <v xml:space="preserve"> </v>
          </cell>
          <cell r="BM31">
            <v>0</v>
          </cell>
          <cell r="BN31">
            <v>1</v>
          </cell>
        </row>
        <row r="32">
          <cell r="A32">
            <v>1008</v>
          </cell>
          <cell r="B32" t="str">
            <v>物品購入</v>
          </cell>
          <cell r="C32" t="str">
            <v>パルス変換器</v>
          </cell>
          <cell r="D32">
            <v>38825</v>
          </cell>
          <cell r="G32">
            <v>267393</v>
          </cell>
          <cell r="I32">
            <v>1</v>
          </cell>
          <cell r="J32" t="str">
            <v>式</v>
          </cell>
          <cell r="K32" t="str">
            <v/>
          </cell>
          <cell r="L32">
            <v>267393</v>
          </cell>
          <cell r="M32" t="str">
            <v>公開</v>
          </cell>
          <cell r="N32" t="str">
            <v>高・営</v>
          </cell>
          <cell r="P32">
            <v>38868</v>
          </cell>
          <cell r="Q32" t="str">
            <v>壱</v>
          </cell>
          <cell r="R32" t="str">
            <v>無</v>
          </cell>
          <cell r="S32" t="str">
            <v>電気課</v>
          </cell>
          <cell r="T32" t="str">
            <v>大野　昇</v>
          </cell>
          <cell r="U32">
            <v>2623</v>
          </cell>
          <cell r="V32" t="str">
            <v>課長</v>
          </cell>
          <cell r="W32" t="str">
            <v>なか１日</v>
          </cell>
          <cell r="X32" t="str">
            <v>公開</v>
          </cell>
          <cell r="Y32">
            <v>38834</v>
          </cell>
          <cell r="Z32">
            <v>38834</v>
          </cell>
          <cell r="AB32" t="str">
            <v>交通局３階総務課（契約担当）</v>
          </cell>
          <cell r="AD32" t="e">
            <v>#VALUE!</v>
          </cell>
          <cell r="AI32">
            <v>3</v>
          </cell>
          <cell r="AJ32" t="str">
            <v>（株）イザワ</v>
          </cell>
          <cell r="AK32" t="str">
            <v>（株）渡商</v>
          </cell>
          <cell r="AL32" t="str">
            <v>理興産業（株）</v>
          </cell>
          <cell r="AU32" t="str">
            <v>省略可</v>
          </cell>
          <cell r="AW32">
            <v>267393</v>
          </cell>
          <cell r="AX32">
            <v>1</v>
          </cell>
          <cell r="AY32" t="str">
            <v>理興産業（株）</v>
          </cell>
          <cell r="AZ32">
            <v>246300</v>
          </cell>
          <cell r="BA32">
            <v>258615</v>
          </cell>
          <cell r="BB32">
            <v>12315</v>
          </cell>
          <cell r="BC32" t="str">
            <v>発注書</v>
          </cell>
          <cell r="BE32">
            <v>38835</v>
          </cell>
          <cell r="BF32" t="str">
            <v>しない</v>
          </cell>
          <cell r="BG32" t="str">
            <v>見積(公開)</v>
          </cell>
          <cell r="BH32">
            <v>0.96717191549517001</v>
          </cell>
          <cell r="BK32">
            <v>254660</v>
          </cell>
          <cell r="BL32" t="str">
            <v xml:space="preserve"> </v>
          </cell>
          <cell r="BM32">
            <v>8778</v>
          </cell>
          <cell r="BN32">
            <v>0.96717191549517001</v>
          </cell>
        </row>
        <row r="33">
          <cell r="A33">
            <v>7018</v>
          </cell>
          <cell r="B33" t="str">
            <v>業務委託</v>
          </cell>
          <cell r="C33" t="str">
            <v>南車両基地緑地管理業務</v>
          </cell>
          <cell r="D33">
            <v>38826</v>
          </cell>
          <cell r="G33">
            <v>1583400</v>
          </cell>
          <cell r="I33">
            <v>1</v>
          </cell>
          <cell r="J33" t="str">
            <v>式</v>
          </cell>
          <cell r="K33" t="str">
            <v/>
          </cell>
          <cell r="L33">
            <v>1583400</v>
          </cell>
          <cell r="M33" t="str">
            <v>入札</v>
          </cell>
          <cell r="N33" t="str">
            <v>高・営</v>
          </cell>
          <cell r="O33">
            <v>38835</v>
          </cell>
          <cell r="P33">
            <v>39073</v>
          </cell>
          <cell r="Q33" t="str">
            <v>壱</v>
          </cell>
          <cell r="R33" t="str">
            <v>無</v>
          </cell>
          <cell r="S33" t="str">
            <v>車両課(真駒内)</v>
          </cell>
          <cell r="T33" t="str">
            <v>鈴木　靖広</v>
          </cell>
          <cell r="U33">
            <v>8315</v>
          </cell>
          <cell r="V33" t="str">
            <v>部長</v>
          </cell>
          <cell r="W33" t="str">
            <v>なか１日</v>
          </cell>
          <cell r="X33" t="str">
            <v>入札</v>
          </cell>
          <cell r="Y33">
            <v>38832</v>
          </cell>
          <cell r="Z33">
            <v>38834</v>
          </cell>
          <cell r="AA33">
            <v>1120</v>
          </cell>
          <cell r="AB33" t="str">
            <v>交通局５階入札室</v>
          </cell>
          <cell r="AD33" t="str">
            <v>平成18年4月27日(木)　11時20分</v>
          </cell>
          <cell r="AE33" t="str">
            <v>サービス業</v>
          </cell>
          <cell r="AF33" t="str">
            <v>公園街路樹等管理業</v>
          </cell>
          <cell r="AG33" t="str">
            <v>庭園等管理業</v>
          </cell>
          <cell r="AH33" t="str">
            <v>-</v>
          </cell>
          <cell r="AI33">
            <v>3</v>
          </cell>
          <cell r="AJ33" t="str">
            <v>（株）市川造園</v>
          </cell>
          <cell r="AK33" t="str">
            <v>（有）国方産業</v>
          </cell>
          <cell r="AL33" t="str">
            <v>中大開発興業（株）</v>
          </cell>
          <cell r="AU33" t="str">
            <v>要</v>
          </cell>
          <cell r="AV33">
            <v>1508000</v>
          </cell>
          <cell r="AW33">
            <v>1583400</v>
          </cell>
          <cell r="AX33">
            <v>0</v>
          </cell>
          <cell r="AY33" t="str">
            <v>（株）市川造園</v>
          </cell>
          <cell r="AZ33">
            <v>1400000</v>
          </cell>
          <cell r="BA33">
            <v>1470000</v>
          </cell>
          <cell r="BB33">
            <v>70000</v>
          </cell>
          <cell r="BC33" t="str">
            <v>契約書</v>
          </cell>
          <cell r="BD33" t="str">
            <v>分割</v>
          </cell>
          <cell r="BE33">
            <v>38835</v>
          </cell>
          <cell r="BF33" t="str">
            <v>しない</v>
          </cell>
          <cell r="BG33" t="str">
            <v>入  札</v>
          </cell>
          <cell r="BH33">
            <v>0.92838196286472152</v>
          </cell>
          <cell r="BK33">
            <v>1508000</v>
          </cell>
          <cell r="BL33" t="str">
            <v xml:space="preserve"> </v>
          </cell>
          <cell r="BM33">
            <v>113400</v>
          </cell>
          <cell r="BN33">
            <v>0.92838196286472152</v>
          </cell>
        </row>
        <row r="34">
          <cell r="A34">
            <v>1009</v>
          </cell>
          <cell r="B34" t="str">
            <v>物品購入</v>
          </cell>
          <cell r="C34" t="str">
            <v>Ⅴベルト</v>
          </cell>
          <cell r="D34">
            <v>38826</v>
          </cell>
          <cell r="G34">
            <v>618775</v>
          </cell>
          <cell r="I34">
            <v>1</v>
          </cell>
          <cell r="J34" t="str">
            <v>式</v>
          </cell>
          <cell r="K34" t="str">
            <v/>
          </cell>
          <cell r="L34">
            <v>618775</v>
          </cell>
          <cell r="M34" t="str">
            <v>公開</v>
          </cell>
          <cell r="N34" t="str">
            <v>高・営</v>
          </cell>
          <cell r="P34">
            <v>38929</v>
          </cell>
          <cell r="Q34" t="str">
            <v>壱</v>
          </cell>
          <cell r="R34" t="str">
            <v>無</v>
          </cell>
          <cell r="S34" t="str">
            <v>施設課</v>
          </cell>
          <cell r="T34" t="str">
            <v>岡島　昌仁</v>
          </cell>
          <cell r="U34">
            <v>2522</v>
          </cell>
          <cell r="V34" t="str">
            <v>課長</v>
          </cell>
          <cell r="W34" t="str">
            <v>なか１日</v>
          </cell>
          <cell r="X34" t="str">
            <v>公開</v>
          </cell>
          <cell r="Y34">
            <v>38834</v>
          </cell>
          <cell r="Z34">
            <v>38834</v>
          </cell>
          <cell r="AB34" t="str">
            <v>交通局３階総務課（契約担当）</v>
          </cell>
          <cell r="AD34" t="e">
            <v>#VALUE!</v>
          </cell>
          <cell r="AI34">
            <v>3</v>
          </cell>
          <cell r="AJ34" t="str">
            <v>理興産業（株）</v>
          </cell>
          <cell r="AU34" t="str">
            <v>省略可</v>
          </cell>
          <cell r="AW34">
            <v>618775</v>
          </cell>
          <cell r="AX34">
            <v>1</v>
          </cell>
          <cell r="AY34" t="str">
            <v>理興産業（株）</v>
          </cell>
          <cell r="AZ34">
            <v>587240</v>
          </cell>
          <cell r="BA34">
            <v>616602</v>
          </cell>
          <cell r="BB34">
            <v>29362</v>
          </cell>
          <cell r="BC34" t="str">
            <v>請書</v>
          </cell>
          <cell r="BE34">
            <v>38838</v>
          </cell>
          <cell r="BF34" t="str">
            <v>しない</v>
          </cell>
          <cell r="BG34" t="str">
            <v>見積(公開)</v>
          </cell>
          <cell r="BH34">
            <v>0.9964882226980728</v>
          </cell>
          <cell r="BK34">
            <v>589309.52380952379</v>
          </cell>
          <cell r="BL34" t="str">
            <v xml:space="preserve"> </v>
          </cell>
          <cell r="BM34">
            <v>2173</v>
          </cell>
          <cell r="BN34">
            <v>0.9964882226980728</v>
          </cell>
        </row>
        <row r="35">
          <cell r="A35">
            <v>1010</v>
          </cell>
          <cell r="B35" t="str">
            <v>物品購入</v>
          </cell>
          <cell r="C35" t="str">
            <v>ビニール絶縁電線（Ⅳ）</v>
          </cell>
          <cell r="D35">
            <v>38827</v>
          </cell>
          <cell r="G35">
            <v>1050000</v>
          </cell>
          <cell r="I35">
            <v>1</v>
          </cell>
          <cell r="J35" t="str">
            <v>式</v>
          </cell>
          <cell r="K35" t="str">
            <v/>
          </cell>
          <cell r="L35">
            <v>1050000</v>
          </cell>
          <cell r="M35" t="str">
            <v>公開</v>
          </cell>
          <cell r="N35" t="str">
            <v>高・営</v>
          </cell>
          <cell r="P35">
            <v>38867</v>
          </cell>
          <cell r="Q35" t="str">
            <v>壱</v>
          </cell>
          <cell r="R35" t="str">
            <v>無</v>
          </cell>
          <cell r="S35" t="str">
            <v>電車事業所</v>
          </cell>
          <cell r="T35" t="str">
            <v>高橋　伊勢男</v>
          </cell>
          <cell r="U35">
            <v>2933</v>
          </cell>
          <cell r="V35" t="str">
            <v>課長</v>
          </cell>
          <cell r="W35" t="str">
            <v>なか１日</v>
          </cell>
          <cell r="X35" t="str">
            <v>公開</v>
          </cell>
          <cell r="Y35">
            <v>38834</v>
          </cell>
          <cell r="Z35">
            <v>38834</v>
          </cell>
          <cell r="AB35" t="str">
            <v>交通局３階総務課（契約担当）</v>
          </cell>
          <cell r="AD35" t="e">
            <v>#VALUE!</v>
          </cell>
          <cell r="AI35">
            <v>3</v>
          </cell>
          <cell r="AJ35" t="str">
            <v>（株）イザワ</v>
          </cell>
          <cell r="AK35" t="str">
            <v>（株）エミヤ</v>
          </cell>
          <cell r="AL35" t="str">
            <v>東芝電材マーケティング（株）</v>
          </cell>
          <cell r="AM35" t="str">
            <v>福田部品（株）</v>
          </cell>
          <cell r="AN35" t="str">
            <v>理興産業（株）</v>
          </cell>
          <cell r="AO35" t="str">
            <v>（株）渡商</v>
          </cell>
          <cell r="AU35" t="str">
            <v>省略可</v>
          </cell>
          <cell r="AW35">
            <v>1050000</v>
          </cell>
          <cell r="AX35">
            <v>1</v>
          </cell>
          <cell r="AY35" t="str">
            <v>（株）渡商</v>
          </cell>
          <cell r="AZ35">
            <v>489600</v>
          </cell>
          <cell r="BA35">
            <v>514080</v>
          </cell>
          <cell r="BB35">
            <v>24480</v>
          </cell>
          <cell r="BC35" t="str">
            <v>請書</v>
          </cell>
          <cell r="BE35">
            <v>38838</v>
          </cell>
          <cell r="BF35" t="str">
            <v>しない</v>
          </cell>
          <cell r="BG35" t="str">
            <v>見積(公開)</v>
          </cell>
          <cell r="BH35">
            <v>0.48959999999999998</v>
          </cell>
          <cell r="BK35">
            <v>1000000</v>
          </cell>
          <cell r="BL35" t="str">
            <v xml:space="preserve"> </v>
          </cell>
          <cell r="BM35">
            <v>535920</v>
          </cell>
          <cell r="BN35">
            <v>0.48959999999999998</v>
          </cell>
        </row>
        <row r="36">
          <cell r="A36">
            <v>1011</v>
          </cell>
          <cell r="B36" t="str">
            <v>物品購入</v>
          </cell>
          <cell r="C36" t="str">
            <v>蛍光管他</v>
          </cell>
          <cell r="D36">
            <v>38827</v>
          </cell>
          <cell r="G36">
            <v>15018297</v>
          </cell>
          <cell r="I36">
            <v>1</v>
          </cell>
          <cell r="J36" t="str">
            <v>式</v>
          </cell>
          <cell r="K36" t="str">
            <v/>
          </cell>
          <cell r="L36">
            <v>15018297</v>
          </cell>
          <cell r="M36" t="str">
            <v>入札</v>
          </cell>
          <cell r="N36" t="str">
            <v>高・営</v>
          </cell>
          <cell r="P36">
            <v>38929</v>
          </cell>
          <cell r="Q36" t="str">
            <v>壱</v>
          </cell>
          <cell r="R36" t="str">
            <v>無</v>
          </cell>
          <cell r="S36" t="str">
            <v>施設課</v>
          </cell>
          <cell r="T36" t="str">
            <v>牛崎　吉一</v>
          </cell>
          <cell r="U36">
            <v>2524</v>
          </cell>
          <cell r="V36" t="str">
            <v>管理者</v>
          </cell>
          <cell r="W36" t="str">
            <v>なか５日</v>
          </cell>
          <cell r="X36" t="str">
            <v>入札</v>
          </cell>
          <cell r="Y36">
            <v>38845</v>
          </cell>
          <cell r="Z36">
            <v>38848</v>
          </cell>
          <cell r="AA36">
            <v>1100</v>
          </cell>
          <cell r="AB36" t="str">
            <v>交通局５階入札室</v>
          </cell>
          <cell r="AD36" t="str">
            <v>平成18年5月11日(木)　11時00分</v>
          </cell>
          <cell r="AE36" t="str">
            <v>卸小売業</v>
          </cell>
          <cell r="AF36" t="str">
            <v>電気機械器具卸小売業</v>
          </cell>
          <cell r="AG36" t="str">
            <v>その他電気機械器具</v>
          </cell>
          <cell r="AH36" t="str">
            <v>A</v>
          </cell>
          <cell r="AI36">
            <v>5</v>
          </cell>
          <cell r="AJ36" t="str">
            <v>（株）エミヤ</v>
          </cell>
          <cell r="AK36" t="str">
            <v>（株）北弘電社</v>
          </cell>
          <cell r="AL36" t="str">
            <v>佐鳥電機（株）札幌支店</v>
          </cell>
          <cell r="AM36" t="str">
            <v>東芝電材マーケティング（株）</v>
          </cell>
          <cell r="AN36" t="str">
            <v>理興産業（株）</v>
          </cell>
          <cell r="AU36" t="str">
            <v>要</v>
          </cell>
          <cell r="AV36">
            <v>14300000</v>
          </cell>
          <cell r="AW36">
            <v>15015000</v>
          </cell>
          <cell r="AX36">
            <v>2.1953221460457861E-4</v>
          </cell>
          <cell r="AY36" t="str">
            <v>理興産業（株）</v>
          </cell>
          <cell r="AZ36">
            <v>12990000</v>
          </cell>
          <cell r="BA36">
            <v>13639500</v>
          </cell>
          <cell r="BB36">
            <v>649500</v>
          </cell>
          <cell r="BC36" t="str">
            <v>契約書</v>
          </cell>
          <cell r="BE36">
            <v>38849</v>
          </cell>
          <cell r="BF36" t="str">
            <v>しない</v>
          </cell>
          <cell r="BG36" t="str">
            <v>入  札</v>
          </cell>
          <cell r="BH36">
            <v>0.90839160839160837</v>
          </cell>
          <cell r="BK36">
            <v>14303140</v>
          </cell>
          <cell r="BL36" t="str">
            <v xml:space="preserve"> </v>
          </cell>
          <cell r="BM36">
            <v>1378797</v>
          </cell>
          <cell r="BN36">
            <v>0.90819218717008987</v>
          </cell>
        </row>
        <row r="37">
          <cell r="A37">
            <v>1012</v>
          </cell>
          <cell r="B37" t="str">
            <v>物品購入</v>
          </cell>
          <cell r="C37" t="str">
            <v>ボイラー薬品</v>
          </cell>
          <cell r="D37">
            <v>38828</v>
          </cell>
          <cell r="G37">
            <v>1200157</v>
          </cell>
          <cell r="I37">
            <v>1</v>
          </cell>
          <cell r="J37" t="str">
            <v>式</v>
          </cell>
          <cell r="K37" t="str">
            <v/>
          </cell>
          <cell r="L37">
            <v>1200157</v>
          </cell>
          <cell r="M37" t="str">
            <v>公開</v>
          </cell>
          <cell r="N37" t="str">
            <v>高・営</v>
          </cell>
          <cell r="P37">
            <v>38868</v>
          </cell>
          <cell r="Q37" t="str">
            <v>壱</v>
          </cell>
          <cell r="R37" t="str">
            <v>無</v>
          </cell>
          <cell r="S37" t="str">
            <v>施設課</v>
          </cell>
          <cell r="T37" t="str">
            <v>岡島　昌仁</v>
          </cell>
          <cell r="U37">
            <v>2522</v>
          </cell>
          <cell r="V37" t="str">
            <v>課長</v>
          </cell>
          <cell r="W37" t="str">
            <v>なか１日</v>
          </cell>
          <cell r="X37" t="str">
            <v>公開</v>
          </cell>
          <cell r="Y37">
            <v>38834</v>
          </cell>
          <cell r="Z37">
            <v>38834</v>
          </cell>
          <cell r="AB37" t="str">
            <v>交通局３階総務課（契約担当）</v>
          </cell>
          <cell r="AD37" t="e">
            <v>#VALUE!</v>
          </cell>
          <cell r="AI37">
            <v>3</v>
          </cell>
          <cell r="AJ37" t="str">
            <v>クリタ・ケミカル北海道（株）</v>
          </cell>
          <cell r="AU37" t="str">
            <v>省略可</v>
          </cell>
          <cell r="AW37">
            <v>1200157</v>
          </cell>
          <cell r="AX37">
            <v>1</v>
          </cell>
          <cell r="AY37" t="str">
            <v>クリタ・ケミカル北海道（株）</v>
          </cell>
          <cell r="AZ37">
            <v>1138240</v>
          </cell>
          <cell r="BA37">
            <v>1195152</v>
          </cell>
          <cell r="BB37">
            <v>56912</v>
          </cell>
          <cell r="BC37" t="str">
            <v>請書</v>
          </cell>
          <cell r="BE37">
            <v>38839</v>
          </cell>
          <cell r="BF37" t="str">
            <v>しない</v>
          </cell>
          <cell r="BG37" t="str">
            <v>見積(公開)</v>
          </cell>
          <cell r="BH37">
            <v>0.99582971227931016</v>
          </cell>
          <cell r="BK37">
            <v>1143006.6666666665</v>
          </cell>
          <cell r="BL37" t="str">
            <v xml:space="preserve"> </v>
          </cell>
          <cell r="BM37">
            <v>5005</v>
          </cell>
          <cell r="BN37">
            <v>0.99582971227931016</v>
          </cell>
        </row>
        <row r="38">
          <cell r="A38">
            <v>1013</v>
          </cell>
          <cell r="B38" t="str">
            <v>物品購入</v>
          </cell>
          <cell r="C38" t="str">
            <v>磁気乗車券用横切りロール紙</v>
          </cell>
          <cell r="D38">
            <v>38828</v>
          </cell>
          <cell r="G38">
            <v>5339565</v>
          </cell>
          <cell r="I38">
            <v>1</v>
          </cell>
          <cell r="J38" t="str">
            <v>式</v>
          </cell>
          <cell r="K38" t="str">
            <v/>
          </cell>
          <cell r="L38">
            <v>5339565</v>
          </cell>
          <cell r="M38" t="str">
            <v>入札</v>
          </cell>
          <cell r="N38" t="str">
            <v>高・営</v>
          </cell>
          <cell r="P38">
            <v>38950</v>
          </cell>
          <cell r="Q38" t="str">
            <v>壱</v>
          </cell>
          <cell r="R38" t="str">
            <v>無</v>
          </cell>
          <cell r="S38" t="str">
            <v>業務課</v>
          </cell>
          <cell r="T38" t="str">
            <v>佐藤　顕</v>
          </cell>
          <cell r="U38">
            <v>2418</v>
          </cell>
          <cell r="V38" t="str">
            <v>部長</v>
          </cell>
          <cell r="W38" t="str">
            <v>なか５日</v>
          </cell>
          <cell r="X38" t="str">
            <v>入札</v>
          </cell>
          <cell r="Y38">
            <v>38845</v>
          </cell>
          <cell r="Z38">
            <v>38847</v>
          </cell>
          <cell r="AA38">
            <v>1130</v>
          </cell>
          <cell r="AB38" t="str">
            <v>交通局５階入札室</v>
          </cell>
          <cell r="AD38" t="str">
            <v>平成18年5月10日(水)　11時30分</v>
          </cell>
          <cell r="AE38" t="str">
            <v>製造業</v>
          </cell>
          <cell r="AF38" t="str">
            <v>出版･印刷業</v>
          </cell>
          <cell r="AG38" t="str">
            <v>印刷</v>
          </cell>
          <cell r="AH38" t="str">
            <v>-</v>
          </cell>
          <cell r="AI38">
            <v>4</v>
          </cell>
          <cell r="AJ38" t="str">
            <v>（株）イセトー札幌支店</v>
          </cell>
          <cell r="AK38" t="str">
            <v>（株）恵和ビジネス</v>
          </cell>
          <cell r="AL38" t="str">
            <v>小林記録紙（株）札幌営業所</v>
          </cell>
          <cell r="AM38" t="str">
            <v>日本通信紙（株）札幌支店</v>
          </cell>
          <cell r="AU38" t="str">
            <v>要</v>
          </cell>
          <cell r="AV38">
            <v>5000000</v>
          </cell>
          <cell r="AW38">
            <v>5250000</v>
          </cell>
          <cell r="AX38">
            <v>1.6773838318289935E-2</v>
          </cell>
          <cell r="AY38" t="str">
            <v>日本通信紙（株）札幌支店</v>
          </cell>
          <cell r="AZ38">
            <v>4874250</v>
          </cell>
          <cell r="BA38">
            <v>5117962</v>
          </cell>
          <cell r="BB38">
            <v>243712</v>
          </cell>
          <cell r="BC38" t="str">
            <v>契約書</v>
          </cell>
          <cell r="BE38">
            <v>38848</v>
          </cell>
          <cell r="BF38" t="str">
            <v>しない</v>
          </cell>
          <cell r="BG38" t="str">
            <v>入  札</v>
          </cell>
          <cell r="BH38">
            <v>0.97484990476190481</v>
          </cell>
          <cell r="BK38">
            <v>5085300</v>
          </cell>
          <cell r="BL38" t="str">
            <v xml:space="preserve"> </v>
          </cell>
          <cell r="BM38">
            <v>221603</v>
          </cell>
          <cell r="BN38">
            <v>0.9584979300748282</v>
          </cell>
        </row>
        <row r="39">
          <cell r="A39">
            <v>1014</v>
          </cell>
          <cell r="B39" t="str">
            <v>物品購入</v>
          </cell>
          <cell r="C39" t="str">
            <v>磁気乗車券用縦切りロール紙</v>
          </cell>
          <cell r="D39">
            <v>38828</v>
          </cell>
          <cell r="G39">
            <v>10876320</v>
          </cell>
          <cell r="I39">
            <v>1</v>
          </cell>
          <cell r="J39" t="str">
            <v>式</v>
          </cell>
          <cell r="K39" t="str">
            <v/>
          </cell>
          <cell r="L39">
            <v>10876320</v>
          </cell>
          <cell r="M39" t="str">
            <v>入札</v>
          </cell>
          <cell r="N39" t="str">
            <v>高・営</v>
          </cell>
          <cell r="P39">
            <v>38950</v>
          </cell>
          <cell r="Q39" t="str">
            <v>壱</v>
          </cell>
          <cell r="R39" t="str">
            <v>無</v>
          </cell>
          <cell r="S39" t="str">
            <v>業務課</v>
          </cell>
          <cell r="T39" t="str">
            <v>佐藤　顕</v>
          </cell>
          <cell r="U39">
            <v>2418</v>
          </cell>
          <cell r="V39" t="str">
            <v>管理者</v>
          </cell>
          <cell r="W39" t="str">
            <v>なか５日</v>
          </cell>
          <cell r="X39" t="str">
            <v>入札</v>
          </cell>
          <cell r="Y39">
            <v>38846</v>
          </cell>
          <cell r="Z39">
            <v>38847</v>
          </cell>
          <cell r="AA39">
            <v>1120</v>
          </cell>
          <cell r="AB39" t="str">
            <v>交通局５階入札室</v>
          </cell>
          <cell r="AD39" t="str">
            <v>平成18年5月10日(水)　11時20分</v>
          </cell>
          <cell r="AE39" t="str">
            <v>製造業</v>
          </cell>
          <cell r="AF39" t="str">
            <v>出版･印刷業</v>
          </cell>
          <cell r="AG39" t="str">
            <v>印刷</v>
          </cell>
          <cell r="AH39" t="str">
            <v>-</v>
          </cell>
          <cell r="AI39">
            <v>5</v>
          </cell>
          <cell r="AJ39" t="str">
            <v>（株）イセトー札幌支店</v>
          </cell>
          <cell r="AK39" t="str">
            <v>（株）恵和ビジネス</v>
          </cell>
          <cell r="AL39" t="str">
            <v>小林記録紙（株）札幌営業所</v>
          </cell>
          <cell r="AM39" t="str">
            <v>日本通信紙（株）札幌支店</v>
          </cell>
          <cell r="AU39" t="str">
            <v>要</v>
          </cell>
          <cell r="AV39">
            <v>10000000</v>
          </cell>
          <cell r="AW39">
            <v>10500000</v>
          </cell>
          <cell r="AX39">
            <v>3.4599938214395998E-2</v>
          </cell>
          <cell r="AY39" t="str">
            <v>日本通信紙（株）札幌支店</v>
          </cell>
          <cell r="AZ39">
            <v>9984000</v>
          </cell>
          <cell r="BA39">
            <v>10483200</v>
          </cell>
          <cell r="BB39">
            <v>499200</v>
          </cell>
          <cell r="BC39" t="str">
            <v>契約書</v>
          </cell>
          <cell r="BE39">
            <v>38848</v>
          </cell>
          <cell r="BF39" t="str">
            <v>しない</v>
          </cell>
          <cell r="BG39" t="str">
            <v>入  札</v>
          </cell>
          <cell r="BH39">
            <v>0.99839999999999995</v>
          </cell>
          <cell r="BK39">
            <v>10358400</v>
          </cell>
          <cell r="BL39" t="str">
            <v xml:space="preserve"> </v>
          </cell>
          <cell r="BM39">
            <v>393120</v>
          </cell>
          <cell r="BN39">
            <v>0.96385542168674698</v>
          </cell>
        </row>
        <row r="40">
          <cell r="A40">
            <v>2007</v>
          </cell>
          <cell r="B40" t="str">
            <v>製造請負</v>
          </cell>
          <cell r="C40" t="str">
            <v>手売用「共通ウィズユーカード」等（前期分）</v>
          </cell>
          <cell r="D40">
            <v>38828</v>
          </cell>
          <cell r="G40">
            <v>116148900</v>
          </cell>
          <cell r="I40">
            <v>1</v>
          </cell>
          <cell r="J40" t="str">
            <v>式</v>
          </cell>
          <cell r="K40" t="str">
            <v/>
          </cell>
          <cell r="L40">
            <v>116148900</v>
          </cell>
          <cell r="M40" t="str">
            <v>入札</v>
          </cell>
          <cell r="N40" t="str">
            <v>高・営</v>
          </cell>
          <cell r="P40">
            <v>38972</v>
          </cell>
          <cell r="Q40" t="str">
            <v>壱</v>
          </cell>
          <cell r="R40" t="str">
            <v>無</v>
          </cell>
          <cell r="S40" t="str">
            <v>経営企画課</v>
          </cell>
          <cell r="T40" t="str">
            <v>安藤　友明</v>
          </cell>
          <cell r="U40">
            <v>2115</v>
          </cell>
          <cell r="V40" t="str">
            <v>管理者</v>
          </cell>
          <cell r="W40" t="str">
            <v>なか１０日</v>
          </cell>
          <cell r="X40" t="str">
            <v>入札</v>
          </cell>
          <cell r="Y40">
            <v>38853</v>
          </cell>
          <cell r="Z40">
            <v>38852</v>
          </cell>
          <cell r="AA40">
            <v>1100</v>
          </cell>
          <cell r="AB40" t="str">
            <v>交通局５階入札室</v>
          </cell>
          <cell r="AD40" t="str">
            <v>平成18年5月15日(月)　11時00分</v>
          </cell>
          <cell r="AE40" t="str">
            <v>製造業</v>
          </cell>
          <cell r="AF40" t="str">
            <v>出版･印刷業</v>
          </cell>
          <cell r="AG40" t="str">
            <v>印刷</v>
          </cell>
          <cell r="AH40" t="str">
            <v>-</v>
          </cell>
          <cell r="AI40">
            <v>6</v>
          </cell>
          <cell r="AJ40" t="str">
            <v>ＮＥＣトーキン（株）営業本部仙台支店</v>
          </cell>
          <cell r="AK40" t="str">
            <v>共同印刷（株）</v>
          </cell>
          <cell r="AL40" t="str">
            <v>凸版印刷（株）北海道事業部</v>
          </cell>
          <cell r="AM40" t="str">
            <v>日本通信紙（株）札幌支店</v>
          </cell>
          <cell r="AU40" t="str">
            <v>要</v>
          </cell>
          <cell r="AV40">
            <v>110618000</v>
          </cell>
          <cell r="AW40">
            <v>116148900</v>
          </cell>
          <cell r="AX40">
            <v>0</v>
          </cell>
          <cell r="AY40" t="str">
            <v>共同印刷（株）</v>
          </cell>
          <cell r="AZ40">
            <v>106771000</v>
          </cell>
          <cell r="BA40">
            <v>112109550</v>
          </cell>
          <cell r="BB40">
            <v>5338550</v>
          </cell>
          <cell r="BC40" t="str">
            <v>契約書</v>
          </cell>
          <cell r="BE40">
            <v>38855</v>
          </cell>
          <cell r="BF40" t="str">
            <v>しない</v>
          </cell>
          <cell r="BG40" t="str">
            <v>入  札</v>
          </cell>
          <cell r="BH40">
            <v>0.96522265815690034</v>
          </cell>
          <cell r="BK40">
            <v>110618000</v>
          </cell>
          <cell r="BL40" t="str">
            <v xml:space="preserve"> </v>
          </cell>
          <cell r="BM40">
            <v>4039350</v>
          </cell>
          <cell r="BN40">
            <v>0.96522265815690034</v>
          </cell>
        </row>
        <row r="41">
          <cell r="A41">
            <v>1015</v>
          </cell>
          <cell r="B41" t="str">
            <v>物品購入</v>
          </cell>
          <cell r="C41" t="str">
            <v>自動出改札装置ベアリングその１</v>
          </cell>
          <cell r="D41">
            <v>38831</v>
          </cell>
          <cell r="G41">
            <v>513345</v>
          </cell>
          <cell r="I41">
            <v>1</v>
          </cell>
          <cell r="J41" t="str">
            <v>式</v>
          </cell>
          <cell r="K41" t="str">
            <v/>
          </cell>
          <cell r="L41">
            <v>513345</v>
          </cell>
          <cell r="M41" t="str">
            <v>公開</v>
          </cell>
          <cell r="N41" t="str">
            <v>高・営</v>
          </cell>
          <cell r="P41">
            <v>38868</v>
          </cell>
          <cell r="Q41" t="str">
            <v>壱</v>
          </cell>
          <cell r="R41" t="str">
            <v>無</v>
          </cell>
          <cell r="S41" t="str">
            <v>電気課</v>
          </cell>
          <cell r="T41" t="str">
            <v>中田　貴也</v>
          </cell>
          <cell r="U41">
            <v>2664</v>
          </cell>
          <cell r="V41" t="str">
            <v>課長</v>
          </cell>
          <cell r="W41" t="str">
            <v>なか１日</v>
          </cell>
          <cell r="X41" t="str">
            <v>公開</v>
          </cell>
          <cell r="Y41">
            <v>38848</v>
          </cell>
          <cell r="Z41">
            <v>38848</v>
          </cell>
          <cell r="AA41">
            <v>1600</v>
          </cell>
          <cell r="AB41" t="str">
            <v>交通局３階総務課（契約担当）</v>
          </cell>
          <cell r="AD41" t="str">
            <v>平成18年5月11日(木)　16時00分</v>
          </cell>
          <cell r="AI41">
            <v>3</v>
          </cell>
          <cell r="AJ41" t="str">
            <v>福田部品（株）</v>
          </cell>
          <cell r="AK41" t="str">
            <v>向野商事（株）</v>
          </cell>
          <cell r="AL41" t="str">
            <v>三和商行（株）</v>
          </cell>
          <cell r="AM41" t="str">
            <v>（株）大興商事</v>
          </cell>
          <cell r="AN41" t="str">
            <v>（株）ドーリン</v>
          </cell>
          <cell r="AU41" t="str">
            <v>省略可</v>
          </cell>
          <cell r="AW41">
            <v>513345</v>
          </cell>
          <cell r="AX41">
            <v>1</v>
          </cell>
          <cell r="AY41" t="str">
            <v>三和商行（株）</v>
          </cell>
          <cell r="AZ41">
            <v>410550</v>
          </cell>
          <cell r="BA41">
            <v>431077</v>
          </cell>
          <cell r="BB41">
            <v>20527</v>
          </cell>
          <cell r="BC41" t="str">
            <v>発注書</v>
          </cell>
          <cell r="BE41">
            <v>38849</v>
          </cell>
          <cell r="BF41" t="str">
            <v>しない</v>
          </cell>
          <cell r="BG41" t="str">
            <v>見積(公開)</v>
          </cell>
          <cell r="BH41">
            <v>0.83974130458074003</v>
          </cell>
          <cell r="BK41">
            <v>488900</v>
          </cell>
          <cell r="BL41" t="str">
            <v xml:space="preserve"> </v>
          </cell>
          <cell r="BM41">
            <v>82268</v>
          </cell>
          <cell r="BN41">
            <v>0.83974130458074003</v>
          </cell>
        </row>
        <row r="42">
          <cell r="A42">
            <v>7019</v>
          </cell>
          <cell r="B42" t="str">
            <v>業務委託</v>
          </cell>
          <cell r="C42" t="str">
            <v>７０００形計器用ＥＬ板交換</v>
          </cell>
          <cell r="D42">
            <v>38831</v>
          </cell>
          <cell r="E42" t="str">
            <v>特命</v>
          </cell>
          <cell r="G42">
            <v>547050</v>
          </cell>
          <cell r="I42">
            <v>1</v>
          </cell>
          <cell r="J42" t="str">
            <v>式</v>
          </cell>
          <cell r="K42" t="str">
            <v/>
          </cell>
          <cell r="L42">
            <v>547050</v>
          </cell>
          <cell r="M42" t="str">
            <v>特命</v>
          </cell>
          <cell r="N42" t="str">
            <v>高・営</v>
          </cell>
          <cell r="O42">
            <v>38835</v>
          </cell>
          <cell r="P42">
            <v>39118</v>
          </cell>
          <cell r="Q42" t="str">
            <v>壱</v>
          </cell>
          <cell r="R42" t="str">
            <v>無</v>
          </cell>
          <cell r="S42" t="str">
            <v>車両課(二十四軒)</v>
          </cell>
          <cell r="T42" t="str">
            <v>川村　幸一</v>
          </cell>
          <cell r="U42">
            <v>8204</v>
          </cell>
          <cell r="V42" t="str">
            <v>部長</v>
          </cell>
          <cell r="W42" t="str">
            <v>なか１日</v>
          </cell>
          <cell r="X42" t="str">
            <v>特命</v>
          </cell>
          <cell r="Y42">
            <v>38835</v>
          </cell>
          <cell r="Z42">
            <v>38834</v>
          </cell>
          <cell r="AA42">
            <v>1400</v>
          </cell>
          <cell r="AB42" t="str">
            <v>交通局３階総務課（契約担当）</v>
          </cell>
          <cell r="AD42" t="str">
            <v>平成18年4月27日(木)　14時00分</v>
          </cell>
          <cell r="AI42">
            <v>1</v>
          </cell>
          <cell r="AJ42" t="str">
            <v>（株）日立製作所北海道支社</v>
          </cell>
          <cell r="AU42" t="str">
            <v>省略可</v>
          </cell>
          <cell r="AW42">
            <v>547050</v>
          </cell>
          <cell r="AX42">
            <v>1</v>
          </cell>
          <cell r="AY42" t="str">
            <v>（株）日立製作所北海道支社</v>
          </cell>
          <cell r="AZ42">
            <v>519000</v>
          </cell>
          <cell r="BA42">
            <v>544950</v>
          </cell>
          <cell r="BB42">
            <v>25950</v>
          </cell>
          <cell r="BC42" t="str">
            <v>契約書</v>
          </cell>
          <cell r="BE42">
            <v>38845</v>
          </cell>
          <cell r="BF42" t="str">
            <v>しない</v>
          </cell>
          <cell r="BG42" t="str">
            <v>見積</v>
          </cell>
          <cell r="BH42">
            <v>0.99616122840690979</v>
          </cell>
          <cell r="BK42">
            <v>521000</v>
          </cell>
          <cell r="BL42" t="str">
            <v xml:space="preserve"> </v>
          </cell>
          <cell r="BM42">
            <v>2100</v>
          </cell>
          <cell r="BN42">
            <v>0.99616122840690979</v>
          </cell>
        </row>
        <row r="43">
          <cell r="A43">
            <v>2008</v>
          </cell>
          <cell r="B43" t="str">
            <v>製造請負</v>
          </cell>
          <cell r="C43" t="str">
            <v>広告デザインカード【ＡＮＡ】</v>
          </cell>
          <cell r="D43">
            <v>38831</v>
          </cell>
          <cell r="E43" t="str">
            <v>特命</v>
          </cell>
          <cell r="G43">
            <v>924000</v>
          </cell>
          <cell r="I43">
            <v>1</v>
          </cell>
          <cell r="J43" t="str">
            <v>式</v>
          </cell>
          <cell r="K43" t="str">
            <v/>
          </cell>
          <cell r="L43">
            <v>924000</v>
          </cell>
          <cell r="M43" t="str">
            <v>特命</v>
          </cell>
          <cell r="N43" t="str">
            <v>高・営</v>
          </cell>
          <cell r="P43">
            <v>38857</v>
          </cell>
          <cell r="Q43" t="str">
            <v>壱</v>
          </cell>
          <cell r="R43" t="str">
            <v>無</v>
          </cell>
          <cell r="S43" t="str">
            <v>経営企画課</v>
          </cell>
          <cell r="T43" t="str">
            <v>今野　吉隆</v>
          </cell>
          <cell r="U43">
            <v>2123</v>
          </cell>
          <cell r="V43" t="str">
            <v>課長</v>
          </cell>
          <cell r="W43" t="str">
            <v>なか１日</v>
          </cell>
          <cell r="X43" t="str">
            <v>特命</v>
          </cell>
          <cell r="Y43">
            <v>38834</v>
          </cell>
          <cell r="Z43">
            <v>38834</v>
          </cell>
          <cell r="AA43">
            <v>1415</v>
          </cell>
          <cell r="AB43" t="str">
            <v>交通局３階総務課（契約担当）</v>
          </cell>
          <cell r="AD43" t="str">
            <v>平成18年4月27日(木)　14時15分</v>
          </cell>
          <cell r="AI43">
            <v>1</v>
          </cell>
          <cell r="AJ43" t="str">
            <v>日本通信紙（株）札幌支店</v>
          </cell>
          <cell r="AU43" t="str">
            <v>省略可</v>
          </cell>
          <cell r="AW43">
            <v>924000</v>
          </cell>
          <cell r="AX43">
            <v>1</v>
          </cell>
          <cell r="AY43" t="str">
            <v>日本通信紙（株）札幌支店</v>
          </cell>
          <cell r="AZ43">
            <v>880000</v>
          </cell>
          <cell r="BA43">
            <v>924000</v>
          </cell>
          <cell r="BB43">
            <v>44000</v>
          </cell>
          <cell r="BC43" t="str">
            <v>請書</v>
          </cell>
          <cell r="BE43">
            <v>38835</v>
          </cell>
          <cell r="BF43" t="str">
            <v>しない</v>
          </cell>
          <cell r="BG43" t="str">
            <v>見積</v>
          </cell>
          <cell r="BH43">
            <v>1</v>
          </cell>
          <cell r="BK43">
            <v>880000</v>
          </cell>
          <cell r="BL43" t="str">
            <v xml:space="preserve"> </v>
          </cell>
          <cell r="BM43">
            <v>0</v>
          </cell>
          <cell r="BN43">
            <v>1</v>
          </cell>
        </row>
        <row r="44">
          <cell r="A44">
            <v>1016</v>
          </cell>
          <cell r="B44" t="str">
            <v>物品購入</v>
          </cell>
          <cell r="C44" t="str">
            <v>路面電車用速度計</v>
          </cell>
          <cell r="D44">
            <v>38832</v>
          </cell>
          <cell r="G44">
            <v>275310</v>
          </cell>
          <cell r="I44">
            <v>1</v>
          </cell>
          <cell r="J44" t="str">
            <v>式</v>
          </cell>
          <cell r="K44" t="str">
            <v/>
          </cell>
          <cell r="L44">
            <v>275310</v>
          </cell>
          <cell r="M44" t="str">
            <v>公開</v>
          </cell>
          <cell r="N44" t="str">
            <v>軌・営</v>
          </cell>
          <cell r="P44">
            <v>39021</v>
          </cell>
          <cell r="Q44" t="str">
            <v>壱</v>
          </cell>
          <cell r="R44" t="str">
            <v>無</v>
          </cell>
          <cell r="S44" t="str">
            <v>電車事業所</v>
          </cell>
          <cell r="T44" t="str">
            <v>長田　博司</v>
          </cell>
          <cell r="U44">
            <v>2933</v>
          </cell>
          <cell r="V44" t="str">
            <v>課長</v>
          </cell>
          <cell r="W44" t="str">
            <v>なか１日</v>
          </cell>
          <cell r="X44" t="str">
            <v>公開</v>
          </cell>
          <cell r="Y44">
            <v>38848</v>
          </cell>
          <cell r="Z44">
            <v>38848</v>
          </cell>
          <cell r="AB44" t="str">
            <v>交通局３階総務課（契約担当）</v>
          </cell>
          <cell r="AD44" t="e">
            <v>#VALUE!</v>
          </cell>
          <cell r="AI44">
            <v>3</v>
          </cell>
          <cell r="AJ44" t="str">
            <v>（株）イザワ</v>
          </cell>
          <cell r="AK44" t="str">
            <v>八洲器材（株）札幌営業所</v>
          </cell>
          <cell r="AL44" t="str">
            <v>理興産業（株）</v>
          </cell>
          <cell r="AM44" t="str">
            <v>（株）渡商</v>
          </cell>
          <cell r="AU44" t="str">
            <v>省略可</v>
          </cell>
          <cell r="AW44">
            <v>275310</v>
          </cell>
          <cell r="AX44">
            <v>1</v>
          </cell>
          <cell r="AY44" t="str">
            <v>八洲器材（株）札幌営業所</v>
          </cell>
          <cell r="AZ44">
            <v>249000</v>
          </cell>
          <cell r="BA44">
            <v>261450</v>
          </cell>
          <cell r="BB44">
            <v>12450</v>
          </cell>
          <cell r="BC44" t="str">
            <v>発注書</v>
          </cell>
          <cell r="BE44">
            <v>38849</v>
          </cell>
          <cell r="BF44" t="str">
            <v>しない</v>
          </cell>
          <cell r="BG44" t="str">
            <v>見積(公開)</v>
          </cell>
          <cell r="BH44">
            <v>0.94965675057208243</v>
          </cell>
          <cell r="BK44">
            <v>262200</v>
          </cell>
          <cell r="BL44" t="str">
            <v xml:space="preserve"> </v>
          </cell>
          <cell r="BM44">
            <v>13860</v>
          </cell>
          <cell r="BN44">
            <v>0.94965675057208243</v>
          </cell>
        </row>
        <row r="45">
          <cell r="A45">
            <v>1017</v>
          </cell>
          <cell r="B45" t="str">
            <v>物品購入</v>
          </cell>
          <cell r="C45" t="str">
            <v>路面電車用速度計発電機及び補償器</v>
          </cell>
          <cell r="D45">
            <v>38832</v>
          </cell>
          <cell r="G45">
            <v>740880</v>
          </cell>
          <cell r="I45">
            <v>1</v>
          </cell>
          <cell r="J45" t="str">
            <v>式</v>
          </cell>
          <cell r="K45" t="str">
            <v/>
          </cell>
          <cell r="L45">
            <v>740880</v>
          </cell>
          <cell r="M45" t="str">
            <v>公開</v>
          </cell>
          <cell r="N45" t="str">
            <v>軌・営</v>
          </cell>
          <cell r="P45">
            <v>39021</v>
          </cell>
          <cell r="Q45" t="str">
            <v>壱</v>
          </cell>
          <cell r="R45" t="str">
            <v>無</v>
          </cell>
          <cell r="S45" t="str">
            <v>電車事業所</v>
          </cell>
          <cell r="T45" t="str">
            <v>長田　博司</v>
          </cell>
          <cell r="U45">
            <v>2933</v>
          </cell>
          <cell r="V45" t="str">
            <v>課長</v>
          </cell>
          <cell r="W45" t="str">
            <v>なか１日</v>
          </cell>
          <cell r="X45" t="str">
            <v>公開</v>
          </cell>
          <cell r="Y45">
            <v>38848</v>
          </cell>
          <cell r="Z45">
            <v>38848</v>
          </cell>
          <cell r="AB45" t="str">
            <v>交通局３階総務課（契約担当）</v>
          </cell>
          <cell r="AD45" t="e">
            <v>#VALUE!</v>
          </cell>
          <cell r="AI45">
            <v>3</v>
          </cell>
          <cell r="AJ45" t="str">
            <v>（株）大興商事</v>
          </cell>
          <cell r="AK45" t="str">
            <v>八洲器材（株）札幌営業所</v>
          </cell>
          <cell r="AL45" t="str">
            <v>理興産業（株）</v>
          </cell>
          <cell r="AM45" t="str">
            <v>（株）渡商</v>
          </cell>
          <cell r="AU45" t="str">
            <v>省略可</v>
          </cell>
          <cell r="AW45">
            <v>740880</v>
          </cell>
          <cell r="AX45">
            <v>1</v>
          </cell>
          <cell r="AY45" t="str">
            <v>八洲器材（株）札幌営業所</v>
          </cell>
          <cell r="AZ45">
            <v>670200</v>
          </cell>
          <cell r="BA45">
            <v>703710</v>
          </cell>
          <cell r="BB45">
            <v>33510</v>
          </cell>
          <cell r="BC45" t="str">
            <v>請書</v>
          </cell>
          <cell r="BE45">
            <v>38852</v>
          </cell>
          <cell r="BF45" t="str">
            <v>しない</v>
          </cell>
          <cell r="BG45" t="str">
            <v>見積(公開)</v>
          </cell>
          <cell r="BH45">
            <v>0.94982993197278909</v>
          </cell>
          <cell r="BK45">
            <v>705600</v>
          </cell>
          <cell r="BL45" t="str">
            <v xml:space="preserve"> </v>
          </cell>
          <cell r="BM45">
            <v>37170</v>
          </cell>
          <cell r="BN45">
            <v>0.94982993197278909</v>
          </cell>
        </row>
        <row r="46">
          <cell r="A46">
            <v>1018</v>
          </cell>
          <cell r="B46" t="str">
            <v>物品購入</v>
          </cell>
          <cell r="C46" t="str">
            <v>信号保安装置保守部品その１</v>
          </cell>
          <cell r="D46">
            <v>38833</v>
          </cell>
          <cell r="G46">
            <v>858900</v>
          </cell>
          <cell r="I46">
            <v>1</v>
          </cell>
          <cell r="J46" t="str">
            <v>式</v>
          </cell>
          <cell r="K46" t="str">
            <v/>
          </cell>
          <cell r="L46">
            <v>858900</v>
          </cell>
          <cell r="M46" t="str">
            <v>公開</v>
          </cell>
          <cell r="N46" t="str">
            <v>高・営</v>
          </cell>
          <cell r="P46">
            <v>38986</v>
          </cell>
          <cell r="Q46" t="str">
            <v>壱</v>
          </cell>
          <cell r="R46" t="str">
            <v>無</v>
          </cell>
          <cell r="S46" t="str">
            <v>電気課</v>
          </cell>
          <cell r="T46" t="str">
            <v>平尾　敏文</v>
          </cell>
          <cell r="U46">
            <v>2644</v>
          </cell>
          <cell r="V46" t="str">
            <v>課長</v>
          </cell>
          <cell r="W46" t="str">
            <v>なか１日</v>
          </cell>
          <cell r="X46" t="str">
            <v>公開</v>
          </cell>
          <cell r="Y46">
            <v>38848</v>
          </cell>
          <cell r="Z46">
            <v>38848</v>
          </cell>
          <cell r="AB46" t="str">
            <v>交通局３階総務課（契約担当）</v>
          </cell>
          <cell r="AD46" t="e">
            <v>#VALUE!</v>
          </cell>
          <cell r="AI46">
            <v>3</v>
          </cell>
          <cell r="AJ46" t="str">
            <v>（株）エミヤ</v>
          </cell>
          <cell r="AK46" t="str">
            <v>理興産業（株）</v>
          </cell>
          <cell r="AU46" t="str">
            <v>省略可</v>
          </cell>
          <cell r="AW46">
            <v>858900</v>
          </cell>
          <cell r="AX46">
            <v>1</v>
          </cell>
          <cell r="AY46" t="str">
            <v>（株）エミヤ</v>
          </cell>
          <cell r="AZ46">
            <v>729980</v>
          </cell>
          <cell r="BA46">
            <v>766479</v>
          </cell>
          <cell r="BB46">
            <v>36499</v>
          </cell>
          <cell r="BC46" t="str">
            <v>請書</v>
          </cell>
          <cell r="BE46">
            <v>38852</v>
          </cell>
          <cell r="BF46" t="str">
            <v>しない</v>
          </cell>
          <cell r="BG46" t="str">
            <v>見積(公開)</v>
          </cell>
          <cell r="BH46">
            <v>0.89239608801955994</v>
          </cell>
          <cell r="BK46">
            <v>818000</v>
          </cell>
          <cell r="BL46" t="str">
            <v xml:space="preserve"> </v>
          </cell>
          <cell r="BM46">
            <v>92421</v>
          </cell>
          <cell r="BN46">
            <v>0.89239608801955994</v>
          </cell>
        </row>
        <row r="47">
          <cell r="A47">
            <v>2009</v>
          </cell>
          <cell r="B47" t="str">
            <v>製造請負</v>
          </cell>
          <cell r="C47" t="str">
            <v>７０００形車両用自動放送装置</v>
          </cell>
          <cell r="D47">
            <v>38833</v>
          </cell>
          <cell r="E47" t="str">
            <v>特命</v>
          </cell>
          <cell r="G47">
            <v>76744500</v>
          </cell>
          <cell r="I47">
            <v>1</v>
          </cell>
          <cell r="J47" t="str">
            <v>式</v>
          </cell>
          <cell r="K47" t="str">
            <v/>
          </cell>
          <cell r="L47">
            <v>76744500</v>
          </cell>
          <cell r="M47" t="str">
            <v>特命</v>
          </cell>
          <cell r="N47" t="str">
            <v>高・営</v>
          </cell>
          <cell r="P47">
            <v>39113</v>
          </cell>
          <cell r="Q47" t="str">
            <v>壱</v>
          </cell>
          <cell r="R47" t="str">
            <v>無</v>
          </cell>
          <cell r="S47" t="str">
            <v>車両課(二十四軒)</v>
          </cell>
          <cell r="T47" t="str">
            <v>佐藤　修</v>
          </cell>
          <cell r="U47">
            <v>8205</v>
          </cell>
          <cell r="V47" t="str">
            <v>管理者</v>
          </cell>
          <cell r="W47" t="str">
            <v>なか１０日</v>
          </cell>
          <cell r="X47" t="str">
            <v>特命</v>
          </cell>
          <cell r="Y47">
            <v>38860</v>
          </cell>
          <cell r="Z47">
            <v>38877</v>
          </cell>
          <cell r="AA47">
            <v>1400</v>
          </cell>
          <cell r="AB47" t="str">
            <v>交通局３階総務課（契約担当）</v>
          </cell>
          <cell r="AD47" t="str">
            <v>平成18年6月9日(金)　14時00分</v>
          </cell>
          <cell r="AI47">
            <v>1</v>
          </cell>
          <cell r="AJ47" t="str">
            <v>日本信号（株）北海道支店</v>
          </cell>
          <cell r="AU47" t="str">
            <v>要</v>
          </cell>
          <cell r="AV47">
            <v>72666000</v>
          </cell>
          <cell r="AW47">
            <v>76299300</v>
          </cell>
          <cell r="AX47">
            <v>5.8010671774524347E-3</v>
          </cell>
          <cell r="AY47" t="str">
            <v>日本信号（株）北海道支店</v>
          </cell>
          <cell r="AZ47">
            <v>72600000</v>
          </cell>
          <cell r="BA47">
            <v>76230000</v>
          </cell>
          <cell r="BB47">
            <v>3630000</v>
          </cell>
          <cell r="BC47" t="str">
            <v>契約書</v>
          </cell>
          <cell r="BE47">
            <v>38880</v>
          </cell>
          <cell r="BF47" t="str">
            <v>しない</v>
          </cell>
          <cell r="BG47" t="str">
            <v>見積</v>
          </cell>
          <cell r="BH47">
            <v>0.99909173478655766</v>
          </cell>
          <cell r="BK47">
            <v>73090000</v>
          </cell>
          <cell r="BL47" t="str">
            <v xml:space="preserve"> </v>
          </cell>
          <cell r="BM47">
            <v>514500</v>
          </cell>
          <cell r="BN47">
            <v>0.99329593651662329</v>
          </cell>
        </row>
        <row r="48">
          <cell r="A48">
            <v>1019</v>
          </cell>
          <cell r="B48" t="str">
            <v>物品購入</v>
          </cell>
          <cell r="C48" t="str">
            <v>自動出改札装置保守部品その１</v>
          </cell>
          <cell r="D48">
            <v>38833</v>
          </cell>
          <cell r="E48" t="str">
            <v>特命</v>
          </cell>
          <cell r="G48">
            <v>14592900</v>
          </cell>
          <cell r="I48">
            <v>1</v>
          </cell>
          <cell r="J48" t="str">
            <v>式</v>
          </cell>
          <cell r="K48" t="str">
            <v/>
          </cell>
          <cell r="L48">
            <v>14592900</v>
          </cell>
          <cell r="M48" t="str">
            <v>特命</v>
          </cell>
          <cell r="N48" t="str">
            <v>高・営</v>
          </cell>
          <cell r="P48">
            <v>38960</v>
          </cell>
          <cell r="Q48" t="str">
            <v>壱</v>
          </cell>
          <cell r="R48" t="str">
            <v>無</v>
          </cell>
          <cell r="S48" t="str">
            <v>電気課</v>
          </cell>
          <cell r="T48" t="str">
            <v>中田　貴也</v>
          </cell>
          <cell r="U48">
            <v>2664</v>
          </cell>
          <cell r="V48" t="str">
            <v>管理者</v>
          </cell>
          <cell r="W48" t="str">
            <v>なか５日</v>
          </cell>
          <cell r="X48" t="str">
            <v>特命</v>
          </cell>
          <cell r="Y48">
            <v>38860</v>
          </cell>
          <cell r="Z48">
            <v>38860</v>
          </cell>
          <cell r="AA48">
            <v>1410</v>
          </cell>
          <cell r="AB48" t="str">
            <v>交通局３階総務課（契約担当）</v>
          </cell>
          <cell r="AD48" t="str">
            <v>平成18年5月23日(火)　14時10分</v>
          </cell>
          <cell r="AI48">
            <v>1</v>
          </cell>
          <cell r="AJ48" t="str">
            <v>日本信号（株）北海道支店</v>
          </cell>
          <cell r="AU48" t="str">
            <v>要</v>
          </cell>
          <cell r="AV48">
            <v>13750000</v>
          </cell>
          <cell r="AW48">
            <v>14437500</v>
          </cell>
          <cell r="AX48">
            <v>1.0649014246654209E-2</v>
          </cell>
          <cell r="AY48" t="str">
            <v>日本信号（株）北海道支店</v>
          </cell>
          <cell r="AZ48">
            <v>13700000</v>
          </cell>
          <cell r="BA48">
            <v>14385000</v>
          </cell>
          <cell r="BB48">
            <v>685000</v>
          </cell>
          <cell r="BC48" t="str">
            <v>契約書</v>
          </cell>
          <cell r="BE48">
            <v>38861</v>
          </cell>
          <cell r="BF48" t="str">
            <v>しない</v>
          </cell>
          <cell r="BG48" t="str">
            <v>見積</v>
          </cell>
          <cell r="BH48">
            <v>0.99636363636363634</v>
          </cell>
          <cell r="BK48">
            <v>13898000</v>
          </cell>
          <cell r="BL48" t="str">
            <v xml:space="preserve"> </v>
          </cell>
          <cell r="BM48">
            <v>207900</v>
          </cell>
          <cell r="BN48">
            <v>0.98575334580515184</v>
          </cell>
        </row>
        <row r="49">
          <cell r="A49">
            <v>1020</v>
          </cell>
          <cell r="B49" t="str">
            <v>物品購入</v>
          </cell>
          <cell r="C49" t="str">
            <v>ギヤーオイル</v>
          </cell>
          <cell r="D49">
            <v>38835</v>
          </cell>
          <cell r="G49">
            <v>386400</v>
          </cell>
          <cell r="I49">
            <v>1</v>
          </cell>
          <cell r="J49" t="str">
            <v>式</v>
          </cell>
          <cell r="K49" t="str">
            <v/>
          </cell>
          <cell r="L49">
            <v>386400</v>
          </cell>
          <cell r="M49" t="str">
            <v>公開</v>
          </cell>
          <cell r="N49" t="str">
            <v>高・営</v>
          </cell>
          <cell r="P49">
            <v>38867</v>
          </cell>
          <cell r="Q49" t="str">
            <v>壱</v>
          </cell>
          <cell r="R49" t="str">
            <v>無</v>
          </cell>
          <cell r="S49" t="str">
            <v>車両課(真駒内)</v>
          </cell>
          <cell r="T49" t="str">
            <v>茂呂　泰伸</v>
          </cell>
          <cell r="U49">
            <v>8318</v>
          </cell>
          <cell r="V49" t="str">
            <v>課長</v>
          </cell>
          <cell r="W49" t="str">
            <v>なか１日</v>
          </cell>
          <cell r="X49" t="str">
            <v>公開</v>
          </cell>
          <cell r="Y49">
            <v>38848</v>
          </cell>
          <cell r="Z49">
            <v>38848</v>
          </cell>
          <cell r="AB49" t="str">
            <v>交通局３階総務課（契約担当）</v>
          </cell>
          <cell r="AD49" t="e">
            <v>#VALUE!</v>
          </cell>
          <cell r="AI49">
            <v>3</v>
          </cell>
          <cell r="AJ49" t="str">
            <v>太平洋石油販売（株）札幌支店</v>
          </cell>
          <cell r="AK49" t="str">
            <v>（株）東日本宇佐美</v>
          </cell>
          <cell r="AL49" t="str">
            <v>福田部品（株）</v>
          </cell>
          <cell r="AU49" t="str">
            <v>省略可</v>
          </cell>
          <cell r="AW49">
            <v>386400</v>
          </cell>
          <cell r="AX49">
            <v>1</v>
          </cell>
          <cell r="AY49" t="str">
            <v>太平洋石油販売（株）札幌支店</v>
          </cell>
          <cell r="AZ49">
            <v>320000</v>
          </cell>
          <cell r="BA49">
            <v>336000</v>
          </cell>
          <cell r="BB49">
            <v>16000</v>
          </cell>
          <cell r="BC49" t="str">
            <v>発注書</v>
          </cell>
          <cell r="BE49">
            <v>38849</v>
          </cell>
          <cell r="BF49" t="str">
            <v>しない</v>
          </cell>
          <cell r="BG49" t="str">
            <v>見積(公開)</v>
          </cell>
          <cell r="BH49">
            <v>0.86956521739130432</v>
          </cell>
          <cell r="BK49">
            <v>368000</v>
          </cell>
          <cell r="BL49" t="str">
            <v xml:space="preserve"> </v>
          </cell>
          <cell r="BM49">
            <v>50400</v>
          </cell>
          <cell r="BN49">
            <v>0.86956521739130432</v>
          </cell>
        </row>
        <row r="50">
          <cell r="A50">
            <v>7020</v>
          </cell>
          <cell r="B50" t="str">
            <v>業務委託</v>
          </cell>
          <cell r="C50" t="str">
            <v>補助電源装置改修業務</v>
          </cell>
          <cell r="D50">
            <v>38835</v>
          </cell>
          <cell r="E50" t="str">
            <v>特命</v>
          </cell>
          <cell r="G50">
            <v>3998400</v>
          </cell>
          <cell r="I50">
            <v>1</v>
          </cell>
          <cell r="J50" t="str">
            <v>式</v>
          </cell>
          <cell r="K50" t="str">
            <v/>
          </cell>
          <cell r="L50">
            <v>3998400</v>
          </cell>
          <cell r="M50" t="str">
            <v>特命</v>
          </cell>
          <cell r="N50" t="str">
            <v>軌・建改</v>
          </cell>
          <cell r="O50">
            <v>38853</v>
          </cell>
          <cell r="P50">
            <v>38989</v>
          </cell>
          <cell r="Q50" t="str">
            <v>壱</v>
          </cell>
          <cell r="R50" t="str">
            <v>無</v>
          </cell>
          <cell r="S50" t="str">
            <v>電車事業所</v>
          </cell>
          <cell r="T50" t="str">
            <v>渡邊　佳宏</v>
          </cell>
          <cell r="U50">
            <v>2933</v>
          </cell>
          <cell r="V50" t="str">
            <v>管理者</v>
          </cell>
          <cell r="W50" t="str">
            <v>なか１日</v>
          </cell>
          <cell r="X50" t="str">
            <v>特命</v>
          </cell>
          <cell r="Y50">
            <v>38847</v>
          </cell>
          <cell r="Z50">
            <v>38849</v>
          </cell>
          <cell r="AA50">
            <v>1400</v>
          </cell>
          <cell r="AB50" t="str">
            <v>交通局３階総務課（契約担当）</v>
          </cell>
          <cell r="AD50" t="str">
            <v>平成18年5月12日(金)　14時00分</v>
          </cell>
          <cell r="AI50">
            <v>1</v>
          </cell>
          <cell r="AJ50" t="str">
            <v>富士電機システムズ（株）北海道支社</v>
          </cell>
          <cell r="AU50" t="str">
            <v>要</v>
          </cell>
          <cell r="AV50">
            <v>3808000</v>
          </cell>
          <cell r="AW50">
            <v>3998400</v>
          </cell>
          <cell r="AX50">
            <v>0</v>
          </cell>
          <cell r="AY50" t="str">
            <v>富士電機システムズ（株）北海道支社</v>
          </cell>
          <cell r="AZ50">
            <v>3800000</v>
          </cell>
          <cell r="BA50">
            <v>3990000</v>
          </cell>
          <cell r="BB50">
            <v>190000</v>
          </cell>
          <cell r="BC50" t="str">
            <v>契約書</v>
          </cell>
          <cell r="BE50">
            <v>38852</v>
          </cell>
          <cell r="BF50" t="str">
            <v>する</v>
          </cell>
          <cell r="BG50" t="str">
            <v>見積</v>
          </cell>
          <cell r="BH50">
            <v>0.99789915966386555</v>
          </cell>
          <cell r="BK50">
            <v>3808000</v>
          </cell>
          <cell r="BL50" t="str">
            <v xml:space="preserve"> </v>
          </cell>
          <cell r="BM50">
            <v>8400</v>
          </cell>
          <cell r="BN50">
            <v>0.99789915966386555</v>
          </cell>
        </row>
        <row r="51">
          <cell r="A51">
            <v>1021</v>
          </cell>
          <cell r="B51" t="str">
            <v>物品購入</v>
          </cell>
          <cell r="C51" t="str">
            <v>パッキン他</v>
          </cell>
          <cell r="D51">
            <v>38845</v>
          </cell>
          <cell r="E51" t="str">
            <v>特命</v>
          </cell>
          <cell r="G51">
            <v>3083325</v>
          </cell>
          <cell r="I51">
            <v>1</v>
          </cell>
          <cell r="J51" t="str">
            <v>式</v>
          </cell>
          <cell r="K51" t="str">
            <v/>
          </cell>
          <cell r="L51">
            <v>3083325</v>
          </cell>
          <cell r="M51" t="str">
            <v>特命</v>
          </cell>
          <cell r="N51" t="str">
            <v>高・営</v>
          </cell>
          <cell r="P51">
            <v>39051</v>
          </cell>
          <cell r="Q51" t="str">
            <v>壱</v>
          </cell>
          <cell r="R51" t="str">
            <v>無</v>
          </cell>
          <cell r="S51" t="str">
            <v>車両課(真駒内)</v>
          </cell>
          <cell r="T51" t="str">
            <v>高橋　一美</v>
          </cell>
          <cell r="U51">
            <v>8315</v>
          </cell>
          <cell r="V51" t="str">
            <v>部長</v>
          </cell>
          <cell r="W51" t="str">
            <v>なか１日</v>
          </cell>
          <cell r="X51" t="str">
            <v>特命</v>
          </cell>
          <cell r="Y51">
            <v>38849</v>
          </cell>
          <cell r="Z51">
            <v>38853</v>
          </cell>
          <cell r="AA51">
            <v>1400</v>
          </cell>
          <cell r="AB51" t="str">
            <v>交通局３階総務課（契約担当）</v>
          </cell>
          <cell r="AD51" t="str">
            <v>平成18年5月16日(火)　14時00分</v>
          </cell>
          <cell r="AI51">
            <v>1</v>
          </cell>
          <cell r="AJ51" t="str">
            <v>札幌川重車両エンジニアリング（株）</v>
          </cell>
          <cell r="AU51" t="str">
            <v>要</v>
          </cell>
          <cell r="AV51">
            <v>2930000</v>
          </cell>
          <cell r="AW51">
            <v>3076500</v>
          </cell>
          <cell r="AX51">
            <v>2.2135194959986837E-3</v>
          </cell>
          <cell r="AY51" t="str">
            <v>札幌川重車両エンジニアリング（株）</v>
          </cell>
          <cell r="AZ51">
            <v>2930000</v>
          </cell>
          <cell r="BA51">
            <v>3076500</v>
          </cell>
          <cell r="BB51">
            <v>146500</v>
          </cell>
          <cell r="BC51" t="str">
            <v>契約書</v>
          </cell>
          <cell r="BE51">
            <v>38854</v>
          </cell>
          <cell r="BF51" t="str">
            <v>しない</v>
          </cell>
          <cell r="BG51" t="str">
            <v>見積</v>
          </cell>
          <cell r="BH51">
            <v>1</v>
          </cell>
          <cell r="BK51">
            <v>2936500</v>
          </cell>
          <cell r="BL51" t="str">
            <v xml:space="preserve"> </v>
          </cell>
          <cell r="BM51">
            <v>6825</v>
          </cell>
          <cell r="BN51">
            <v>0.99778648050400132</v>
          </cell>
        </row>
        <row r="52">
          <cell r="A52">
            <v>1022</v>
          </cell>
          <cell r="B52" t="str">
            <v>物品購入</v>
          </cell>
          <cell r="C52" t="str">
            <v>水中ポンプ</v>
          </cell>
          <cell r="D52">
            <v>38845</v>
          </cell>
          <cell r="G52">
            <v>959700</v>
          </cell>
          <cell r="I52">
            <v>1</v>
          </cell>
          <cell r="J52" t="str">
            <v>式</v>
          </cell>
          <cell r="K52" t="str">
            <v/>
          </cell>
          <cell r="L52">
            <v>959700</v>
          </cell>
          <cell r="M52" t="str">
            <v>公開</v>
          </cell>
          <cell r="N52" t="str">
            <v>高・営</v>
          </cell>
          <cell r="P52">
            <v>38919</v>
          </cell>
          <cell r="Q52" t="str">
            <v>壱</v>
          </cell>
          <cell r="R52" t="str">
            <v>無</v>
          </cell>
          <cell r="S52" t="str">
            <v>施設課</v>
          </cell>
          <cell r="T52" t="str">
            <v>岡島　昌仁</v>
          </cell>
          <cell r="U52">
            <v>2522</v>
          </cell>
          <cell r="V52" t="str">
            <v>課長</v>
          </cell>
          <cell r="W52" t="str">
            <v>なか１日</v>
          </cell>
          <cell r="X52" t="str">
            <v>公開</v>
          </cell>
          <cell r="Y52">
            <v>38855</v>
          </cell>
          <cell r="Z52">
            <v>38855</v>
          </cell>
          <cell r="AB52" t="str">
            <v>交通局３階総務課（契約担当）</v>
          </cell>
          <cell r="AD52" t="e">
            <v>#VALUE!</v>
          </cell>
          <cell r="AI52">
            <v>3</v>
          </cell>
          <cell r="AJ52" t="str">
            <v>正栄機工（株）</v>
          </cell>
          <cell r="AK52" t="str">
            <v>㈱エム・マツバラ</v>
          </cell>
          <cell r="AL52" t="str">
            <v>向野商事（株）</v>
          </cell>
          <cell r="AM52" t="str">
            <v>（株）大興商事</v>
          </cell>
          <cell r="AN52" t="str">
            <v>（株）渡商</v>
          </cell>
          <cell r="AU52" t="str">
            <v>省略可</v>
          </cell>
          <cell r="AW52">
            <v>959700</v>
          </cell>
          <cell r="AX52">
            <v>1</v>
          </cell>
          <cell r="AY52" t="str">
            <v>正栄機工（株）</v>
          </cell>
          <cell r="AZ52">
            <v>900000</v>
          </cell>
          <cell r="BA52">
            <v>945000</v>
          </cell>
          <cell r="BB52">
            <v>45000</v>
          </cell>
          <cell r="BC52" t="str">
            <v>請書</v>
          </cell>
          <cell r="BE52">
            <v>38859</v>
          </cell>
          <cell r="BF52" t="str">
            <v>しない</v>
          </cell>
          <cell r="BG52" t="str">
            <v>見積(公開)</v>
          </cell>
          <cell r="BH52">
            <v>0.98468271334792123</v>
          </cell>
          <cell r="BK52">
            <v>914000</v>
          </cell>
          <cell r="BL52" t="str">
            <v xml:space="preserve"> </v>
          </cell>
          <cell r="BM52">
            <v>14700</v>
          </cell>
          <cell r="BN52">
            <v>0.98468271334792123</v>
          </cell>
        </row>
        <row r="53">
          <cell r="A53">
            <v>1023</v>
          </cell>
          <cell r="B53" t="str">
            <v>物品購入</v>
          </cell>
          <cell r="C53" t="str">
            <v>水質分析試薬</v>
          </cell>
          <cell r="D53">
            <v>38845</v>
          </cell>
          <cell r="G53">
            <v>307408</v>
          </cell>
          <cell r="I53">
            <v>1</v>
          </cell>
          <cell r="J53" t="str">
            <v>式</v>
          </cell>
          <cell r="K53" t="str">
            <v/>
          </cell>
          <cell r="L53">
            <v>307408</v>
          </cell>
          <cell r="M53" t="str">
            <v>公開</v>
          </cell>
          <cell r="N53" t="str">
            <v>高・営</v>
          </cell>
          <cell r="P53">
            <v>38877</v>
          </cell>
          <cell r="Q53" t="str">
            <v>壱</v>
          </cell>
          <cell r="R53" t="str">
            <v>無</v>
          </cell>
          <cell r="S53" t="str">
            <v>施設課</v>
          </cell>
          <cell r="T53" t="str">
            <v>岡島　昌仁</v>
          </cell>
          <cell r="U53">
            <v>2522</v>
          </cell>
          <cell r="V53" t="str">
            <v>課長</v>
          </cell>
          <cell r="W53" t="str">
            <v>なか１日</v>
          </cell>
          <cell r="X53" t="str">
            <v>公開</v>
          </cell>
          <cell r="Y53">
            <v>38855</v>
          </cell>
          <cell r="Z53">
            <v>38855</v>
          </cell>
          <cell r="AB53" t="str">
            <v>交通局３階総務課（契約担当）</v>
          </cell>
          <cell r="AD53" t="e">
            <v>#VALUE!</v>
          </cell>
          <cell r="AI53">
            <v>3</v>
          </cell>
          <cell r="AJ53" t="str">
            <v>（株）渡商</v>
          </cell>
          <cell r="AK53" t="str">
            <v>クリタ・ケミカル北海道（株）</v>
          </cell>
          <cell r="AL53" t="str">
            <v>理興産業（株）</v>
          </cell>
          <cell r="AU53" t="str">
            <v>省略可</v>
          </cell>
          <cell r="AW53">
            <v>307408</v>
          </cell>
          <cell r="AX53">
            <v>1</v>
          </cell>
          <cell r="AY53" t="str">
            <v>（株）渡商</v>
          </cell>
          <cell r="AZ53">
            <v>273114</v>
          </cell>
          <cell r="BA53">
            <v>286769</v>
          </cell>
          <cell r="BB53">
            <v>13655</v>
          </cell>
          <cell r="BC53" t="str">
            <v>発注書</v>
          </cell>
          <cell r="BE53">
            <v>38856</v>
          </cell>
          <cell r="BF53" t="str">
            <v>しない</v>
          </cell>
          <cell r="BG53" t="str">
            <v>見積(公開)</v>
          </cell>
          <cell r="BH53">
            <v>0.93286121376151565</v>
          </cell>
          <cell r="BK53">
            <v>292769.52380952379</v>
          </cell>
          <cell r="BL53" t="str">
            <v xml:space="preserve"> </v>
          </cell>
          <cell r="BM53">
            <v>20639</v>
          </cell>
          <cell r="BN53">
            <v>0.93286121376151565</v>
          </cell>
        </row>
        <row r="54">
          <cell r="A54">
            <v>1024</v>
          </cell>
          <cell r="B54" t="str">
            <v>物品購入</v>
          </cell>
          <cell r="C54" t="str">
            <v>グリスフィルター洗浄剤他</v>
          </cell>
          <cell r="D54">
            <v>38845</v>
          </cell>
          <cell r="G54">
            <v>402698</v>
          </cell>
          <cell r="I54">
            <v>1</v>
          </cell>
          <cell r="J54" t="str">
            <v>式</v>
          </cell>
          <cell r="K54" t="str">
            <v/>
          </cell>
          <cell r="L54">
            <v>402698</v>
          </cell>
          <cell r="M54" t="str">
            <v>公開</v>
          </cell>
          <cell r="N54" t="str">
            <v>高・営</v>
          </cell>
          <cell r="P54">
            <v>38884</v>
          </cell>
          <cell r="Q54" t="str">
            <v>壱</v>
          </cell>
          <cell r="R54" t="str">
            <v>無</v>
          </cell>
          <cell r="S54" t="str">
            <v>施設課</v>
          </cell>
          <cell r="T54" t="str">
            <v>岡島　昌仁</v>
          </cell>
          <cell r="U54">
            <v>2522</v>
          </cell>
          <cell r="V54" t="str">
            <v>課長</v>
          </cell>
          <cell r="W54" t="str">
            <v>なか１日</v>
          </cell>
          <cell r="X54" t="str">
            <v>公開</v>
          </cell>
          <cell r="Y54">
            <v>38855</v>
          </cell>
          <cell r="Z54">
            <v>38855</v>
          </cell>
          <cell r="AB54" t="str">
            <v>交通局３階総務課（契約担当）</v>
          </cell>
          <cell r="AD54" t="e">
            <v>#VALUE!</v>
          </cell>
          <cell r="AI54">
            <v>3</v>
          </cell>
          <cell r="AJ54" t="str">
            <v>理興産業（株）</v>
          </cell>
          <cell r="AK54" t="str">
            <v>クリタ・ケミカル北海道（株）</v>
          </cell>
          <cell r="AU54" t="str">
            <v>省略可</v>
          </cell>
          <cell r="AW54">
            <v>402698</v>
          </cell>
          <cell r="AX54">
            <v>1</v>
          </cell>
          <cell r="AY54" t="str">
            <v>理興産業（株）</v>
          </cell>
          <cell r="AZ54">
            <v>363412</v>
          </cell>
          <cell r="BA54">
            <v>381582</v>
          </cell>
          <cell r="BB54">
            <v>18170</v>
          </cell>
          <cell r="BC54" t="str">
            <v>発注書</v>
          </cell>
          <cell r="BE54">
            <v>38856</v>
          </cell>
          <cell r="BF54" t="str">
            <v>しない</v>
          </cell>
          <cell r="BG54" t="str">
            <v>見積(公開)</v>
          </cell>
          <cell r="BH54">
            <v>0.94756368295844529</v>
          </cell>
          <cell r="BK54">
            <v>383521.90476190473</v>
          </cell>
          <cell r="BL54" t="str">
            <v xml:space="preserve"> </v>
          </cell>
          <cell r="BM54">
            <v>21116</v>
          </cell>
          <cell r="BN54">
            <v>0.94756368295844529</v>
          </cell>
        </row>
        <row r="55">
          <cell r="A55">
            <v>1025</v>
          </cell>
          <cell r="B55" t="str">
            <v>物品購入</v>
          </cell>
          <cell r="C55" t="str">
            <v>バルブ５０００形他</v>
          </cell>
          <cell r="D55">
            <v>38846</v>
          </cell>
          <cell r="E55" t="str">
            <v>特命</v>
          </cell>
          <cell r="G55">
            <v>4220055</v>
          </cell>
          <cell r="I55">
            <v>1</v>
          </cell>
          <cell r="J55" t="str">
            <v>式</v>
          </cell>
          <cell r="K55" t="str">
            <v/>
          </cell>
          <cell r="L55">
            <v>4220055</v>
          </cell>
          <cell r="M55" t="str">
            <v>特命</v>
          </cell>
          <cell r="N55" t="str">
            <v>高・営</v>
          </cell>
          <cell r="P55">
            <v>39003</v>
          </cell>
          <cell r="Q55" t="str">
            <v>壱</v>
          </cell>
          <cell r="R55" t="str">
            <v>無</v>
          </cell>
          <cell r="S55" t="str">
            <v>車両課(真駒内)</v>
          </cell>
          <cell r="T55" t="str">
            <v>日田　忠宏</v>
          </cell>
          <cell r="U55">
            <v>8306</v>
          </cell>
          <cell r="V55" t="str">
            <v>部長</v>
          </cell>
          <cell r="W55" t="str">
            <v>なか１日</v>
          </cell>
          <cell r="X55" t="str">
            <v>特命</v>
          </cell>
          <cell r="Y55">
            <v>38852</v>
          </cell>
          <cell r="Z55">
            <v>38853</v>
          </cell>
          <cell r="AA55">
            <v>1410</v>
          </cell>
          <cell r="AB55" t="str">
            <v>交通局３階総務課（契約担当）</v>
          </cell>
          <cell r="AD55" t="str">
            <v>平成18年5月16日(火)　14時10分</v>
          </cell>
          <cell r="AI55">
            <v>1</v>
          </cell>
          <cell r="AJ55" t="str">
            <v>札幌川重車両エンジニアリング（株）</v>
          </cell>
          <cell r="AU55" t="str">
            <v>要</v>
          </cell>
          <cell r="AV55">
            <v>4015500</v>
          </cell>
          <cell r="AW55">
            <v>4216275</v>
          </cell>
          <cell r="AX55">
            <v>8.9572292304251899E-4</v>
          </cell>
          <cell r="AY55" t="str">
            <v>札幌川重車両エンジニアリング（株）</v>
          </cell>
          <cell r="AZ55">
            <v>4015000</v>
          </cell>
          <cell r="BA55">
            <v>4215750</v>
          </cell>
          <cell r="BB55">
            <v>200750</v>
          </cell>
          <cell r="BC55" t="str">
            <v>契約書</v>
          </cell>
          <cell r="BE55">
            <v>38854</v>
          </cell>
          <cell r="BF55" t="str">
            <v>しない</v>
          </cell>
          <cell r="BG55" t="str">
            <v>見積</v>
          </cell>
          <cell r="BH55">
            <v>0.99987548250529201</v>
          </cell>
          <cell r="BK55">
            <v>4019100</v>
          </cell>
          <cell r="BL55" t="str">
            <v xml:space="preserve"> </v>
          </cell>
          <cell r="BM55">
            <v>4305</v>
          </cell>
          <cell r="BN55">
            <v>0.99897987111542386</v>
          </cell>
        </row>
        <row r="56">
          <cell r="A56">
            <v>1026</v>
          </cell>
          <cell r="B56" t="str">
            <v>物品購入</v>
          </cell>
          <cell r="C56" t="str">
            <v>普通レール</v>
          </cell>
          <cell r="D56">
            <v>38847</v>
          </cell>
          <cell r="G56">
            <v>13729638</v>
          </cell>
          <cell r="I56">
            <v>1</v>
          </cell>
          <cell r="J56" t="str">
            <v>式</v>
          </cell>
          <cell r="K56" t="str">
            <v/>
          </cell>
          <cell r="L56">
            <v>13729638</v>
          </cell>
          <cell r="M56" t="str">
            <v>入札</v>
          </cell>
          <cell r="N56" t="str">
            <v>軌・建改</v>
          </cell>
          <cell r="P56">
            <v>38933</v>
          </cell>
          <cell r="Q56" t="str">
            <v>壱</v>
          </cell>
          <cell r="R56" t="str">
            <v>無</v>
          </cell>
          <cell r="S56" t="str">
            <v>電車事業所</v>
          </cell>
          <cell r="T56" t="str">
            <v>須藤　誠一</v>
          </cell>
          <cell r="U56">
            <v>2933</v>
          </cell>
          <cell r="V56" t="str">
            <v>管理者</v>
          </cell>
          <cell r="W56" t="str">
            <v>なか５日</v>
          </cell>
          <cell r="X56" t="str">
            <v>入札</v>
          </cell>
          <cell r="Y56">
            <v>38860</v>
          </cell>
          <cell r="Z56">
            <v>38862</v>
          </cell>
          <cell r="AA56">
            <v>1130</v>
          </cell>
          <cell r="AB56" t="str">
            <v>交通局５階入札室</v>
          </cell>
          <cell r="AD56" t="str">
            <v>平成18年5月25日(木)　11時30分</v>
          </cell>
          <cell r="AE56" t="str">
            <v>卸小売業</v>
          </cell>
          <cell r="AF56" t="str">
            <v>建築材料卸小売業</v>
          </cell>
          <cell r="AG56" t="str">
            <v>建築材料</v>
          </cell>
          <cell r="AH56" t="str">
            <v>A</v>
          </cell>
          <cell r="AI56">
            <v>5</v>
          </cell>
          <cell r="AJ56" t="str">
            <v>今井金商（株）札幌本店</v>
          </cell>
          <cell r="AK56" t="str">
            <v>㈱ｶﾅﾓﾄ鉄鋼事業部札幌事業所</v>
          </cell>
          <cell r="AL56" t="str">
            <v>藤光鋼材（株）</v>
          </cell>
          <cell r="AM56" t="str">
            <v>北海鋼材（株）</v>
          </cell>
          <cell r="AN56" t="str">
            <v>（株）マルキンサトー</v>
          </cell>
          <cell r="AU56" t="str">
            <v>要</v>
          </cell>
          <cell r="AV56">
            <v>13070000</v>
          </cell>
          <cell r="AW56">
            <v>13723500</v>
          </cell>
          <cell r="AX56">
            <v>4.4706204198541322E-4</v>
          </cell>
          <cell r="AY56" t="str">
            <v>（株）マルキンサトー</v>
          </cell>
          <cell r="AZ56">
            <v>13070000</v>
          </cell>
          <cell r="BA56">
            <v>13723500</v>
          </cell>
          <cell r="BB56">
            <v>653500</v>
          </cell>
          <cell r="BC56" t="str">
            <v>契約書</v>
          </cell>
          <cell r="BE56">
            <v>38867</v>
          </cell>
          <cell r="BF56" t="str">
            <v>する</v>
          </cell>
          <cell r="BG56" t="str">
            <v>入  札</v>
          </cell>
          <cell r="BH56">
            <v>1</v>
          </cell>
          <cell r="BK56">
            <v>13075845.714285715</v>
          </cell>
          <cell r="BL56" t="str">
            <v xml:space="preserve"> </v>
          </cell>
          <cell r="BM56">
            <v>6138</v>
          </cell>
          <cell r="BN56">
            <v>0.99955293795801459</v>
          </cell>
        </row>
        <row r="57">
          <cell r="A57">
            <v>1027</v>
          </cell>
          <cell r="B57" t="str">
            <v>物品購入</v>
          </cell>
          <cell r="C57" t="str">
            <v>並枕木　他</v>
          </cell>
          <cell r="D57">
            <v>38847</v>
          </cell>
          <cell r="G57">
            <v>7699492</v>
          </cell>
          <cell r="I57">
            <v>1</v>
          </cell>
          <cell r="J57" t="str">
            <v>式</v>
          </cell>
          <cell r="K57" t="str">
            <v/>
          </cell>
          <cell r="L57">
            <v>7699492</v>
          </cell>
          <cell r="M57" t="str">
            <v>入札</v>
          </cell>
          <cell r="N57" t="str">
            <v>軌・建改</v>
          </cell>
          <cell r="P57">
            <v>38940</v>
          </cell>
          <cell r="Q57" t="str">
            <v>壱</v>
          </cell>
          <cell r="R57" t="str">
            <v>無</v>
          </cell>
          <cell r="S57" t="str">
            <v>電車事業所</v>
          </cell>
          <cell r="T57" t="str">
            <v>須藤　誠一</v>
          </cell>
          <cell r="U57">
            <v>2933</v>
          </cell>
          <cell r="V57" t="str">
            <v>部長</v>
          </cell>
          <cell r="W57" t="str">
            <v>なか５日</v>
          </cell>
          <cell r="X57" t="str">
            <v>入札</v>
          </cell>
          <cell r="Y57">
            <v>38859</v>
          </cell>
          <cell r="Z57">
            <v>38862</v>
          </cell>
          <cell r="AA57">
            <v>1140</v>
          </cell>
          <cell r="AB57" t="str">
            <v>交通局５階入札室</v>
          </cell>
          <cell r="AD57" t="str">
            <v>平成18年5月25日(木)　11時40分</v>
          </cell>
          <cell r="AE57" t="str">
            <v>卸小売業</v>
          </cell>
          <cell r="AF57" t="str">
            <v>建築材料卸小売業</v>
          </cell>
          <cell r="AG57" t="str">
            <v>建築材料</v>
          </cell>
          <cell r="AH57" t="str">
            <v>-</v>
          </cell>
          <cell r="AI57">
            <v>4</v>
          </cell>
          <cell r="AJ57" t="str">
            <v>エスケー産業（株）</v>
          </cell>
          <cell r="AK57" t="str">
            <v>（株）ザイエンス札幌支店</v>
          </cell>
          <cell r="AL57" t="str">
            <v>㈱北辰札幌営業所</v>
          </cell>
          <cell r="AM57" t="str">
            <v>米田物産（株）札幌出張所</v>
          </cell>
          <cell r="AU57" t="str">
            <v>要</v>
          </cell>
          <cell r="AV57">
            <v>7330000</v>
          </cell>
          <cell r="AW57">
            <v>7696500</v>
          </cell>
          <cell r="AX57">
            <v>3.8859706588434406E-4</v>
          </cell>
          <cell r="AY57" t="str">
            <v>（株）ザイエンス札幌支店</v>
          </cell>
          <cell r="AZ57">
            <v>7319850</v>
          </cell>
          <cell r="BA57">
            <v>7685842</v>
          </cell>
          <cell r="BB57">
            <v>365992</v>
          </cell>
          <cell r="BC57" t="str">
            <v>契約書</v>
          </cell>
          <cell r="BE57">
            <v>38863</v>
          </cell>
          <cell r="BF57" t="str">
            <v>する</v>
          </cell>
          <cell r="BG57" t="str">
            <v>入  札</v>
          </cell>
          <cell r="BH57">
            <v>0.9986152147079842</v>
          </cell>
          <cell r="BK57">
            <v>7332849.5238095233</v>
          </cell>
          <cell r="BL57" t="str">
            <v xml:space="preserve"> </v>
          </cell>
          <cell r="BM57">
            <v>13650</v>
          </cell>
          <cell r="BN57">
            <v>0.99822715576560117</v>
          </cell>
        </row>
        <row r="58">
          <cell r="A58">
            <v>7021</v>
          </cell>
          <cell r="B58" t="str">
            <v>業務委託</v>
          </cell>
          <cell r="C58" t="str">
            <v>東西線走行輪ハブ亀裂点検業務</v>
          </cell>
          <cell r="D58">
            <v>38848</v>
          </cell>
          <cell r="E58" t="str">
            <v>特命</v>
          </cell>
          <cell r="G58">
            <v>2134650</v>
          </cell>
          <cell r="I58">
            <v>1</v>
          </cell>
          <cell r="J58" t="str">
            <v>式</v>
          </cell>
          <cell r="K58" t="str">
            <v/>
          </cell>
          <cell r="L58">
            <v>2134650</v>
          </cell>
          <cell r="M58" t="str">
            <v>特命</v>
          </cell>
          <cell r="N58" t="str">
            <v>高・営</v>
          </cell>
          <cell r="O58">
            <v>38859</v>
          </cell>
          <cell r="P58">
            <v>39161</v>
          </cell>
          <cell r="Q58" t="str">
            <v>壱</v>
          </cell>
          <cell r="R58" t="str">
            <v>無</v>
          </cell>
          <cell r="S58" t="str">
            <v>車両課(大谷地)</v>
          </cell>
          <cell r="T58" t="str">
            <v>田島　義雄</v>
          </cell>
          <cell r="U58">
            <v>8417</v>
          </cell>
          <cell r="V58" t="str">
            <v>管理者</v>
          </cell>
          <cell r="W58" t="str">
            <v>なか１日</v>
          </cell>
          <cell r="X58" t="str">
            <v>特命</v>
          </cell>
          <cell r="Y58">
            <v>38855</v>
          </cell>
          <cell r="Z58">
            <v>38855</v>
          </cell>
          <cell r="AA58">
            <v>1400</v>
          </cell>
          <cell r="AB58" t="str">
            <v>交通局３階総務課（契約担当）</v>
          </cell>
          <cell r="AD58" t="str">
            <v>平成18年5月18日(木)　14時00分</v>
          </cell>
          <cell r="AI58">
            <v>1</v>
          </cell>
          <cell r="AJ58" t="str">
            <v>札幌交通機械（株）</v>
          </cell>
          <cell r="AU58" t="str">
            <v>要</v>
          </cell>
          <cell r="AV58">
            <v>2033000</v>
          </cell>
          <cell r="AW58">
            <v>2134650</v>
          </cell>
          <cell r="AX58">
            <v>0</v>
          </cell>
          <cell r="AY58" t="str">
            <v>札幌交通機械（株）</v>
          </cell>
          <cell r="AZ58">
            <v>2030000</v>
          </cell>
          <cell r="BA58">
            <v>2131500</v>
          </cell>
          <cell r="BB58">
            <v>101500</v>
          </cell>
          <cell r="BC58" t="str">
            <v>契約書</v>
          </cell>
          <cell r="BE58">
            <v>38856</v>
          </cell>
          <cell r="BF58" t="str">
            <v>しない</v>
          </cell>
          <cell r="BG58" t="str">
            <v>見積</v>
          </cell>
          <cell r="BH58">
            <v>0.99852434825381209</v>
          </cell>
          <cell r="BK58">
            <v>2033000</v>
          </cell>
          <cell r="BL58" t="str">
            <v xml:space="preserve"> </v>
          </cell>
          <cell r="BM58">
            <v>3150</v>
          </cell>
          <cell r="BN58">
            <v>0.99852434825381209</v>
          </cell>
        </row>
        <row r="59">
          <cell r="A59">
            <v>1028</v>
          </cell>
          <cell r="B59" t="str">
            <v>物品購入</v>
          </cell>
          <cell r="C59" t="str">
            <v>電力管理システム部品</v>
          </cell>
          <cell r="D59">
            <v>38848</v>
          </cell>
          <cell r="E59" t="str">
            <v>特命</v>
          </cell>
          <cell r="G59">
            <v>4545450</v>
          </cell>
          <cell r="I59">
            <v>1</v>
          </cell>
          <cell r="J59" t="str">
            <v>式</v>
          </cell>
          <cell r="K59" t="str">
            <v/>
          </cell>
          <cell r="L59">
            <v>4545450</v>
          </cell>
          <cell r="M59" t="str">
            <v>特命</v>
          </cell>
          <cell r="N59" t="str">
            <v>高・営</v>
          </cell>
          <cell r="P59">
            <v>38987</v>
          </cell>
          <cell r="Q59" t="str">
            <v>壱</v>
          </cell>
          <cell r="R59" t="str">
            <v>無</v>
          </cell>
          <cell r="S59" t="str">
            <v>電気課</v>
          </cell>
          <cell r="T59" t="str">
            <v>佐々木　泰宏</v>
          </cell>
          <cell r="U59">
            <v>2624</v>
          </cell>
          <cell r="V59" t="str">
            <v>部長</v>
          </cell>
          <cell r="W59" t="str">
            <v>なか１日</v>
          </cell>
          <cell r="X59" t="str">
            <v>特命</v>
          </cell>
          <cell r="Y59">
            <v>38854</v>
          </cell>
          <cell r="Z59">
            <v>38856</v>
          </cell>
          <cell r="AA59">
            <v>1400</v>
          </cell>
          <cell r="AB59" t="str">
            <v>交通局３階総務課（契約担当）</v>
          </cell>
          <cell r="AD59" t="str">
            <v>平成18年5月19日(金)　14時00分</v>
          </cell>
          <cell r="AI59">
            <v>1</v>
          </cell>
          <cell r="AJ59" t="str">
            <v>（株）日立エンジニアリングサービス北海道支店</v>
          </cell>
          <cell r="AU59" t="str">
            <v>要</v>
          </cell>
          <cell r="AV59">
            <v>4300000</v>
          </cell>
          <cell r="AW59">
            <v>4515000</v>
          </cell>
          <cell r="AX59">
            <v>6.6990066990066932E-3</v>
          </cell>
          <cell r="AY59" t="str">
            <v>（株）日立エンジニアリングサービス北海道支店</v>
          </cell>
          <cell r="AZ59">
            <v>4300000</v>
          </cell>
          <cell r="BA59">
            <v>4515000</v>
          </cell>
          <cell r="BB59">
            <v>215000</v>
          </cell>
          <cell r="BC59" t="str">
            <v>契約書</v>
          </cell>
          <cell r="BE59">
            <v>38860</v>
          </cell>
          <cell r="BF59" t="str">
            <v>しない</v>
          </cell>
          <cell r="BG59" t="str">
            <v>見積</v>
          </cell>
          <cell r="BH59">
            <v>1</v>
          </cell>
          <cell r="BK59">
            <v>4329000</v>
          </cell>
          <cell r="BL59" t="str">
            <v xml:space="preserve"> </v>
          </cell>
          <cell r="BM59">
            <v>30450</v>
          </cell>
          <cell r="BN59">
            <v>0.99330099330099331</v>
          </cell>
        </row>
        <row r="60">
          <cell r="A60">
            <v>2010</v>
          </cell>
          <cell r="B60" t="str">
            <v>製造請負</v>
          </cell>
          <cell r="C60" t="str">
            <v>地下鉄車内額面用広告留め具</v>
          </cell>
          <cell r="D60">
            <v>38849</v>
          </cell>
          <cell r="G60">
            <v>1858500</v>
          </cell>
          <cell r="I60">
            <v>1</v>
          </cell>
          <cell r="J60" t="str">
            <v>式</v>
          </cell>
          <cell r="K60" t="str">
            <v/>
          </cell>
          <cell r="L60">
            <v>1858500</v>
          </cell>
          <cell r="M60" t="str">
            <v>公開</v>
          </cell>
          <cell r="N60" t="str">
            <v>高・営</v>
          </cell>
          <cell r="P60">
            <v>38901</v>
          </cell>
          <cell r="Q60" t="str">
            <v>壱</v>
          </cell>
          <cell r="R60" t="str">
            <v>無</v>
          </cell>
          <cell r="S60" t="str">
            <v>経営企画課</v>
          </cell>
          <cell r="T60" t="str">
            <v>北村　淳</v>
          </cell>
          <cell r="U60">
            <v>2125</v>
          </cell>
          <cell r="V60" t="str">
            <v>課長</v>
          </cell>
          <cell r="W60" t="str">
            <v>なか１日</v>
          </cell>
          <cell r="X60" t="str">
            <v>公開</v>
          </cell>
          <cell r="Y60">
            <v>38855</v>
          </cell>
          <cell r="Z60">
            <v>38855</v>
          </cell>
          <cell r="AB60" t="str">
            <v>交通局３階総務課（契約担当）</v>
          </cell>
          <cell r="AD60" t="e">
            <v>#VALUE!</v>
          </cell>
          <cell r="AI60">
            <v>3</v>
          </cell>
          <cell r="AJ60" t="str">
            <v>七欧産業（株）</v>
          </cell>
          <cell r="AK60" t="str">
            <v>㈱エム・マツバラ</v>
          </cell>
          <cell r="AU60" t="str">
            <v>省略可</v>
          </cell>
          <cell r="AW60">
            <v>1858500</v>
          </cell>
          <cell r="AX60">
            <v>1</v>
          </cell>
          <cell r="AY60" t="str">
            <v>七欧産業（株）</v>
          </cell>
          <cell r="AZ60">
            <v>1554000</v>
          </cell>
          <cell r="BA60">
            <v>1631700</v>
          </cell>
          <cell r="BB60">
            <v>77700</v>
          </cell>
          <cell r="BC60" t="str">
            <v>請書</v>
          </cell>
          <cell r="BE60">
            <v>38859</v>
          </cell>
          <cell r="BF60" t="str">
            <v>しない</v>
          </cell>
          <cell r="BG60" t="str">
            <v>見積(公開)</v>
          </cell>
          <cell r="BH60">
            <v>0.87796610169491529</v>
          </cell>
          <cell r="BK60">
            <v>1770000</v>
          </cell>
          <cell r="BL60" t="str">
            <v xml:space="preserve"> </v>
          </cell>
          <cell r="BM60">
            <v>226800</v>
          </cell>
          <cell r="BN60">
            <v>0.87796610169491529</v>
          </cell>
        </row>
        <row r="61">
          <cell r="A61">
            <v>1029</v>
          </cell>
          <cell r="B61" t="str">
            <v>物品購入</v>
          </cell>
          <cell r="C61" t="str">
            <v>監視用モニターカメラ</v>
          </cell>
          <cell r="D61">
            <v>38852</v>
          </cell>
          <cell r="G61">
            <v>6184500</v>
          </cell>
          <cell r="I61">
            <v>1</v>
          </cell>
          <cell r="J61" t="str">
            <v>式</v>
          </cell>
          <cell r="K61" t="str">
            <v/>
          </cell>
          <cell r="L61">
            <v>6184500</v>
          </cell>
          <cell r="M61" t="str">
            <v>入札</v>
          </cell>
          <cell r="N61" t="str">
            <v>高・営</v>
          </cell>
          <cell r="P61">
            <v>38954</v>
          </cell>
          <cell r="Q61" t="str">
            <v>壱</v>
          </cell>
          <cell r="R61" t="str">
            <v>無</v>
          </cell>
          <cell r="S61" t="str">
            <v>電気課</v>
          </cell>
          <cell r="T61" t="str">
            <v>桜庭　常夫</v>
          </cell>
          <cell r="U61">
            <v>2643</v>
          </cell>
          <cell r="V61" t="str">
            <v>部長</v>
          </cell>
          <cell r="W61" t="str">
            <v>なか５日</v>
          </cell>
          <cell r="X61" t="str">
            <v>入札</v>
          </cell>
          <cell r="Y61">
            <v>38862</v>
          </cell>
          <cell r="Z61">
            <v>38863</v>
          </cell>
          <cell r="AA61">
            <v>1100</v>
          </cell>
          <cell r="AB61" t="str">
            <v>交通局５階入札室</v>
          </cell>
          <cell r="AD61" t="str">
            <v>平成18年5月26日(金)　11時00分</v>
          </cell>
          <cell r="AE61" t="str">
            <v>卸小売業</v>
          </cell>
          <cell r="AF61" t="str">
            <v>電気機械器具卸小売業</v>
          </cell>
          <cell r="AG61" t="str">
            <v>電子機器・通信機器用部品</v>
          </cell>
          <cell r="AH61" t="str">
            <v>A</v>
          </cell>
          <cell r="AI61">
            <v>4</v>
          </cell>
          <cell r="AJ61" t="str">
            <v>（株）エミヤ</v>
          </cell>
          <cell r="AK61" t="str">
            <v>大丸藤井（株）</v>
          </cell>
          <cell r="AL61" t="str">
            <v>（株）瑞穂電気産業社</v>
          </cell>
          <cell r="AM61" t="str">
            <v>理興産業（株）</v>
          </cell>
          <cell r="AU61" t="str">
            <v>要</v>
          </cell>
          <cell r="AV61">
            <v>5890000</v>
          </cell>
          <cell r="AW61">
            <v>6184500</v>
          </cell>
          <cell r="AX61">
            <v>0</v>
          </cell>
          <cell r="AY61" t="str">
            <v>大丸藤井（株）</v>
          </cell>
          <cell r="AZ61">
            <v>4690000</v>
          </cell>
          <cell r="BA61">
            <v>4924500</v>
          </cell>
          <cell r="BB61">
            <v>234500</v>
          </cell>
          <cell r="BC61" t="str">
            <v>契約書</v>
          </cell>
          <cell r="BE61">
            <v>38866</v>
          </cell>
          <cell r="BF61" t="str">
            <v>しない</v>
          </cell>
          <cell r="BG61" t="str">
            <v>入  札</v>
          </cell>
          <cell r="BH61">
            <v>0.79626485568760608</v>
          </cell>
          <cell r="BK61">
            <v>5890000</v>
          </cell>
          <cell r="BL61" t="str">
            <v xml:space="preserve"> </v>
          </cell>
          <cell r="BM61">
            <v>1260000</v>
          </cell>
          <cell r="BN61">
            <v>0.79626485568760608</v>
          </cell>
        </row>
        <row r="62">
          <cell r="A62">
            <v>7022</v>
          </cell>
          <cell r="B62" t="str">
            <v>業務委託</v>
          </cell>
          <cell r="C62" t="str">
            <v>路面電車車両用外装粘着フィルム貼付業務</v>
          </cell>
          <cell r="D62">
            <v>38852</v>
          </cell>
          <cell r="G62">
            <v>256200</v>
          </cell>
          <cell r="I62">
            <v>1</v>
          </cell>
          <cell r="J62" t="str">
            <v>式</v>
          </cell>
          <cell r="K62" t="str">
            <v/>
          </cell>
          <cell r="L62">
            <v>256200</v>
          </cell>
          <cell r="M62" t="str">
            <v>見積</v>
          </cell>
          <cell r="N62" t="str">
            <v>軌・営</v>
          </cell>
          <cell r="O62">
            <v>38862</v>
          </cell>
          <cell r="P62">
            <v>38870</v>
          </cell>
          <cell r="Q62" t="str">
            <v>壱</v>
          </cell>
          <cell r="R62" t="str">
            <v>無</v>
          </cell>
          <cell r="S62" t="str">
            <v>電車事業所</v>
          </cell>
          <cell r="T62" t="str">
            <v>苅谷　典明</v>
          </cell>
          <cell r="U62">
            <v>2933</v>
          </cell>
          <cell r="V62" t="str">
            <v>課長</v>
          </cell>
          <cell r="W62" t="str">
            <v>なか１日</v>
          </cell>
          <cell r="X62" t="str">
            <v>見積</v>
          </cell>
          <cell r="Y62">
            <v>38855</v>
          </cell>
          <cell r="Z62">
            <v>38860</v>
          </cell>
          <cell r="AA62">
            <v>1100</v>
          </cell>
          <cell r="AB62" t="str">
            <v>交通局５階入札室</v>
          </cell>
          <cell r="AD62" t="str">
            <v>平成18年5月23日(火)　11時00分</v>
          </cell>
          <cell r="AI62">
            <v>3</v>
          </cell>
          <cell r="AJ62" t="str">
            <v>旭エンジニアリング（株）</v>
          </cell>
          <cell r="AK62" t="str">
            <v>七欧産業（株）</v>
          </cell>
          <cell r="AL62" t="str">
            <v>㈱北海道特殊印刷工芸</v>
          </cell>
          <cell r="AU62" t="str">
            <v>省略可</v>
          </cell>
          <cell r="AW62">
            <v>256200</v>
          </cell>
          <cell r="AX62">
            <v>1</v>
          </cell>
          <cell r="AY62" t="str">
            <v>旭エンジニアリング（株）</v>
          </cell>
          <cell r="AZ62">
            <v>229500</v>
          </cell>
          <cell r="BA62">
            <v>240975</v>
          </cell>
          <cell r="BB62">
            <v>11475</v>
          </cell>
          <cell r="BC62" t="str">
            <v>請書</v>
          </cell>
          <cell r="BE62">
            <v>38860</v>
          </cell>
          <cell r="BF62" t="str">
            <v>しない</v>
          </cell>
          <cell r="BG62" t="str">
            <v>見積</v>
          </cell>
          <cell r="BH62">
            <v>0.94057377049180324</v>
          </cell>
          <cell r="BK62">
            <v>244000</v>
          </cell>
          <cell r="BL62" t="str">
            <v xml:space="preserve"> </v>
          </cell>
          <cell r="BM62">
            <v>15225</v>
          </cell>
          <cell r="BN62">
            <v>0.94057377049180324</v>
          </cell>
        </row>
        <row r="63">
          <cell r="A63">
            <v>2011</v>
          </cell>
          <cell r="B63" t="str">
            <v>製造請負</v>
          </cell>
          <cell r="C63" t="str">
            <v>平成１８年度用敬老優待乗車証</v>
          </cell>
          <cell r="D63">
            <v>38852</v>
          </cell>
          <cell r="G63">
            <v>2257500</v>
          </cell>
          <cell r="I63">
            <v>1</v>
          </cell>
          <cell r="J63" t="str">
            <v>式</v>
          </cell>
          <cell r="K63" t="str">
            <v/>
          </cell>
          <cell r="L63">
            <v>2257500</v>
          </cell>
          <cell r="M63" t="str">
            <v>見積</v>
          </cell>
          <cell r="N63" t="str">
            <v>高・営</v>
          </cell>
          <cell r="P63">
            <v>38923</v>
          </cell>
          <cell r="Q63" t="str">
            <v>壱</v>
          </cell>
          <cell r="R63" t="str">
            <v>無</v>
          </cell>
          <cell r="S63" t="str">
            <v>経営企画課</v>
          </cell>
          <cell r="T63" t="str">
            <v>安藤　友明</v>
          </cell>
          <cell r="U63">
            <v>2115</v>
          </cell>
          <cell r="V63" t="str">
            <v>課長</v>
          </cell>
          <cell r="W63" t="str">
            <v>なか１日</v>
          </cell>
          <cell r="X63" t="str">
            <v>見積</v>
          </cell>
          <cell r="Y63">
            <v>38855</v>
          </cell>
          <cell r="Z63">
            <v>38856</v>
          </cell>
          <cell r="AA63">
            <v>1120</v>
          </cell>
          <cell r="AB63" t="str">
            <v>交通局５階入札室</v>
          </cell>
          <cell r="AD63" t="str">
            <v>平成18年5月19日(金)　11時20分</v>
          </cell>
          <cell r="AI63">
            <v>3</v>
          </cell>
          <cell r="AJ63" t="str">
            <v>ＮＥＣトーキン（株）営業本部仙台支店</v>
          </cell>
          <cell r="AK63" t="str">
            <v>共同印刷（株）</v>
          </cell>
          <cell r="AL63" t="str">
            <v>凸版印刷（株）北海道事業部</v>
          </cell>
          <cell r="AM63" t="str">
            <v>日本通信紙（株）札幌支店</v>
          </cell>
          <cell r="AU63" t="str">
            <v>省略可</v>
          </cell>
          <cell r="AW63">
            <v>2257500</v>
          </cell>
          <cell r="AX63">
            <v>1</v>
          </cell>
          <cell r="AY63" t="str">
            <v>共同印刷（株）</v>
          </cell>
          <cell r="AZ63">
            <v>1560000</v>
          </cell>
          <cell r="BA63">
            <v>1638000</v>
          </cell>
          <cell r="BB63">
            <v>78000</v>
          </cell>
          <cell r="BC63" t="str">
            <v>請書</v>
          </cell>
          <cell r="BE63">
            <v>38860</v>
          </cell>
          <cell r="BF63" t="str">
            <v>しない</v>
          </cell>
          <cell r="BG63" t="str">
            <v>見積</v>
          </cell>
          <cell r="BH63">
            <v>0.72558139534883725</v>
          </cell>
          <cell r="BK63">
            <v>2150000</v>
          </cell>
          <cell r="BL63" t="str">
            <v xml:space="preserve"> </v>
          </cell>
          <cell r="BM63">
            <v>619500</v>
          </cell>
          <cell r="BN63">
            <v>0.72558139534883725</v>
          </cell>
        </row>
        <row r="64">
          <cell r="A64">
            <v>1030</v>
          </cell>
          <cell r="B64" t="str">
            <v>物品購入</v>
          </cell>
          <cell r="C64" t="str">
            <v>ファンクションジェネレーター</v>
          </cell>
          <cell r="D64">
            <v>38852</v>
          </cell>
          <cell r="G64">
            <v>297675</v>
          </cell>
          <cell r="I64">
            <v>1</v>
          </cell>
          <cell r="J64" t="str">
            <v>式</v>
          </cell>
          <cell r="K64" t="str">
            <v/>
          </cell>
          <cell r="L64">
            <v>297675</v>
          </cell>
          <cell r="M64" t="str">
            <v>公開</v>
          </cell>
          <cell r="N64" t="str">
            <v>高・建改</v>
          </cell>
          <cell r="P64">
            <v>38898</v>
          </cell>
          <cell r="Q64" t="str">
            <v>壱</v>
          </cell>
          <cell r="R64" t="str">
            <v>無</v>
          </cell>
          <cell r="S64" t="str">
            <v>車両課(真駒内)</v>
          </cell>
          <cell r="T64" t="str">
            <v>清水　誠一</v>
          </cell>
          <cell r="U64">
            <v>8313</v>
          </cell>
          <cell r="V64" t="str">
            <v>課長</v>
          </cell>
          <cell r="W64" t="str">
            <v>なか１日</v>
          </cell>
          <cell r="X64" t="str">
            <v>公開</v>
          </cell>
          <cell r="Y64">
            <v>38862</v>
          </cell>
          <cell r="Z64">
            <v>38862</v>
          </cell>
          <cell r="AB64" t="str">
            <v>交通局３階総務課（契約担当）</v>
          </cell>
          <cell r="AD64" t="e">
            <v>#VALUE!</v>
          </cell>
          <cell r="AI64">
            <v>3</v>
          </cell>
          <cell r="AJ64" t="str">
            <v>美和電気工業㈱</v>
          </cell>
          <cell r="AU64" t="str">
            <v>省略可</v>
          </cell>
          <cell r="AW64">
            <v>297675</v>
          </cell>
          <cell r="AX64">
            <v>1</v>
          </cell>
          <cell r="AY64" t="str">
            <v>美和電気工業㈱</v>
          </cell>
          <cell r="AZ64">
            <v>283100</v>
          </cell>
          <cell r="BA64">
            <v>297255</v>
          </cell>
          <cell r="BB64">
            <v>14155</v>
          </cell>
          <cell r="BC64" t="str">
            <v>発注書</v>
          </cell>
          <cell r="BE64">
            <v>38863</v>
          </cell>
          <cell r="BF64" t="str">
            <v>する</v>
          </cell>
          <cell r="BG64" t="str">
            <v>見積(公開)</v>
          </cell>
          <cell r="BH64">
            <v>0.99858906525573188</v>
          </cell>
          <cell r="BK64">
            <v>283500</v>
          </cell>
          <cell r="BL64" t="str">
            <v xml:space="preserve"> </v>
          </cell>
          <cell r="BM64">
            <v>420</v>
          </cell>
          <cell r="BN64">
            <v>0.99858906525573188</v>
          </cell>
        </row>
        <row r="65">
          <cell r="A65">
            <v>7023</v>
          </cell>
          <cell r="B65" t="str">
            <v>業務委託</v>
          </cell>
          <cell r="C65" t="str">
            <v>東車両基地緑地管理業務</v>
          </cell>
          <cell r="D65">
            <v>38853</v>
          </cell>
          <cell r="G65">
            <v>4114950</v>
          </cell>
          <cell r="I65">
            <v>1</v>
          </cell>
          <cell r="J65" t="str">
            <v>式</v>
          </cell>
          <cell r="K65" t="str">
            <v/>
          </cell>
          <cell r="L65">
            <v>4114950</v>
          </cell>
          <cell r="M65" t="str">
            <v>入札</v>
          </cell>
          <cell r="N65" t="str">
            <v>高・営</v>
          </cell>
          <cell r="O65">
            <v>38862</v>
          </cell>
          <cell r="P65">
            <v>39051</v>
          </cell>
          <cell r="Q65" t="str">
            <v>壱</v>
          </cell>
          <cell r="R65" t="str">
            <v>無</v>
          </cell>
          <cell r="S65" t="str">
            <v>車両課(大谷地)</v>
          </cell>
          <cell r="T65" t="str">
            <v>木村　敏秋</v>
          </cell>
          <cell r="U65">
            <v>8407</v>
          </cell>
          <cell r="V65" t="str">
            <v>管理者</v>
          </cell>
          <cell r="W65" t="str">
            <v>なか１日</v>
          </cell>
          <cell r="X65" t="str">
            <v>入札</v>
          </cell>
          <cell r="Y65">
            <v>38860</v>
          </cell>
          <cell r="Z65">
            <v>38860</v>
          </cell>
          <cell r="AA65">
            <v>1110</v>
          </cell>
          <cell r="AB65" t="str">
            <v>交通局５階入札室</v>
          </cell>
          <cell r="AD65" t="str">
            <v>平成18年5月23日(火)　11時10分</v>
          </cell>
          <cell r="AE65" t="str">
            <v>サービス業</v>
          </cell>
          <cell r="AF65" t="str">
            <v>公園街路樹等管理業</v>
          </cell>
          <cell r="AG65" t="str">
            <v>庭園等管理業</v>
          </cell>
          <cell r="AH65" t="str">
            <v>-</v>
          </cell>
          <cell r="AI65">
            <v>4</v>
          </cell>
          <cell r="AJ65" t="str">
            <v>（株）グリーンメイクハラダ</v>
          </cell>
          <cell r="AK65" t="str">
            <v>㈱真栄造園</v>
          </cell>
          <cell r="AL65" t="str">
            <v>大和技建（株）</v>
          </cell>
          <cell r="AM65" t="str">
            <v>北海道総合メンテナンス（株）</v>
          </cell>
          <cell r="AU65" t="str">
            <v>要</v>
          </cell>
          <cell r="AV65">
            <v>3919000</v>
          </cell>
          <cell r="AW65">
            <v>4114950</v>
          </cell>
          <cell r="AX65">
            <v>0</v>
          </cell>
          <cell r="AY65" t="str">
            <v>北海道総合メンテナンス（株）</v>
          </cell>
          <cell r="AZ65">
            <v>3800000</v>
          </cell>
          <cell r="BA65">
            <v>3990000</v>
          </cell>
          <cell r="BB65">
            <v>190000</v>
          </cell>
          <cell r="BC65" t="str">
            <v>契約書</v>
          </cell>
          <cell r="BD65" t="str">
            <v>分割</v>
          </cell>
          <cell r="BE65">
            <v>38861</v>
          </cell>
          <cell r="BF65" t="str">
            <v>しない</v>
          </cell>
          <cell r="BG65" t="str">
            <v>入  札</v>
          </cell>
          <cell r="BH65">
            <v>0.9696351109977035</v>
          </cell>
          <cell r="BK65">
            <v>3919000</v>
          </cell>
          <cell r="BL65" t="str">
            <v xml:space="preserve"> </v>
          </cell>
          <cell r="BM65">
            <v>124950</v>
          </cell>
          <cell r="BN65">
            <v>0.9696351109977035</v>
          </cell>
        </row>
        <row r="66">
          <cell r="A66">
            <v>7024</v>
          </cell>
          <cell r="B66" t="str">
            <v>業務委託</v>
          </cell>
          <cell r="C66" t="str">
            <v>６０００形車両廃車車両運搬</v>
          </cell>
          <cell r="D66">
            <v>38853</v>
          </cell>
          <cell r="E66" t="str">
            <v>特命</v>
          </cell>
          <cell r="G66">
            <v>2413950</v>
          </cell>
          <cell r="I66">
            <v>1</v>
          </cell>
          <cell r="J66" t="str">
            <v>式</v>
          </cell>
          <cell r="K66" t="str">
            <v/>
          </cell>
          <cell r="L66">
            <v>2413950</v>
          </cell>
          <cell r="M66" t="str">
            <v>特命</v>
          </cell>
          <cell r="N66" t="str">
            <v>高・営</v>
          </cell>
          <cell r="O66">
            <v>38867</v>
          </cell>
          <cell r="P66">
            <v>38915</v>
          </cell>
          <cell r="Q66" t="str">
            <v>壱</v>
          </cell>
          <cell r="R66" t="str">
            <v>無</v>
          </cell>
          <cell r="S66" t="str">
            <v>車両課(大谷地)</v>
          </cell>
          <cell r="T66" t="str">
            <v>田島　義雄</v>
          </cell>
          <cell r="U66">
            <v>8417</v>
          </cell>
          <cell r="V66" t="str">
            <v>管理者</v>
          </cell>
          <cell r="W66" t="str">
            <v>なか１日</v>
          </cell>
          <cell r="X66" t="str">
            <v>特命</v>
          </cell>
          <cell r="Y66">
            <v>38860</v>
          </cell>
          <cell r="Z66">
            <v>38862</v>
          </cell>
          <cell r="AA66">
            <v>1400</v>
          </cell>
          <cell r="AB66" t="str">
            <v>交通局３階総務課（契約担当）</v>
          </cell>
          <cell r="AD66" t="str">
            <v>平成18年5月25日(木)　14時00分</v>
          </cell>
          <cell r="AI66">
            <v>1</v>
          </cell>
          <cell r="AJ66" t="str">
            <v>日本通運（株）札幌支店</v>
          </cell>
          <cell r="AU66" t="str">
            <v>要</v>
          </cell>
          <cell r="AV66">
            <v>2290000</v>
          </cell>
          <cell r="AW66">
            <v>2404500</v>
          </cell>
          <cell r="AX66">
            <v>3.9147455415398102E-3</v>
          </cell>
          <cell r="AY66" t="str">
            <v>日本通運（株）札幌支店</v>
          </cell>
          <cell r="AZ66">
            <v>2070000</v>
          </cell>
          <cell r="BA66">
            <v>2173500</v>
          </cell>
          <cell r="BB66">
            <v>103500</v>
          </cell>
          <cell r="BC66" t="str">
            <v>契約書</v>
          </cell>
          <cell r="BE66">
            <v>38866</v>
          </cell>
          <cell r="BF66" t="str">
            <v>しない</v>
          </cell>
          <cell r="BG66" t="str">
            <v>見積</v>
          </cell>
          <cell r="BH66">
            <v>0.90393013100436681</v>
          </cell>
          <cell r="BK66">
            <v>2299000</v>
          </cell>
          <cell r="BL66" t="str">
            <v xml:space="preserve"> </v>
          </cell>
          <cell r="BM66">
            <v>240450</v>
          </cell>
          <cell r="BN66">
            <v>0.90039147455415403</v>
          </cell>
        </row>
        <row r="67">
          <cell r="A67">
            <v>1031</v>
          </cell>
          <cell r="B67" t="str">
            <v>物品購入</v>
          </cell>
          <cell r="C67" t="str">
            <v>パッキン（１）他</v>
          </cell>
          <cell r="D67">
            <v>38853</v>
          </cell>
          <cell r="E67" t="str">
            <v>特命</v>
          </cell>
          <cell r="G67">
            <v>11654317</v>
          </cell>
          <cell r="I67">
            <v>1</v>
          </cell>
          <cell r="J67" t="str">
            <v>式</v>
          </cell>
          <cell r="K67" t="str">
            <v/>
          </cell>
          <cell r="L67">
            <v>11654317</v>
          </cell>
          <cell r="M67" t="str">
            <v>特命</v>
          </cell>
          <cell r="N67" t="str">
            <v>高・営</v>
          </cell>
          <cell r="P67">
            <v>39036</v>
          </cell>
          <cell r="Q67" t="str">
            <v>壱</v>
          </cell>
          <cell r="R67" t="str">
            <v>無</v>
          </cell>
          <cell r="S67" t="str">
            <v>車両課(大谷地)</v>
          </cell>
          <cell r="T67" t="str">
            <v>田島　義雄</v>
          </cell>
          <cell r="U67">
            <v>8417</v>
          </cell>
          <cell r="V67" t="str">
            <v>管理者</v>
          </cell>
          <cell r="W67" t="str">
            <v>なか５日</v>
          </cell>
          <cell r="X67" t="str">
            <v>特命</v>
          </cell>
          <cell r="Y67">
            <v>38861</v>
          </cell>
          <cell r="Z67">
            <v>38863</v>
          </cell>
          <cell r="AA67">
            <v>1400</v>
          </cell>
          <cell r="AB67" t="str">
            <v>交通局３階総務課（契約担当）</v>
          </cell>
          <cell r="AD67" t="str">
            <v>平成18年5月26日(金)　14時00分</v>
          </cell>
          <cell r="AI67">
            <v>1</v>
          </cell>
          <cell r="AJ67" t="str">
            <v>札幌川重車両エンジニアリング（株）</v>
          </cell>
          <cell r="AU67" t="str">
            <v>要</v>
          </cell>
          <cell r="AV67">
            <v>11090000</v>
          </cell>
          <cell r="AW67">
            <v>11644500</v>
          </cell>
          <cell r="AX67">
            <v>8.4234880516809163E-4</v>
          </cell>
          <cell r="AY67" t="str">
            <v>札幌川重車両エンジニアリング（株）</v>
          </cell>
          <cell r="AZ67">
            <v>11085000</v>
          </cell>
          <cell r="BA67">
            <v>11639250</v>
          </cell>
          <cell r="BB67">
            <v>554250</v>
          </cell>
          <cell r="BC67" t="str">
            <v>契約書</v>
          </cell>
          <cell r="BE67">
            <v>38866</v>
          </cell>
          <cell r="BF67" t="str">
            <v>しない</v>
          </cell>
          <cell r="BG67" t="str">
            <v>見積</v>
          </cell>
          <cell r="BH67">
            <v>0.99954914337240752</v>
          </cell>
          <cell r="BK67">
            <v>11099349.523809524</v>
          </cell>
          <cell r="BL67" t="str">
            <v xml:space="preserve"> </v>
          </cell>
          <cell r="BM67">
            <v>15067</v>
          </cell>
          <cell r="BN67">
            <v>0.99870717434578105</v>
          </cell>
        </row>
        <row r="68">
          <cell r="A68">
            <v>1032</v>
          </cell>
          <cell r="B68" t="str">
            <v>物品購入</v>
          </cell>
          <cell r="C68" t="str">
            <v>ベアリング</v>
          </cell>
          <cell r="D68">
            <v>38855</v>
          </cell>
          <cell r="G68">
            <v>420095</v>
          </cell>
          <cell r="I68">
            <v>1</v>
          </cell>
          <cell r="J68" t="str">
            <v>式</v>
          </cell>
          <cell r="K68" t="str">
            <v/>
          </cell>
          <cell r="L68">
            <v>420095</v>
          </cell>
          <cell r="M68" t="str">
            <v>公開</v>
          </cell>
          <cell r="N68" t="str">
            <v>高・営</v>
          </cell>
          <cell r="P68">
            <v>39150</v>
          </cell>
          <cell r="Q68" t="str">
            <v>壱</v>
          </cell>
          <cell r="R68" t="str">
            <v>無</v>
          </cell>
          <cell r="S68" t="str">
            <v>車両課(真駒内)</v>
          </cell>
          <cell r="T68" t="str">
            <v>高橋　一美</v>
          </cell>
          <cell r="U68">
            <v>8315</v>
          </cell>
          <cell r="V68" t="str">
            <v>課長</v>
          </cell>
          <cell r="W68" t="str">
            <v>なか１日</v>
          </cell>
          <cell r="X68" t="str">
            <v>公開</v>
          </cell>
          <cell r="Y68">
            <v>38862</v>
          </cell>
          <cell r="Z68">
            <v>38862</v>
          </cell>
          <cell r="AB68" t="str">
            <v>交通局３階総務課（契約担当）</v>
          </cell>
          <cell r="AD68" t="e">
            <v>#VALUE!</v>
          </cell>
          <cell r="AI68">
            <v>3</v>
          </cell>
          <cell r="AJ68" t="str">
            <v>三和商行（株）</v>
          </cell>
          <cell r="AU68" t="str">
            <v>省略可</v>
          </cell>
          <cell r="AW68">
            <v>420095</v>
          </cell>
          <cell r="AX68">
            <v>1</v>
          </cell>
          <cell r="AY68" t="str">
            <v>三和商行（株）</v>
          </cell>
          <cell r="AZ68">
            <v>371560</v>
          </cell>
          <cell r="BA68">
            <v>390138</v>
          </cell>
          <cell r="BB68">
            <v>18578</v>
          </cell>
          <cell r="BC68" t="str">
            <v>発注書</v>
          </cell>
          <cell r="BE68">
            <v>38863</v>
          </cell>
          <cell r="BF68" t="str">
            <v>しない</v>
          </cell>
          <cell r="BG68" t="str">
            <v>見積(公開)</v>
          </cell>
          <cell r="BH68">
            <v>0.92868993918042353</v>
          </cell>
          <cell r="BK68">
            <v>400090.47619047615</v>
          </cell>
          <cell r="BL68" t="str">
            <v xml:space="preserve"> </v>
          </cell>
          <cell r="BM68">
            <v>29957</v>
          </cell>
          <cell r="BN68">
            <v>0.92868993918042353</v>
          </cell>
        </row>
        <row r="69">
          <cell r="A69">
            <v>1033</v>
          </cell>
          <cell r="B69" t="str">
            <v>物品購入</v>
          </cell>
          <cell r="C69" t="str">
            <v>ヒーター付バックミラー</v>
          </cell>
          <cell r="D69">
            <v>38855</v>
          </cell>
          <cell r="G69">
            <v>175959</v>
          </cell>
          <cell r="I69">
            <v>1</v>
          </cell>
          <cell r="J69" t="str">
            <v>式</v>
          </cell>
          <cell r="K69" t="str">
            <v/>
          </cell>
          <cell r="L69">
            <v>175959</v>
          </cell>
          <cell r="M69" t="str">
            <v>公開</v>
          </cell>
          <cell r="N69" t="str">
            <v>軌・営</v>
          </cell>
          <cell r="P69">
            <v>38929</v>
          </cell>
          <cell r="Q69" t="str">
            <v>壱</v>
          </cell>
          <cell r="R69" t="str">
            <v>無</v>
          </cell>
          <cell r="S69" t="str">
            <v>電車事業所</v>
          </cell>
          <cell r="T69" t="str">
            <v>長田　博司</v>
          </cell>
          <cell r="U69">
            <v>2933</v>
          </cell>
          <cell r="V69" t="str">
            <v>課長</v>
          </cell>
          <cell r="W69" t="str">
            <v>なか１日</v>
          </cell>
          <cell r="X69" t="str">
            <v>公開</v>
          </cell>
          <cell r="Y69">
            <v>38862</v>
          </cell>
          <cell r="Z69">
            <v>38862</v>
          </cell>
          <cell r="AB69" t="str">
            <v>交通局３階総務課（契約担当）</v>
          </cell>
          <cell r="AD69" t="e">
            <v>#VALUE!</v>
          </cell>
          <cell r="AI69">
            <v>3</v>
          </cell>
          <cell r="AJ69" t="str">
            <v>佐藤車輌部品（株）</v>
          </cell>
          <cell r="AK69" t="str">
            <v>三和商行（株）</v>
          </cell>
          <cell r="AL69" t="str">
            <v>福田部品（株）</v>
          </cell>
          <cell r="AM69" t="str">
            <v>理興産業（株）</v>
          </cell>
          <cell r="AU69" t="str">
            <v>省略可</v>
          </cell>
          <cell r="AW69">
            <v>175959</v>
          </cell>
          <cell r="AX69">
            <v>1</v>
          </cell>
          <cell r="AY69" t="str">
            <v>三和商行（株）</v>
          </cell>
          <cell r="AZ69">
            <v>138700</v>
          </cell>
          <cell r="BA69">
            <v>145635</v>
          </cell>
          <cell r="BB69">
            <v>6935</v>
          </cell>
          <cell r="BC69" t="str">
            <v>発注書</v>
          </cell>
          <cell r="BE69">
            <v>38863</v>
          </cell>
          <cell r="BF69" t="str">
            <v>しない</v>
          </cell>
          <cell r="BG69" t="str">
            <v>見積(公開)</v>
          </cell>
          <cell r="BH69">
            <v>0.82766439909297052</v>
          </cell>
          <cell r="BK69">
            <v>167580</v>
          </cell>
          <cell r="BL69" t="str">
            <v xml:space="preserve"> </v>
          </cell>
          <cell r="BM69">
            <v>30324</v>
          </cell>
          <cell r="BN69">
            <v>0.82766439909297052</v>
          </cell>
        </row>
        <row r="70">
          <cell r="A70">
            <v>1034</v>
          </cell>
          <cell r="B70" t="str">
            <v>物品購入</v>
          </cell>
          <cell r="C70" t="str">
            <v>正面ガラスくもり止めファン</v>
          </cell>
          <cell r="D70">
            <v>38855</v>
          </cell>
          <cell r="G70">
            <v>396480</v>
          </cell>
          <cell r="I70">
            <v>1</v>
          </cell>
          <cell r="J70" t="str">
            <v>式</v>
          </cell>
          <cell r="K70" t="str">
            <v/>
          </cell>
          <cell r="L70">
            <v>396480</v>
          </cell>
          <cell r="M70" t="str">
            <v>公開</v>
          </cell>
          <cell r="N70" t="str">
            <v>軌・営</v>
          </cell>
          <cell r="P70">
            <v>38929</v>
          </cell>
          <cell r="Q70" t="str">
            <v>壱</v>
          </cell>
          <cell r="R70" t="str">
            <v>無</v>
          </cell>
          <cell r="S70" t="str">
            <v>電車事業所</v>
          </cell>
          <cell r="T70" t="str">
            <v>長田　博司</v>
          </cell>
          <cell r="U70">
            <v>2933</v>
          </cell>
          <cell r="V70" t="str">
            <v>課長</v>
          </cell>
          <cell r="W70" t="str">
            <v>なか１日</v>
          </cell>
          <cell r="X70" t="str">
            <v>公開</v>
          </cell>
          <cell r="Y70">
            <v>38862</v>
          </cell>
          <cell r="Z70">
            <v>38862</v>
          </cell>
          <cell r="AB70" t="str">
            <v>交通局３階総務課（契約担当）</v>
          </cell>
          <cell r="AD70" t="e">
            <v>#VALUE!</v>
          </cell>
          <cell r="AI70">
            <v>3</v>
          </cell>
          <cell r="AJ70" t="str">
            <v>（株）イザワ</v>
          </cell>
          <cell r="AK70" t="str">
            <v>（株）エミヤ</v>
          </cell>
          <cell r="AL70" t="str">
            <v>（株）北海道佐々木商会</v>
          </cell>
          <cell r="AM70" t="str">
            <v>（株）瑞穂電気産業社</v>
          </cell>
          <cell r="AN70" t="str">
            <v>理興産業（株）</v>
          </cell>
          <cell r="AO70" t="str">
            <v>（株）渡商</v>
          </cell>
          <cell r="AU70" t="str">
            <v>省略可</v>
          </cell>
          <cell r="AW70">
            <v>396480</v>
          </cell>
          <cell r="AX70">
            <v>1</v>
          </cell>
          <cell r="AY70" t="str">
            <v>理興産業（株）</v>
          </cell>
          <cell r="AZ70">
            <v>295680</v>
          </cell>
          <cell r="BA70">
            <v>310464</v>
          </cell>
          <cell r="BB70">
            <v>14784</v>
          </cell>
          <cell r="BC70" t="str">
            <v>発注書</v>
          </cell>
          <cell r="BE70">
            <v>38863</v>
          </cell>
          <cell r="BF70" t="str">
            <v>しない</v>
          </cell>
          <cell r="BG70" t="str">
            <v>見積(公開)</v>
          </cell>
          <cell r="BH70">
            <v>0.7830508474576271</v>
          </cell>
          <cell r="BK70">
            <v>377600</v>
          </cell>
          <cell r="BL70" t="str">
            <v xml:space="preserve"> </v>
          </cell>
          <cell r="BM70">
            <v>86016</v>
          </cell>
          <cell r="BN70">
            <v>0.7830508474576271</v>
          </cell>
        </row>
        <row r="71">
          <cell r="A71">
            <v>1035</v>
          </cell>
          <cell r="B71" t="str">
            <v>物品購入</v>
          </cell>
          <cell r="C71" t="str">
            <v>鍵付きラッチ式平面ハンドル</v>
          </cell>
          <cell r="D71">
            <v>38855</v>
          </cell>
          <cell r="G71">
            <v>283038</v>
          </cell>
          <cell r="I71">
            <v>1</v>
          </cell>
          <cell r="J71" t="str">
            <v>式</v>
          </cell>
          <cell r="K71" t="str">
            <v/>
          </cell>
          <cell r="L71">
            <v>283038</v>
          </cell>
          <cell r="M71" t="str">
            <v>公開</v>
          </cell>
          <cell r="N71" t="str">
            <v>軌・営</v>
          </cell>
          <cell r="P71">
            <v>38898</v>
          </cell>
          <cell r="Q71" t="str">
            <v>壱</v>
          </cell>
          <cell r="R71" t="str">
            <v>無</v>
          </cell>
          <cell r="S71" t="str">
            <v>電車事業所</v>
          </cell>
          <cell r="T71" t="str">
            <v>高橋　伊勢男</v>
          </cell>
          <cell r="U71">
            <v>2933</v>
          </cell>
          <cell r="V71" t="str">
            <v>課長</v>
          </cell>
          <cell r="W71" t="str">
            <v>なか１日</v>
          </cell>
          <cell r="X71" t="str">
            <v>公開</v>
          </cell>
          <cell r="Y71">
            <v>38862</v>
          </cell>
          <cell r="Z71">
            <v>38862</v>
          </cell>
          <cell r="AB71" t="str">
            <v>交通局３階総務課（契約担当）</v>
          </cell>
          <cell r="AD71" t="e">
            <v>#VALUE!</v>
          </cell>
          <cell r="AI71">
            <v>3</v>
          </cell>
          <cell r="AJ71" t="str">
            <v>理興産業（株）</v>
          </cell>
          <cell r="AU71" t="str">
            <v>省略可</v>
          </cell>
          <cell r="AW71">
            <v>283038</v>
          </cell>
          <cell r="AX71">
            <v>1</v>
          </cell>
          <cell r="AY71" t="str">
            <v>理興産業（株）</v>
          </cell>
          <cell r="AZ71">
            <v>220800</v>
          </cell>
          <cell r="BA71">
            <v>231840</v>
          </cell>
          <cell r="BB71">
            <v>11040</v>
          </cell>
          <cell r="BC71" t="str">
            <v>発注書</v>
          </cell>
          <cell r="BE71">
            <v>38863</v>
          </cell>
          <cell r="BF71" t="str">
            <v>しない</v>
          </cell>
          <cell r="BG71" t="str">
            <v>見積(公開)</v>
          </cell>
          <cell r="BH71">
            <v>0.8191126279863481</v>
          </cell>
          <cell r="BK71">
            <v>269560</v>
          </cell>
          <cell r="BL71" t="str">
            <v xml:space="preserve"> </v>
          </cell>
          <cell r="BM71">
            <v>51198</v>
          </cell>
          <cell r="BN71">
            <v>0.8191126279863481</v>
          </cell>
        </row>
        <row r="72">
          <cell r="A72">
            <v>1036</v>
          </cell>
          <cell r="B72" t="str">
            <v>物品購入</v>
          </cell>
          <cell r="C72" t="str">
            <v>女子運輸用制服（一式）</v>
          </cell>
          <cell r="D72">
            <v>38855</v>
          </cell>
          <cell r="G72">
            <v>231567</v>
          </cell>
          <cell r="I72">
            <v>1</v>
          </cell>
          <cell r="J72" t="str">
            <v>式</v>
          </cell>
          <cell r="K72" t="str">
            <v/>
          </cell>
          <cell r="L72">
            <v>231567</v>
          </cell>
          <cell r="M72" t="str">
            <v>公開</v>
          </cell>
          <cell r="N72" t="str">
            <v>軌・営</v>
          </cell>
          <cell r="P72">
            <v>38960</v>
          </cell>
          <cell r="Q72" t="str">
            <v>壱</v>
          </cell>
          <cell r="R72" t="str">
            <v>無</v>
          </cell>
          <cell r="S72" t="str">
            <v>総務課</v>
          </cell>
          <cell r="T72" t="str">
            <v>横谷　大二郎</v>
          </cell>
          <cell r="U72">
            <v>2256</v>
          </cell>
          <cell r="V72" t="str">
            <v>課長</v>
          </cell>
          <cell r="W72" t="str">
            <v>なか１日</v>
          </cell>
          <cell r="X72" t="str">
            <v>公開</v>
          </cell>
          <cell r="Y72">
            <v>38862</v>
          </cell>
          <cell r="Z72">
            <v>38862</v>
          </cell>
          <cell r="AB72" t="str">
            <v>交通局３階総務課（契約担当）</v>
          </cell>
          <cell r="AD72" t="e">
            <v>#VALUE!</v>
          </cell>
          <cell r="AI72">
            <v>3</v>
          </cell>
          <cell r="AJ72" t="str">
            <v>榎本商事（株）</v>
          </cell>
          <cell r="AK72" t="str">
            <v>（株）金原札幌営業所</v>
          </cell>
          <cell r="AU72" t="str">
            <v>省略可</v>
          </cell>
          <cell r="AW72">
            <v>231567</v>
          </cell>
          <cell r="AX72">
            <v>1</v>
          </cell>
          <cell r="AY72" t="str">
            <v>（株）金原札幌営業所</v>
          </cell>
          <cell r="AZ72">
            <v>220540</v>
          </cell>
          <cell r="BA72">
            <v>231567</v>
          </cell>
          <cell r="BB72">
            <v>11027</v>
          </cell>
          <cell r="BC72" t="str">
            <v>発注書</v>
          </cell>
          <cell r="BE72">
            <v>38863</v>
          </cell>
          <cell r="BF72" t="str">
            <v>しない</v>
          </cell>
          <cell r="BG72" t="str">
            <v>見積(公開)</v>
          </cell>
          <cell r="BH72">
            <v>1</v>
          </cell>
          <cell r="BK72">
            <v>220540</v>
          </cell>
          <cell r="BL72" t="str">
            <v xml:space="preserve"> </v>
          </cell>
          <cell r="BM72">
            <v>0</v>
          </cell>
          <cell r="BN72">
            <v>1</v>
          </cell>
        </row>
        <row r="73">
          <cell r="A73">
            <v>7025</v>
          </cell>
          <cell r="B73" t="str">
            <v>業務委託</v>
          </cell>
          <cell r="C73" t="str">
            <v>旅客案内放送設備オーバーホール</v>
          </cell>
          <cell r="D73">
            <v>38855</v>
          </cell>
          <cell r="E73" t="str">
            <v>特命</v>
          </cell>
          <cell r="G73">
            <v>912450</v>
          </cell>
          <cell r="I73">
            <v>1</v>
          </cell>
          <cell r="J73" t="str">
            <v>式</v>
          </cell>
          <cell r="K73" t="str">
            <v/>
          </cell>
          <cell r="L73">
            <v>912450</v>
          </cell>
          <cell r="M73" t="str">
            <v>特命</v>
          </cell>
          <cell r="N73" t="str">
            <v>高・営</v>
          </cell>
          <cell r="O73">
            <v>38867</v>
          </cell>
          <cell r="P73">
            <v>39156</v>
          </cell>
          <cell r="Q73" t="str">
            <v>壱</v>
          </cell>
          <cell r="R73" t="str">
            <v>無</v>
          </cell>
          <cell r="S73" t="str">
            <v>電気課</v>
          </cell>
          <cell r="T73" t="str">
            <v>桜庭　常夫</v>
          </cell>
          <cell r="U73">
            <v>2643</v>
          </cell>
          <cell r="V73" t="str">
            <v>部長</v>
          </cell>
          <cell r="W73" t="str">
            <v>なか１日</v>
          </cell>
          <cell r="X73" t="str">
            <v>特命</v>
          </cell>
          <cell r="Y73">
            <v>38861</v>
          </cell>
          <cell r="Z73">
            <v>38862</v>
          </cell>
          <cell r="AA73">
            <v>1430</v>
          </cell>
          <cell r="AB73" t="str">
            <v>交通局３階総務課（契約担当）</v>
          </cell>
          <cell r="AD73" t="str">
            <v>平成18年5月25日(木)　14時30分</v>
          </cell>
          <cell r="AI73">
            <v>1</v>
          </cell>
          <cell r="AJ73" t="str">
            <v>パナソニックＳＳエンジニアリング（株）北海道ＰＳＳＥ社</v>
          </cell>
          <cell r="AU73" t="str">
            <v>省略可</v>
          </cell>
          <cell r="AW73">
            <v>912450</v>
          </cell>
          <cell r="AX73">
            <v>1</v>
          </cell>
          <cell r="AY73" t="str">
            <v>パナソニックＳＳエンジニアリング（株）北海道ＰＳＳＥ社</v>
          </cell>
          <cell r="AZ73">
            <v>850000</v>
          </cell>
          <cell r="BA73">
            <v>892500</v>
          </cell>
          <cell r="BB73">
            <v>42500</v>
          </cell>
          <cell r="BC73" t="str">
            <v>契約書</v>
          </cell>
          <cell r="BE73">
            <v>38863</v>
          </cell>
          <cell r="BF73" t="str">
            <v>しない</v>
          </cell>
          <cell r="BG73" t="str">
            <v>見積</v>
          </cell>
          <cell r="BH73">
            <v>0.97813578826237058</v>
          </cell>
          <cell r="BK73">
            <v>869000</v>
          </cell>
          <cell r="BL73" t="str">
            <v xml:space="preserve"> </v>
          </cell>
          <cell r="BM73">
            <v>19950</v>
          </cell>
          <cell r="BN73">
            <v>0.97813578826237058</v>
          </cell>
        </row>
        <row r="74">
          <cell r="A74">
            <v>7026</v>
          </cell>
          <cell r="B74" t="str">
            <v>業務委託</v>
          </cell>
          <cell r="C74" t="str">
            <v>自動案内放送・集中監視装置オーバーホール</v>
          </cell>
          <cell r="D74">
            <v>38855</v>
          </cell>
          <cell r="E74" t="str">
            <v>特命</v>
          </cell>
          <cell r="G74">
            <v>4006800</v>
          </cell>
          <cell r="I74">
            <v>1</v>
          </cell>
          <cell r="J74" t="str">
            <v>式</v>
          </cell>
          <cell r="K74" t="str">
            <v/>
          </cell>
          <cell r="L74">
            <v>4006800</v>
          </cell>
          <cell r="M74" t="str">
            <v>特命</v>
          </cell>
          <cell r="N74" t="str">
            <v>高・営</v>
          </cell>
          <cell r="O74">
            <v>38867</v>
          </cell>
          <cell r="P74">
            <v>39156</v>
          </cell>
          <cell r="Q74" t="str">
            <v>壱</v>
          </cell>
          <cell r="R74" t="str">
            <v>無</v>
          </cell>
          <cell r="S74" t="str">
            <v>電気課</v>
          </cell>
          <cell r="T74" t="str">
            <v>桜庭　常夫</v>
          </cell>
          <cell r="U74">
            <v>2643</v>
          </cell>
          <cell r="V74" t="str">
            <v>管理者</v>
          </cell>
          <cell r="W74" t="str">
            <v>なか１日</v>
          </cell>
          <cell r="X74" t="str">
            <v>特命</v>
          </cell>
          <cell r="Y74">
            <v>38862</v>
          </cell>
          <cell r="Z74">
            <v>38862</v>
          </cell>
          <cell r="AA74">
            <v>1440</v>
          </cell>
          <cell r="AB74" t="str">
            <v>交通局３階総務課（契約担当）</v>
          </cell>
          <cell r="AD74" t="str">
            <v>平成18年5月25日(木)　14時40分</v>
          </cell>
          <cell r="AI74">
            <v>1</v>
          </cell>
          <cell r="AJ74" t="str">
            <v>パナソニックＳＳエンジニアリング（株）北海道ＰＳＳＥ社</v>
          </cell>
          <cell r="AU74" t="str">
            <v>要</v>
          </cell>
          <cell r="AV74">
            <v>3777000</v>
          </cell>
          <cell r="AW74">
            <v>3965850</v>
          </cell>
          <cell r="AX74">
            <v>1.0220125786163492E-2</v>
          </cell>
          <cell r="AY74" t="str">
            <v>パナソニックＳＳエンジニアリング（株）北海道ＰＳＳＥ社</v>
          </cell>
          <cell r="AZ74">
            <v>3760000</v>
          </cell>
          <cell r="BA74">
            <v>3948000</v>
          </cell>
          <cell r="BB74">
            <v>188000</v>
          </cell>
          <cell r="BC74" t="str">
            <v>契約書</v>
          </cell>
          <cell r="BE74">
            <v>38863</v>
          </cell>
          <cell r="BF74" t="str">
            <v>しない</v>
          </cell>
          <cell r="BG74" t="str">
            <v>見積</v>
          </cell>
          <cell r="BH74">
            <v>0.99549907333862853</v>
          </cell>
          <cell r="BK74">
            <v>3816000</v>
          </cell>
          <cell r="BL74" t="str">
            <v xml:space="preserve"> </v>
          </cell>
          <cell r="BM74">
            <v>58800</v>
          </cell>
          <cell r="BN74">
            <v>0.9853249475890985</v>
          </cell>
        </row>
        <row r="75">
          <cell r="A75">
            <v>1037</v>
          </cell>
          <cell r="B75" t="str">
            <v>物品購入</v>
          </cell>
          <cell r="C75" t="str">
            <v>Ｏリング</v>
          </cell>
          <cell r="D75">
            <v>38855</v>
          </cell>
          <cell r="G75">
            <v>684516</v>
          </cell>
          <cell r="I75">
            <v>1</v>
          </cell>
          <cell r="J75" t="str">
            <v>式</v>
          </cell>
          <cell r="K75" t="str">
            <v/>
          </cell>
          <cell r="L75">
            <v>684516</v>
          </cell>
          <cell r="M75" t="str">
            <v>公開</v>
          </cell>
          <cell r="N75" t="str">
            <v>高・営</v>
          </cell>
          <cell r="P75">
            <v>38982</v>
          </cell>
          <cell r="Q75" t="str">
            <v>壱</v>
          </cell>
          <cell r="R75" t="str">
            <v>無</v>
          </cell>
          <cell r="S75" t="str">
            <v>車両課(真駒内)</v>
          </cell>
          <cell r="T75" t="str">
            <v>高橋　一美</v>
          </cell>
          <cell r="U75">
            <v>8315</v>
          </cell>
          <cell r="V75" t="str">
            <v>課長</v>
          </cell>
          <cell r="W75" t="str">
            <v>なか１日</v>
          </cell>
          <cell r="X75" t="str">
            <v>公開</v>
          </cell>
          <cell r="Y75">
            <v>38862</v>
          </cell>
          <cell r="Z75">
            <v>38862</v>
          </cell>
          <cell r="AB75" t="str">
            <v>交通局３階総務課（契約担当）</v>
          </cell>
          <cell r="AD75" t="e">
            <v>#VALUE!</v>
          </cell>
          <cell r="AI75">
            <v>3</v>
          </cell>
          <cell r="AJ75" t="str">
            <v>向野商事（株）</v>
          </cell>
          <cell r="AK75" t="str">
            <v>福田実業（株）</v>
          </cell>
          <cell r="AL75" t="str">
            <v>マルキン機鋼（株）</v>
          </cell>
          <cell r="AU75" t="str">
            <v>省略可</v>
          </cell>
          <cell r="AW75">
            <v>684516</v>
          </cell>
          <cell r="AX75">
            <v>1</v>
          </cell>
          <cell r="AY75" t="str">
            <v>福田実業（株）</v>
          </cell>
          <cell r="AZ75">
            <v>651920</v>
          </cell>
          <cell r="BA75">
            <v>684516</v>
          </cell>
          <cell r="BB75">
            <v>32596</v>
          </cell>
          <cell r="BC75" t="str">
            <v>請書</v>
          </cell>
          <cell r="BE75">
            <v>38867</v>
          </cell>
          <cell r="BF75" t="str">
            <v>しない</v>
          </cell>
          <cell r="BG75" t="str">
            <v>見積(公開)</v>
          </cell>
          <cell r="BH75">
            <v>1</v>
          </cell>
          <cell r="BK75">
            <v>651920</v>
          </cell>
          <cell r="BL75" t="str">
            <v xml:space="preserve"> </v>
          </cell>
          <cell r="BM75">
            <v>0</v>
          </cell>
          <cell r="BN75">
            <v>1</v>
          </cell>
        </row>
        <row r="76">
          <cell r="A76">
            <v>1038</v>
          </cell>
          <cell r="B76" t="str">
            <v>物品購入</v>
          </cell>
          <cell r="C76" t="str">
            <v>東西線車両用低型パンタ舟体組立他</v>
          </cell>
          <cell r="D76">
            <v>38855</v>
          </cell>
          <cell r="E76" t="str">
            <v>特命</v>
          </cell>
          <cell r="G76">
            <v>12423600</v>
          </cell>
          <cell r="I76">
            <v>1</v>
          </cell>
          <cell r="J76" t="str">
            <v>式</v>
          </cell>
          <cell r="K76" t="str">
            <v/>
          </cell>
          <cell r="L76">
            <v>12423600</v>
          </cell>
          <cell r="M76" t="str">
            <v>特命</v>
          </cell>
          <cell r="N76" t="str">
            <v>高・営</v>
          </cell>
          <cell r="P76">
            <v>39136</v>
          </cell>
          <cell r="Q76" t="str">
            <v>壱</v>
          </cell>
          <cell r="R76" t="str">
            <v>無</v>
          </cell>
          <cell r="S76" t="str">
            <v>車両課(大谷地)</v>
          </cell>
          <cell r="T76" t="str">
            <v>金子　彰</v>
          </cell>
          <cell r="U76">
            <v>8413</v>
          </cell>
          <cell r="V76" t="str">
            <v>管理者</v>
          </cell>
          <cell r="W76" t="str">
            <v>なか５日</v>
          </cell>
          <cell r="X76" t="str">
            <v>特命</v>
          </cell>
          <cell r="Y76">
            <v>38863</v>
          </cell>
          <cell r="Z76">
            <v>38868</v>
          </cell>
          <cell r="AA76">
            <v>1400</v>
          </cell>
          <cell r="AB76" t="str">
            <v>交通局３階総務課（契約担当）</v>
          </cell>
          <cell r="AD76" t="str">
            <v>平成18年5月31日(水)　14時00分</v>
          </cell>
          <cell r="AI76">
            <v>1</v>
          </cell>
          <cell r="AJ76" t="str">
            <v>富士電機システムズ（株）北海道支社</v>
          </cell>
          <cell r="AU76" t="str">
            <v>要</v>
          </cell>
          <cell r="AV76">
            <v>11830000</v>
          </cell>
          <cell r="AW76">
            <v>12421500</v>
          </cell>
          <cell r="AX76">
            <v>1.6903313049354551E-4</v>
          </cell>
          <cell r="AY76" t="str">
            <v>富士電機システムズ（株）北海道支社</v>
          </cell>
          <cell r="AZ76">
            <v>11830000</v>
          </cell>
          <cell r="BA76">
            <v>12421500</v>
          </cell>
          <cell r="BB76">
            <v>591500</v>
          </cell>
          <cell r="BC76" t="str">
            <v>契約書</v>
          </cell>
          <cell r="BE76">
            <v>38869</v>
          </cell>
          <cell r="BF76" t="str">
            <v>しない</v>
          </cell>
          <cell r="BG76" t="str">
            <v>見積</v>
          </cell>
          <cell r="BH76">
            <v>1</v>
          </cell>
          <cell r="BK76">
            <v>11832000</v>
          </cell>
          <cell r="BL76" t="str">
            <v xml:space="preserve"> </v>
          </cell>
          <cell r="BM76">
            <v>2100</v>
          </cell>
          <cell r="BN76">
            <v>0.99983096686950645</v>
          </cell>
        </row>
        <row r="77">
          <cell r="A77">
            <v>7027</v>
          </cell>
          <cell r="B77" t="str">
            <v>業務委託</v>
          </cell>
          <cell r="C77" t="str">
            <v>東豊線走行輪ハブ亀裂点検業務</v>
          </cell>
          <cell r="D77">
            <v>38855</v>
          </cell>
          <cell r="E77" t="str">
            <v>特命</v>
          </cell>
          <cell r="G77">
            <v>889350</v>
          </cell>
          <cell r="I77">
            <v>1</v>
          </cell>
          <cell r="J77" t="str">
            <v>式</v>
          </cell>
          <cell r="K77" t="str">
            <v/>
          </cell>
          <cell r="L77">
            <v>889350</v>
          </cell>
          <cell r="M77" t="str">
            <v>特命</v>
          </cell>
          <cell r="N77" t="str">
            <v>高・営</v>
          </cell>
          <cell r="O77">
            <v>38867</v>
          </cell>
          <cell r="P77">
            <v>39161</v>
          </cell>
          <cell r="Q77" t="str">
            <v>壱</v>
          </cell>
          <cell r="R77" t="str">
            <v>無</v>
          </cell>
          <cell r="S77" t="str">
            <v>車両課(二十四軒)</v>
          </cell>
          <cell r="T77" t="str">
            <v>津谷　謙一</v>
          </cell>
          <cell r="U77">
            <v>8211</v>
          </cell>
          <cell r="V77" t="str">
            <v>部長</v>
          </cell>
          <cell r="W77" t="str">
            <v>なか１日</v>
          </cell>
          <cell r="X77" t="str">
            <v>特命</v>
          </cell>
          <cell r="Y77">
            <v>38861</v>
          </cell>
          <cell r="Z77">
            <v>38863</v>
          </cell>
          <cell r="AA77">
            <v>1500</v>
          </cell>
          <cell r="AB77" t="str">
            <v>交通局３階総務課（契約担当）</v>
          </cell>
          <cell r="AD77" t="str">
            <v>平成18年5月26日(金)　15時00分</v>
          </cell>
          <cell r="AI77">
            <v>1</v>
          </cell>
          <cell r="AJ77" t="str">
            <v>札幌交通機械（株）</v>
          </cell>
          <cell r="AU77" t="str">
            <v>省略可</v>
          </cell>
          <cell r="AW77">
            <v>889350</v>
          </cell>
          <cell r="AX77">
            <v>1</v>
          </cell>
          <cell r="AY77" t="str">
            <v>札幌交通機械（株）</v>
          </cell>
          <cell r="AZ77">
            <v>845000</v>
          </cell>
          <cell r="BA77">
            <v>887250</v>
          </cell>
          <cell r="BB77">
            <v>42250</v>
          </cell>
          <cell r="BC77" t="str">
            <v>契約書</v>
          </cell>
          <cell r="BE77">
            <v>38866</v>
          </cell>
          <cell r="BF77" t="str">
            <v>しない</v>
          </cell>
          <cell r="BG77" t="str">
            <v>見積</v>
          </cell>
          <cell r="BH77">
            <v>0.99763872491145222</v>
          </cell>
          <cell r="BK77">
            <v>847000</v>
          </cell>
          <cell r="BL77" t="str">
            <v xml:space="preserve"> </v>
          </cell>
          <cell r="BM77">
            <v>2100</v>
          </cell>
          <cell r="BN77">
            <v>0.99763872491145222</v>
          </cell>
        </row>
        <row r="78">
          <cell r="A78">
            <v>1039</v>
          </cell>
          <cell r="B78" t="str">
            <v>物品購入</v>
          </cell>
          <cell r="C78" t="str">
            <v>ＫＲＶリミットスイッチ</v>
          </cell>
          <cell r="D78">
            <v>38855</v>
          </cell>
          <cell r="E78" t="str">
            <v>特命</v>
          </cell>
          <cell r="G78">
            <v>2971500</v>
          </cell>
          <cell r="I78">
            <v>1</v>
          </cell>
          <cell r="J78" t="str">
            <v>式</v>
          </cell>
          <cell r="K78" t="str">
            <v/>
          </cell>
          <cell r="L78">
            <v>2971500</v>
          </cell>
          <cell r="M78" t="str">
            <v>特命</v>
          </cell>
          <cell r="N78" t="str">
            <v>高・営</v>
          </cell>
          <cell r="P78">
            <v>38960</v>
          </cell>
          <cell r="Q78" t="str">
            <v>壱</v>
          </cell>
          <cell r="R78" t="str">
            <v>無</v>
          </cell>
          <cell r="S78" t="str">
            <v>施設課</v>
          </cell>
          <cell r="T78" t="str">
            <v>水口　博</v>
          </cell>
          <cell r="U78">
            <v>2594</v>
          </cell>
          <cell r="V78" t="str">
            <v>課長</v>
          </cell>
          <cell r="W78" t="str">
            <v>なか１日</v>
          </cell>
          <cell r="X78" t="str">
            <v>特命</v>
          </cell>
          <cell r="Y78">
            <v>38860</v>
          </cell>
          <cell r="Z78">
            <v>38863</v>
          </cell>
          <cell r="AA78">
            <v>1410</v>
          </cell>
          <cell r="AB78" t="str">
            <v>交通局３階総務課（契約担当）</v>
          </cell>
          <cell r="AD78" t="str">
            <v>平成18年5月26日(金)　14時10分</v>
          </cell>
          <cell r="AI78">
            <v>1</v>
          </cell>
          <cell r="AJ78" t="str">
            <v>札幌川重車両エンジニアリング（株）</v>
          </cell>
          <cell r="AU78" t="str">
            <v>要</v>
          </cell>
          <cell r="AV78">
            <v>2830000</v>
          </cell>
          <cell r="AW78">
            <v>2971500</v>
          </cell>
          <cell r="AX78">
            <v>0</v>
          </cell>
          <cell r="AY78" t="str">
            <v>札幌川重車両エンジニアリング（株）</v>
          </cell>
          <cell r="AZ78">
            <v>2750000</v>
          </cell>
          <cell r="BA78">
            <v>2887500</v>
          </cell>
          <cell r="BB78">
            <v>137500</v>
          </cell>
          <cell r="BC78" t="str">
            <v>契約書</v>
          </cell>
          <cell r="BE78">
            <v>38866</v>
          </cell>
          <cell r="BF78" t="str">
            <v>しない</v>
          </cell>
          <cell r="BG78" t="str">
            <v>見積</v>
          </cell>
          <cell r="BH78">
            <v>0.9717314487632509</v>
          </cell>
          <cell r="BK78">
            <v>2830000</v>
          </cell>
          <cell r="BL78" t="str">
            <v xml:space="preserve"> </v>
          </cell>
          <cell r="BM78">
            <v>84000</v>
          </cell>
          <cell r="BN78">
            <v>0.9717314487632509</v>
          </cell>
        </row>
        <row r="79">
          <cell r="A79">
            <v>1040</v>
          </cell>
          <cell r="B79" t="str">
            <v>物品購入</v>
          </cell>
          <cell r="C79" t="str">
            <v>クランク軸</v>
          </cell>
          <cell r="D79">
            <v>38855</v>
          </cell>
          <cell r="E79" t="str">
            <v>特命</v>
          </cell>
          <cell r="G79">
            <v>894600</v>
          </cell>
          <cell r="I79">
            <v>1</v>
          </cell>
          <cell r="J79" t="str">
            <v>式</v>
          </cell>
          <cell r="K79" t="str">
            <v/>
          </cell>
          <cell r="L79">
            <v>894600</v>
          </cell>
          <cell r="M79" t="str">
            <v>特命</v>
          </cell>
          <cell r="N79" t="str">
            <v>高・営</v>
          </cell>
          <cell r="P79">
            <v>38926</v>
          </cell>
          <cell r="Q79" t="str">
            <v>壱</v>
          </cell>
          <cell r="R79" t="str">
            <v>無</v>
          </cell>
          <cell r="S79" t="str">
            <v>施設課</v>
          </cell>
          <cell r="T79" t="str">
            <v>丸山　貴弘</v>
          </cell>
          <cell r="U79">
            <v>2592</v>
          </cell>
          <cell r="V79" t="str">
            <v>課長</v>
          </cell>
          <cell r="W79" t="str">
            <v>なか１日</v>
          </cell>
          <cell r="X79" t="str">
            <v>特命</v>
          </cell>
          <cell r="Y79">
            <v>38860</v>
          </cell>
          <cell r="Z79">
            <v>38863</v>
          </cell>
          <cell r="AA79">
            <v>1420</v>
          </cell>
          <cell r="AB79" t="str">
            <v>交通局３階総務課（契約担当）</v>
          </cell>
          <cell r="AD79" t="str">
            <v>平成18年5月26日(金)　14時20分</v>
          </cell>
          <cell r="AI79">
            <v>1</v>
          </cell>
          <cell r="AJ79" t="str">
            <v>札幌川重車両エンジニアリング（株）</v>
          </cell>
          <cell r="AU79" t="str">
            <v>省略可</v>
          </cell>
          <cell r="AW79">
            <v>894600</v>
          </cell>
          <cell r="AX79">
            <v>1</v>
          </cell>
          <cell r="AY79" t="str">
            <v>札幌川重車両エンジニアリング（株）</v>
          </cell>
          <cell r="AZ79">
            <v>850000</v>
          </cell>
          <cell r="BA79">
            <v>892500</v>
          </cell>
          <cell r="BB79">
            <v>42500</v>
          </cell>
          <cell r="BC79" t="str">
            <v>請書</v>
          </cell>
          <cell r="BE79">
            <v>38866</v>
          </cell>
          <cell r="BF79" t="str">
            <v>しない</v>
          </cell>
          <cell r="BG79" t="str">
            <v>見積</v>
          </cell>
          <cell r="BH79">
            <v>0.99765258215962438</v>
          </cell>
          <cell r="BK79">
            <v>852000</v>
          </cell>
          <cell r="BL79" t="str">
            <v xml:space="preserve"> </v>
          </cell>
          <cell r="BM79">
            <v>2100</v>
          </cell>
          <cell r="BN79">
            <v>0.99765258215962438</v>
          </cell>
        </row>
        <row r="80">
          <cell r="A80">
            <v>7028</v>
          </cell>
          <cell r="B80" t="str">
            <v>業務委託</v>
          </cell>
          <cell r="C80" t="str">
            <v>地下埋設タンク漏洩検査</v>
          </cell>
          <cell r="D80">
            <v>38855</v>
          </cell>
          <cell r="G80">
            <v>1303050</v>
          </cell>
          <cell r="I80">
            <v>1</v>
          </cell>
          <cell r="J80" t="str">
            <v>式</v>
          </cell>
          <cell r="K80" t="str">
            <v/>
          </cell>
          <cell r="L80">
            <v>1303050</v>
          </cell>
          <cell r="M80" t="str">
            <v>入札</v>
          </cell>
          <cell r="N80" t="str">
            <v>高・営</v>
          </cell>
          <cell r="O80">
            <v>38869</v>
          </cell>
          <cell r="P80">
            <v>38960</v>
          </cell>
          <cell r="Q80" t="str">
            <v>壱</v>
          </cell>
          <cell r="R80" t="str">
            <v>無</v>
          </cell>
          <cell r="S80" t="str">
            <v>施設課</v>
          </cell>
          <cell r="T80" t="str">
            <v>平野　重喜</v>
          </cell>
          <cell r="U80">
            <v>2527</v>
          </cell>
          <cell r="V80" t="str">
            <v>部長</v>
          </cell>
          <cell r="W80" t="str">
            <v>なか１日</v>
          </cell>
          <cell r="X80" t="str">
            <v>入札</v>
          </cell>
          <cell r="Y80">
            <v>38861</v>
          </cell>
          <cell r="Z80">
            <v>38867</v>
          </cell>
          <cell r="AA80">
            <v>1100</v>
          </cell>
          <cell r="AB80" t="str">
            <v>交通局５階入札室</v>
          </cell>
          <cell r="AD80" t="str">
            <v>平成18年5月30日(火)　11時00分</v>
          </cell>
          <cell r="AE80" t="str">
            <v>サービス業</v>
          </cell>
          <cell r="AF80" t="str">
            <v>その他サービス業</v>
          </cell>
          <cell r="AG80" t="str">
            <v>他に分類されないサービス業</v>
          </cell>
          <cell r="AH80" t="str">
            <v>-</v>
          </cell>
          <cell r="AI80">
            <v>3</v>
          </cell>
          <cell r="AJ80" t="str">
            <v>㈱オービーディー</v>
          </cell>
          <cell r="AK80" t="str">
            <v>（協業）公清企業</v>
          </cell>
          <cell r="AL80" t="str">
            <v>北海道検査センター㈱</v>
          </cell>
          <cell r="AU80" t="str">
            <v>要</v>
          </cell>
          <cell r="AV80">
            <v>1240000</v>
          </cell>
          <cell r="AW80">
            <v>1302000</v>
          </cell>
          <cell r="AX80">
            <v>8.058017727639033E-4</v>
          </cell>
          <cell r="AY80" t="str">
            <v>㈱オービーディー</v>
          </cell>
          <cell r="AZ80">
            <v>619500</v>
          </cell>
          <cell r="BA80">
            <v>650475</v>
          </cell>
          <cell r="BB80">
            <v>30975</v>
          </cell>
          <cell r="BC80" t="str">
            <v>契約書</v>
          </cell>
          <cell r="BE80">
            <v>38868</v>
          </cell>
          <cell r="BF80" t="str">
            <v>しない</v>
          </cell>
          <cell r="BG80" t="str">
            <v>入  札</v>
          </cell>
          <cell r="BH80">
            <v>0.49959677419354837</v>
          </cell>
          <cell r="BK80">
            <v>1241000</v>
          </cell>
          <cell r="BL80" t="str">
            <v xml:space="preserve"> </v>
          </cell>
          <cell r="BM80">
            <v>652575</v>
          </cell>
          <cell r="BN80">
            <v>0.4991941982272361</v>
          </cell>
        </row>
        <row r="81">
          <cell r="A81">
            <v>1041</v>
          </cell>
          <cell r="B81" t="str">
            <v>物品購入</v>
          </cell>
          <cell r="C81" t="str">
            <v>トイレ部品</v>
          </cell>
          <cell r="D81">
            <v>38856</v>
          </cell>
          <cell r="G81">
            <v>481200</v>
          </cell>
          <cell r="I81">
            <v>1</v>
          </cell>
          <cell r="J81" t="str">
            <v>式</v>
          </cell>
          <cell r="K81" t="str">
            <v/>
          </cell>
          <cell r="L81">
            <v>481200</v>
          </cell>
          <cell r="M81" t="str">
            <v>公開</v>
          </cell>
          <cell r="N81" t="str">
            <v>高・営</v>
          </cell>
          <cell r="P81">
            <v>38929</v>
          </cell>
          <cell r="Q81" t="str">
            <v>壱</v>
          </cell>
          <cell r="R81" t="str">
            <v>無</v>
          </cell>
          <cell r="S81" t="str">
            <v>施設課</v>
          </cell>
          <cell r="T81" t="str">
            <v>岡島　昌仁</v>
          </cell>
          <cell r="U81">
            <v>2522</v>
          </cell>
          <cell r="V81" t="str">
            <v>課長</v>
          </cell>
          <cell r="W81" t="str">
            <v>なか１日</v>
          </cell>
          <cell r="X81" t="str">
            <v>公開</v>
          </cell>
          <cell r="Y81">
            <v>38862</v>
          </cell>
          <cell r="Z81">
            <v>38862</v>
          </cell>
          <cell r="AB81" t="str">
            <v>交通局３階総務課（契約担当）</v>
          </cell>
          <cell r="AD81" t="e">
            <v>#VALUE!</v>
          </cell>
          <cell r="AI81">
            <v>3</v>
          </cell>
          <cell r="AJ81" t="str">
            <v>（株）新六商店</v>
          </cell>
          <cell r="AK81" t="str">
            <v>（株）大興商事</v>
          </cell>
          <cell r="AL81" t="str">
            <v>理興産業（株）</v>
          </cell>
          <cell r="AU81" t="str">
            <v>省略可</v>
          </cell>
          <cell r="AW81">
            <v>481200</v>
          </cell>
          <cell r="AX81">
            <v>1</v>
          </cell>
          <cell r="AY81" t="str">
            <v>理興産業（株）</v>
          </cell>
          <cell r="AZ81">
            <v>378773</v>
          </cell>
          <cell r="BA81">
            <v>397711</v>
          </cell>
          <cell r="BB81">
            <v>18938</v>
          </cell>
          <cell r="BC81" t="str">
            <v>発注書</v>
          </cell>
          <cell r="BE81">
            <v>38863</v>
          </cell>
          <cell r="BF81" t="str">
            <v>しない</v>
          </cell>
          <cell r="BG81" t="str">
            <v>見積(公開)</v>
          </cell>
          <cell r="BH81">
            <v>0.82649833748960932</v>
          </cell>
          <cell r="BK81">
            <v>458285.71428571426</v>
          </cell>
          <cell r="BL81" t="str">
            <v xml:space="preserve"> </v>
          </cell>
          <cell r="BM81">
            <v>83489</v>
          </cell>
          <cell r="BN81">
            <v>0.82649833748960932</v>
          </cell>
        </row>
        <row r="82">
          <cell r="A82">
            <v>1042</v>
          </cell>
          <cell r="B82" t="str">
            <v>物品購入</v>
          </cell>
          <cell r="C82" t="str">
            <v>弁類</v>
          </cell>
          <cell r="D82">
            <v>38856</v>
          </cell>
          <cell r="G82">
            <v>740419</v>
          </cell>
          <cell r="I82">
            <v>1</v>
          </cell>
          <cell r="J82" t="str">
            <v>式</v>
          </cell>
          <cell r="K82" t="str">
            <v/>
          </cell>
          <cell r="L82">
            <v>740419</v>
          </cell>
          <cell r="M82" t="str">
            <v>公開</v>
          </cell>
          <cell r="N82" t="str">
            <v>高・営</v>
          </cell>
          <cell r="P82">
            <v>38905</v>
          </cell>
          <cell r="Q82" t="str">
            <v>壱</v>
          </cell>
          <cell r="R82" t="str">
            <v>無</v>
          </cell>
          <cell r="S82" t="str">
            <v>施設課</v>
          </cell>
          <cell r="T82" t="str">
            <v>岡島　昌仁</v>
          </cell>
          <cell r="U82">
            <v>2522</v>
          </cell>
          <cell r="V82" t="str">
            <v>課長</v>
          </cell>
          <cell r="W82" t="str">
            <v>なか１日</v>
          </cell>
          <cell r="X82" t="str">
            <v>公開</v>
          </cell>
          <cell r="Y82">
            <v>38862</v>
          </cell>
          <cell r="Z82">
            <v>38862</v>
          </cell>
          <cell r="AB82" t="str">
            <v>交通局３階総務課（契約担当）</v>
          </cell>
          <cell r="AD82" t="e">
            <v>#VALUE!</v>
          </cell>
          <cell r="AI82">
            <v>3</v>
          </cell>
          <cell r="AJ82" t="str">
            <v>（株）新六商店</v>
          </cell>
          <cell r="AK82" t="str">
            <v>向野商事（株）</v>
          </cell>
          <cell r="AL82" t="str">
            <v>理興産業（株）</v>
          </cell>
          <cell r="AM82" t="str">
            <v>（株）渡商</v>
          </cell>
          <cell r="AU82" t="str">
            <v>省略可</v>
          </cell>
          <cell r="AW82">
            <v>740419</v>
          </cell>
          <cell r="AX82">
            <v>1</v>
          </cell>
          <cell r="AY82" t="str">
            <v>向野商事（株）</v>
          </cell>
          <cell r="AZ82">
            <v>540000</v>
          </cell>
          <cell r="BA82">
            <v>567000</v>
          </cell>
          <cell r="BB82">
            <v>27000</v>
          </cell>
          <cell r="BC82" t="str">
            <v>請書</v>
          </cell>
          <cell r="BE82">
            <v>38866</v>
          </cell>
          <cell r="BF82" t="str">
            <v>しない</v>
          </cell>
          <cell r="BG82" t="str">
            <v>見積(公開)</v>
          </cell>
          <cell r="BH82">
            <v>0.76578261767998934</v>
          </cell>
          <cell r="BK82">
            <v>705160.95238095231</v>
          </cell>
          <cell r="BL82" t="str">
            <v xml:space="preserve"> </v>
          </cell>
          <cell r="BM82">
            <v>173419</v>
          </cell>
          <cell r="BN82">
            <v>0.76578261767998934</v>
          </cell>
        </row>
        <row r="83">
          <cell r="A83">
            <v>1043</v>
          </cell>
          <cell r="B83" t="str">
            <v>物品購入</v>
          </cell>
          <cell r="C83" t="str">
            <v>犬釘　他</v>
          </cell>
          <cell r="D83">
            <v>38856</v>
          </cell>
          <cell r="G83">
            <v>334950</v>
          </cell>
          <cell r="I83">
            <v>1</v>
          </cell>
          <cell r="J83" t="str">
            <v>式</v>
          </cell>
          <cell r="K83" t="str">
            <v/>
          </cell>
          <cell r="L83">
            <v>334950</v>
          </cell>
          <cell r="M83" t="str">
            <v>公開</v>
          </cell>
          <cell r="N83" t="str">
            <v>軌・営</v>
          </cell>
          <cell r="P83">
            <v>38877</v>
          </cell>
          <cell r="Q83" t="str">
            <v>壱</v>
          </cell>
          <cell r="R83" t="str">
            <v>無</v>
          </cell>
          <cell r="S83" t="str">
            <v>電車事業所</v>
          </cell>
          <cell r="T83" t="str">
            <v>須藤　誠一</v>
          </cell>
          <cell r="U83">
            <v>2933</v>
          </cell>
          <cell r="V83" t="str">
            <v>課長</v>
          </cell>
          <cell r="W83" t="str">
            <v>なか１日</v>
          </cell>
          <cell r="X83" t="str">
            <v>公開</v>
          </cell>
          <cell r="Y83">
            <v>38862</v>
          </cell>
          <cell r="Z83">
            <v>38862</v>
          </cell>
          <cell r="AB83" t="str">
            <v>交通局３階総務課（契約担当）</v>
          </cell>
          <cell r="AD83" t="e">
            <v>#VALUE!</v>
          </cell>
          <cell r="AI83">
            <v>3</v>
          </cell>
          <cell r="AJ83" t="str">
            <v>（株）オオウラ</v>
          </cell>
          <cell r="AK83" t="str">
            <v>（株）北海道ジェイ・アール商事</v>
          </cell>
          <cell r="AU83" t="str">
            <v>省略可</v>
          </cell>
          <cell r="AW83">
            <v>334950</v>
          </cell>
          <cell r="AX83">
            <v>1</v>
          </cell>
          <cell r="AY83" t="str">
            <v>（株）オオウラ</v>
          </cell>
          <cell r="AZ83">
            <v>307600</v>
          </cell>
          <cell r="BA83">
            <v>322980</v>
          </cell>
          <cell r="BB83">
            <v>15380</v>
          </cell>
          <cell r="BC83" t="str">
            <v>発注書</v>
          </cell>
          <cell r="BE83">
            <v>38863</v>
          </cell>
          <cell r="BF83" t="str">
            <v>しない</v>
          </cell>
          <cell r="BG83" t="str">
            <v>見積(公開)</v>
          </cell>
          <cell r="BH83">
            <v>0.96426332288401251</v>
          </cell>
          <cell r="BK83">
            <v>319000</v>
          </cell>
          <cell r="BL83" t="str">
            <v xml:space="preserve"> </v>
          </cell>
          <cell r="BM83">
            <v>11970</v>
          </cell>
          <cell r="BN83">
            <v>0.96426332288401251</v>
          </cell>
        </row>
        <row r="84">
          <cell r="A84">
            <v>7029</v>
          </cell>
          <cell r="B84" t="str">
            <v>業務委託</v>
          </cell>
          <cell r="C84" t="str">
            <v>地上デジタル放送受信障害地域調査業務</v>
          </cell>
          <cell r="D84">
            <v>38856</v>
          </cell>
          <cell r="E84" t="str">
            <v>特命</v>
          </cell>
          <cell r="G84">
            <v>907200</v>
          </cell>
          <cell r="I84">
            <v>1</v>
          </cell>
          <cell r="J84" t="str">
            <v>式</v>
          </cell>
          <cell r="K84" t="str">
            <v/>
          </cell>
          <cell r="L84">
            <v>907200</v>
          </cell>
          <cell r="M84" t="str">
            <v>特命</v>
          </cell>
          <cell r="N84" t="str">
            <v>高・営</v>
          </cell>
          <cell r="O84">
            <v>38868</v>
          </cell>
          <cell r="P84">
            <v>38929</v>
          </cell>
          <cell r="Q84" t="str">
            <v>壱</v>
          </cell>
          <cell r="R84" t="str">
            <v>無</v>
          </cell>
          <cell r="S84" t="str">
            <v>施設課</v>
          </cell>
          <cell r="T84" t="str">
            <v>佐藤　博</v>
          </cell>
          <cell r="U84">
            <v>2531</v>
          </cell>
          <cell r="V84" t="str">
            <v>部長</v>
          </cell>
          <cell r="W84" t="str">
            <v>なか１日</v>
          </cell>
          <cell r="X84" t="str">
            <v>特命</v>
          </cell>
          <cell r="Y84">
            <v>38862</v>
          </cell>
          <cell r="Z84">
            <v>38866</v>
          </cell>
          <cell r="AA84">
            <v>1400</v>
          </cell>
          <cell r="AB84" t="str">
            <v>交通局３階総務課（契約担当）</v>
          </cell>
          <cell r="AD84" t="str">
            <v>平成18年5月29日(月)　14時00分</v>
          </cell>
          <cell r="AI84">
            <v>1</v>
          </cell>
          <cell r="AJ84" t="str">
            <v>（株）エヌエイチケイアイテック札幌支社</v>
          </cell>
          <cell r="AU84" t="str">
            <v>省略可</v>
          </cell>
          <cell r="AW84">
            <v>907200</v>
          </cell>
          <cell r="AX84">
            <v>1</v>
          </cell>
          <cell r="AY84" t="str">
            <v>（株）エヌエイチケイアイテック札幌支社</v>
          </cell>
          <cell r="AZ84">
            <v>855000</v>
          </cell>
          <cell r="BA84">
            <v>897750</v>
          </cell>
          <cell r="BB84">
            <v>42750</v>
          </cell>
          <cell r="BC84" t="str">
            <v>契約書</v>
          </cell>
          <cell r="BE84">
            <v>38867</v>
          </cell>
          <cell r="BF84" t="str">
            <v>しない</v>
          </cell>
          <cell r="BG84" t="str">
            <v>見積</v>
          </cell>
          <cell r="BH84">
            <v>0.98958333333333337</v>
          </cell>
          <cell r="BK84">
            <v>864000</v>
          </cell>
          <cell r="BL84" t="str">
            <v xml:space="preserve"> </v>
          </cell>
          <cell r="BM84">
            <v>9450</v>
          </cell>
          <cell r="BN84">
            <v>0.98958333333333337</v>
          </cell>
        </row>
        <row r="85">
          <cell r="A85">
            <v>1044</v>
          </cell>
          <cell r="B85" t="str">
            <v>物品購入</v>
          </cell>
          <cell r="C85" t="str">
            <v>ＡＴＣ受信装置他</v>
          </cell>
          <cell r="D85">
            <v>38856</v>
          </cell>
          <cell r="E85" t="str">
            <v>特命</v>
          </cell>
          <cell r="G85">
            <v>75744900</v>
          </cell>
          <cell r="I85">
            <v>1</v>
          </cell>
          <cell r="J85" t="str">
            <v>式</v>
          </cell>
          <cell r="K85" t="str">
            <v/>
          </cell>
          <cell r="L85">
            <v>75744900</v>
          </cell>
          <cell r="M85" t="str">
            <v>特命</v>
          </cell>
          <cell r="N85" t="str">
            <v>高・建改</v>
          </cell>
          <cell r="P85">
            <v>39113</v>
          </cell>
          <cell r="Q85" t="str">
            <v>壱</v>
          </cell>
          <cell r="R85" t="str">
            <v>無</v>
          </cell>
          <cell r="S85" t="str">
            <v>車両課(二十四軒)</v>
          </cell>
          <cell r="T85" t="str">
            <v>斉藤　政美</v>
          </cell>
          <cell r="U85">
            <v>8206</v>
          </cell>
          <cell r="V85" t="str">
            <v>管理者</v>
          </cell>
          <cell r="W85" t="str">
            <v>なか１０日</v>
          </cell>
          <cell r="X85" t="str">
            <v>特命</v>
          </cell>
          <cell r="Y85">
            <v>38867</v>
          </cell>
          <cell r="Z85">
            <v>38873</v>
          </cell>
          <cell r="AA85">
            <v>1400</v>
          </cell>
          <cell r="AB85" t="str">
            <v>交通局３階総務課（契約担当）</v>
          </cell>
          <cell r="AD85" t="str">
            <v>平成18年6月5日(月)　14時00分</v>
          </cell>
          <cell r="AI85">
            <v>1</v>
          </cell>
          <cell r="AJ85" t="str">
            <v>日本信号（株）北海道支店</v>
          </cell>
          <cell r="AU85" t="str">
            <v>要</v>
          </cell>
          <cell r="AV85">
            <v>72000000</v>
          </cell>
          <cell r="AW85">
            <v>75600000</v>
          </cell>
          <cell r="AX85">
            <v>1.9130000831739657E-3</v>
          </cell>
          <cell r="AY85" t="str">
            <v>日本信号（株）北海道支店</v>
          </cell>
          <cell r="AZ85">
            <v>71460000</v>
          </cell>
          <cell r="BA85">
            <v>75033000</v>
          </cell>
          <cell r="BB85">
            <v>3573000</v>
          </cell>
          <cell r="BC85" t="str">
            <v>契約書</v>
          </cell>
          <cell r="BE85">
            <v>38874</v>
          </cell>
          <cell r="BF85" t="str">
            <v>する</v>
          </cell>
          <cell r="BG85" t="str">
            <v>見積</v>
          </cell>
          <cell r="BH85">
            <v>0.99250000000000005</v>
          </cell>
          <cell r="BK85">
            <v>72138000</v>
          </cell>
          <cell r="BL85" t="str">
            <v xml:space="preserve"> </v>
          </cell>
          <cell r="BM85">
            <v>711900</v>
          </cell>
          <cell r="BN85">
            <v>0.99060134741744987</v>
          </cell>
        </row>
        <row r="86">
          <cell r="A86">
            <v>1045</v>
          </cell>
          <cell r="B86" t="str">
            <v>物品購入</v>
          </cell>
          <cell r="C86" t="str">
            <v>ＡＴＣ制御装置</v>
          </cell>
          <cell r="D86">
            <v>38856</v>
          </cell>
          <cell r="E86" t="str">
            <v>特命</v>
          </cell>
          <cell r="G86">
            <v>22522500</v>
          </cell>
          <cell r="I86">
            <v>1</v>
          </cell>
          <cell r="J86" t="str">
            <v>式</v>
          </cell>
          <cell r="K86" t="str">
            <v/>
          </cell>
          <cell r="L86">
            <v>22522500</v>
          </cell>
          <cell r="M86" t="str">
            <v>特命</v>
          </cell>
          <cell r="N86" t="str">
            <v>高・建改</v>
          </cell>
          <cell r="P86">
            <v>39141</v>
          </cell>
          <cell r="Q86" t="str">
            <v>壱</v>
          </cell>
          <cell r="R86" t="str">
            <v>無</v>
          </cell>
          <cell r="S86" t="str">
            <v>車両課(二十四軒)</v>
          </cell>
          <cell r="T86" t="str">
            <v>斉藤　政美</v>
          </cell>
          <cell r="U86">
            <v>8206</v>
          </cell>
          <cell r="V86" t="str">
            <v>管理者</v>
          </cell>
          <cell r="W86" t="str">
            <v>なか５日</v>
          </cell>
          <cell r="X86" t="str">
            <v>特命</v>
          </cell>
          <cell r="Y86">
            <v>38866</v>
          </cell>
          <cell r="Z86">
            <v>38869</v>
          </cell>
          <cell r="AA86">
            <v>1400</v>
          </cell>
          <cell r="AB86" t="str">
            <v>交通局３階総務課（契約担当）</v>
          </cell>
          <cell r="AD86" t="str">
            <v>平成18年6月1日(木)　14時00分</v>
          </cell>
          <cell r="AI86">
            <v>1</v>
          </cell>
          <cell r="AJ86" t="str">
            <v>（株）日立製作所北海道支社</v>
          </cell>
          <cell r="AU86" t="str">
            <v>要</v>
          </cell>
          <cell r="AV86">
            <v>21450000</v>
          </cell>
          <cell r="AW86">
            <v>22522500</v>
          </cell>
          <cell r="AX86">
            <v>0</v>
          </cell>
          <cell r="AY86" t="str">
            <v>（株）日立製作所北海道支社</v>
          </cell>
          <cell r="AZ86">
            <v>21000000</v>
          </cell>
          <cell r="BA86">
            <v>22050000</v>
          </cell>
          <cell r="BB86">
            <v>1050000</v>
          </cell>
          <cell r="BC86" t="str">
            <v>契約書</v>
          </cell>
          <cell r="BE86">
            <v>38870</v>
          </cell>
          <cell r="BF86" t="str">
            <v>する</v>
          </cell>
          <cell r="BG86" t="str">
            <v>見積</v>
          </cell>
          <cell r="BH86">
            <v>0.97902097902097907</v>
          </cell>
          <cell r="BK86">
            <v>21450000</v>
          </cell>
          <cell r="BL86" t="str">
            <v xml:space="preserve"> </v>
          </cell>
          <cell r="BM86">
            <v>472500</v>
          </cell>
          <cell r="BN86">
            <v>0.97902097902097907</v>
          </cell>
        </row>
        <row r="87">
          <cell r="A87">
            <v>1046</v>
          </cell>
          <cell r="B87" t="str">
            <v>物品購入</v>
          </cell>
          <cell r="C87" t="str">
            <v>車両用座席裏地</v>
          </cell>
          <cell r="D87">
            <v>38860</v>
          </cell>
          <cell r="G87">
            <v>748440</v>
          </cell>
          <cell r="I87">
            <v>1</v>
          </cell>
          <cell r="J87" t="str">
            <v>式</v>
          </cell>
          <cell r="K87" t="str">
            <v/>
          </cell>
          <cell r="L87">
            <v>748440</v>
          </cell>
          <cell r="M87" t="str">
            <v>公開</v>
          </cell>
          <cell r="N87" t="str">
            <v>高・営</v>
          </cell>
          <cell r="P87">
            <v>38933</v>
          </cell>
          <cell r="Q87" t="str">
            <v>壱</v>
          </cell>
          <cell r="R87" t="str">
            <v>無</v>
          </cell>
          <cell r="S87" t="str">
            <v>車両課(真駒内)</v>
          </cell>
          <cell r="T87" t="str">
            <v>阿部　光男</v>
          </cell>
          <cell r="U87">
            <v>8317</v>
          </cell>
          <cell r="V87" t="str">
            <v>課長</v>
          </cell>
          <cell r="W87" t="str">
            <v>なか１日</v>
          </cell>
          <cell r="X87" t="str">
            <v>公開</v>
          </cell>
          <cell r="Y87">
            <v>38869</v>
          </cell>
          <cell r="Z87">
            <v>38869</v>
          </cell>
          <cell r="AB87" t="str">
            <v>交通局３階総務課（契約担当）</v>
          </cell>
          <cell r="AD87" t="e">
            <v>#VALUE!</v>
          </cell>
          <cell r="AI87">
            <v>3</v>
          </cell>
          <cell r="AJ87" t="str">
            <v>潮物産（株）札幌支店</v>
          </cell>
          <cell r="AK87" t="str">
            <v>（株）ササキ札幌営業所</v>
          </cell>
          <cell r="AU87" t="str">
            <v>省略可</v>
          </cell>
          <cell r="AW87">
            <v>748440</v>
          </cell>
          <cell r="AX87">
            <v>1</v>
          </cell>
          <cell r="AY87" t="str">
            <v>（株）ササキ札幌営業所</v>
          </cell>
          <cell r="AZ87">
            <v>709200</v>
          </cell>
          <cell r="BA87">
            <v>744660</v>
          </cell>
          <cell r="BB87">
            <v>35460</v>
          </cell>
          <cell r="BC87" t="str">
            <v>請書</v>
          </cell>
          <cell r="BE87">
            <v>38874</v>
          </cell>
          <cell r="BF87" t="str">
            <v>しない</v>
          </cell>
          <cell r="BG87" t="str">
            <v>見積(公開)</v>
          </cell>
          <cell r="BH87">
            <v>0.99494949494949492</v>
          </cell>
          <cell r="BK87">
            <v>712800</v>
          </cell>
          <cell r="BL87" t="str">
            <v xml:space="preserve"> </v>
          </cell>
          <cell r="BM87">
            <v>3780</v>
          </cell>
          <cell r="BN87">
            <v>0.99494949494949492</v>
          </cell>
        </row>
        <row r="88">
          <cell r="A88">
            <v>1047</v>
          </cell>
          <cell r="B88" t="str">
            <v>物品購入</v>
          </cell>
          <cell r="C88" t="str">
            <v>管付属品類</v>
          </cell>
          <cell r="D88">
            <v>38860</v>
          </cell>
          <cell r="G88">
            <v>549524</v>
          </cell>
          <cell r="I88">
            <v>1</v>
          </cell>
          <cell r="J88" t="str">
            <v>式</v>
          </cell>
          <cell r="K88" t="str">
            <v/>
          </cell>
          <cell r="L88">
            <v>549524</v>
          </cell>
          <cell r="M88" t="str">
            <v>公開</v>
          </cell>
          <cell r="N88" t="str">
            <v>高・営</v>
          </cell>
          <cell r="P88">
            <v>38912</v>
          </cell>
          <cell r="Q88" t="str">
            <v>壱</v>
          </cell>
          <cell r="R88" t="str">
            <v>無</v>
          </cell>
          <cell r="S88" t="str">
            <v>施設課</v>
          </cell>
          <cell r="T88" t="str">
            <v>岡島　昌仁</v>
          </cell>
          <cell r="U88">
            <v>2522</v>
          </cell>
          <cell r="V88" t="str">
            <v>課長</v>
          </cell>
          <cell r="W88" t="str">
            <v>なか１日</v>
          </cell>
          <cell r="X88" t="str">
            <v>公開</v>
          </cell>
          <cell r="Y88">
            <v>38869</v>
          </cell>
          <cell r="Z88">
            <v>38869</v>
          </cell>
          <cell r="AB88" t="str">
            <v>交通局３階総務課（契約担当）</v>
          </cell>
          <cell r="AD88" t="e">
            <v>#VALUE!</v>
          </cell>
          <cell r="AI88">
            <v>3</v>
          </cell>
          <cell r="AJ88" t="str">
            <v>向野商事（株）</v>
          </cell>
          <cell r="AK88" t="str">
            <v>（株）新六商店</v>
          </cell>
          <cell r="AL88" t="str">
            <v>理興産業（株）</v>
          </cell>
          <cell r="AM88" t="str">
            <v>（株）渡商</v>
          </cell>
          <cell r="AU88" t="str">
            <v>省略可</v>
          </cell>
          <cell r="AW88">
            <v>549524</v>
          </cell>
          <cell r="AX88">
            <v>1</v>
          </cell>
          <cell r="AY88" t="str">
            <v>（株）新六商店</v>
          </cell>
          <cell r="AZ88">
            <v>348974</v>
          </cell>
          <cell r="BA88">
            <v>366422</v>
          </cell>
          <cell r="BB88">
            <v>17448</v>
          </cell>
          <cell r="BC88" t="str">
            <v>発注書</v>
          </cell>
          <cell r="BE88">
            <v>38870</v>
          </cell>
          <cell r="BF88" t="str">
            <v>しない</v>
          </cell>
          <cell r="BG88" t="str">
            <v>見積(公開)</v>
          </cell>
          <cell r="BH88">
            <v>0.66679890232273753</v>
          </cell>
          <cell r="BK88">
            <v>523356.19047619047</v>
          </cell>
          <cell r="BL88" t="str">
            <v xml:space="preserve"> </v>
          </cell>
          <cell r="BM88">
            <v>183102</v>
          </cell>
          <cell r="BN88">
            <v>0.66679890232273753</v>
          </cell>
        </row>
        <row r="89">
          <cell r="A89">
            <v>1048</v>
          </cell>
          <cell r="B89" t="str">
            <v>物品購入</v>
          </cell>
          <cell r="C89" t="str">
            <v>接着剤・塗料類</v>
          </cell>
          <cell r="D89">
            <v>38860</v>
          </cell>
          <cell r="G89">
            <v>747097</v>
          </cell>
          <cell r="I89">
            <v>1</v>
          </cell>
          <cell r="J89" t="str">
            <v>式</v>
          </cell>
          <cell r="K89" t="str">
            <v/>
          </cell>
          <cell r="L89">
            <v>747097</v>
          </cell>
          <cell r="M89" t="str">
            <v>公開</v>
          </cell>
          <cell r="N89" t="str">
            <v>高・営</v>
          </cell>
          <cell r="P89">
            <v>38912</v>
          </cell>
          <cell r="Q89" t="str">
            <v>壱</v>
          </cell>
          <cell r="R89" t="str">
            <v>無</v>
          </cell>
          <cell r="S89" t="str">
            <v>施設課</v>
          </cell>
          <cell r="T89" t="str">
            <v>岡島　昌仁</v>
          </cell>
          <cell r="U89">
            <v>2522</v>
          </cell>
          <cell r="V89" t="str">
            <v>課長</v>
          </cell>
          <cell r="W89" t="str">
            <v>なか１日</v>
          </cell>
          <cell r="X89" t="str">
            <v>公開</v>
          </cell>
          <cell r="Y89">
            <v>38869</v>
          </cell>
          <cell r="Z89">
            <v>38869</v>
          </cell>
          <cell r="AB89" t="str">
            <v>交通局３階総務課（契約担当）</v>
          </cell>
          <cell r="AD89" t="e">
            <v>#VALUE!</v>
          </cell>
          <cell r="AI89">
            <v>3</v>
          </cell>
          <cell r="AJ89" t="str">
            <v>理興産業（株）</v>
          </cell>
          <cell r="AU89" t="str">
            <v>省略可</v>
          </cell>
          <cell r="AW89">
            <v>747097</v>
          </cell>
          <cell r="AX89">
            <v>1</v>
          </cell>
          <cell r="AY89" t="str">
            <v>理興産業（株）</v>
          </cell>
          <cell r="AZ89">
            <v>613622</v>
          </cell>
          <cell r="BA89">
            <v>644303</v>
          </cell>
          <cell r="BB89">
            <v>30681</v>
          </cell>
          <cell r="BC89" t="str">
            <v>請書</v>
          </cell>
          <cell r="BE89">
            <v>38873</v>
          </cell>
          <cell r="BF89" t="str">
            <v>しない</v>
          </cell>
          <cell r="BG89" t="str">
            <v>見積(公開)</v>
          </cell>
          <cell r="BH89">
            <v>0.86240876352066731</v>
          </cell>
          <cell r="BK89">
            <v>711520.95238095231</v>
          </cell>
          <cell r="BL89" t="str">
            <v xml:space="preserve"> </v>
          </cell>
          <cell r="BM89">
            <v>102794</v>
          </cell>
          <cell r="BN89">
            <v>0.86240876352066731</v>
          </cell>
        </row>
        <row r="90">
          <cell r="A90">
            <v>1049</v>
          </cell>
          <cell r="B90" t="str">
            <v>物品購入</v>
          </cell>
          <cell r="C90" t="str">
            <v>故障監視装置保守部品その１</v>
          </cell>
          <cell r="D90">
            <v>38860</v>
          </cell>
          <cell r="G90">
            <v>235200</v>
          </cell>
          <cell r="I90">
            <v>1</v>
          </cell>
          <cell r="J90" t="str">
            <v>式</v>
          </cell>
          <cell r="K90" t="str">
            <v/>
          </cell>
          <cell r="L90">
            <v>235200</v>
          </cell>
          <cell r="M90" t="str">
            <v>公開</v>
          </cell>
          <cell r="N90" t="str">
            <v>高・営</v>
          </cell>
          <cell r="P90">
            <v>38898</v>
          </cell>
          <cell r="Q90" t="str">
            <v>壱</v>
          </cell>
          <cell r="R90" t="str">
            <v>無</v>
          </cell>
          <cell r="S90" t="str">
            <v>電気課</v>
          </cell>
          <cell r="T90" t="str">
            <v>伊藤　弘</v>
          </cell>
          <cell r="U90">
            <v>2646</v>
          </cell>
          <cell r="V90" t="str">
            <v>課長</v>
          </cell>
          <cell r="W90" t="str">
            <v>なか１日</v>
          </cell>
          <cell r="X90" t="str">
            <v>公開</v>
          </cell>
          <cell r="Y90">
            <v>38869</v>
          </cell>
          <cell r="Z90">
            <v>38869</v>
          </cell>
          <cell r="AB90" t="str">
            <v>交通局３階総務課（契約担当）</v>
          </cell>
          <cell r="AD90" t="e">
            <v>#VALUE!</v>
          </cell>
          <cell r="AI90">
            <v>3</v>
          </cell>
          <cell r="AJ90" t="str">
            <v>（株）エミヤ</v>
          </cell>
          <cell r="AK90" t="str">
            <v>富士通サポートアンドサービス（株）北海道支社</v>
          </cell>
          <cell r="AL90" t="str">
            <v>理興産業（株）</v>
          </cell>
          <cell r="AM90" t="str">
            <v>（株）渡商</v>
          </cell>
          <cell r="AU90" t="str">
            <v>省略可</v>
          </cell>
          <cell r="AW90">
            <v>235200</v>
          </cell>
          <cell r="AX90">
            <v>1</v>
          </cell>
          <cell r="AY90" t="str">
            <v>（株）渡商</v>
          </cell>
          <cell r="AZ90">
            <v>177440</v>
          </cell>
          <cell r="BA90">
            <v>186312</v>
          </cell>
          <cell r="BB90">
            <v>8872</v>
          </cell>
          <cell r="BC90" t="str">
            <v>発注書</v>
          </cell>
          <cell r="BE90">
            <v>38870</v>
          </cell>
          <cell r="BF90" t="str">
            <v>しない</v>
          </cell>
          <cell r="BG90" t="str">
            <v>見積(公開)</v>
          </cell>
          <cell r="BH90">
            <v>0.79214285714285715</v>
          </cell>
          <cell r="BK90">
            <v>224000</v>
          </cell>
          <cell r="BL90" t="str">
            <v xml:space="preserve"> </v>
          </cell>
          <cell r="BM90">
            <v>48888</v>
          </cell>
          <cell r="BN90">
            <v>0.79214285714285715</v>
          </cell>
        </row>
        <row r="91">
          <cell r="A91">
            <v>7030</v>
          </cell>
          <cell r="B91" t="str">
            <v>業務委託</v>
          </cell>
          <cell r="C91" t="str">
            <v>宮の沢駅案内表示器子機移設</v>
          </cell>
          <cell r="D91">
            <v>38860</v>
          </cell>
          <cell r="E91" t="str">
            <v>特命</v>
          </cell>
          <cell r="G91">
            <v>1430100</v>
          </cell>
          <cell r="I91">
            <v>1</v>
          </cell>
          <cell r="J91" t="str">
            <v>式</v>
          </cell>
          <cell r="K91" t="str">
            <v/>
          </cell>
          <cell r="L91">
            <v>1430100</v>
          </cell>
          <cell r="M91" t="str">
            <v>特命</v>
          </cell>
          <cell r="N91" t="str">
            <v>高・営</v>
          </cell>
          <cell r="O91">
            <v>38873</v>
          </cell>
          <cell r="P91">
            <v>39020</v>
          </cell>
          <cell r="Q91" t="str">
            <v>壱</v>
          </cell>
          <cell r="R91" t="str">
            <v>無</v>
          </cell>
          <cell r="S91" t="str">
            <v>電気課</v>
          </cell>
          <cell r="T91" t="str">
            <v>桜庭　常夫</v>
          </cell>
          <cell r="U91">
            <v>2643</v>
          </cell>
          <cell r="V91" t="str">
            <v>部長</v>
          </cell>
          <cell r="W91" t="str">
            <v>なか１日</v>
          </cell>
          <cell r="X91" t="str">
            <v>特命</v>
          </cell>
          <cell r="Y91">
            <v>38866</v>
          </cell>
          <cell r="Z91">
            <v>38867</v>
          </cell>
          <cell r="AA91">
            <v>1430</v>
          </cell>
          <cell r="AB91" t="str">
            <v>交通局３階総務課（契約担当）</v>
          </cell>
          <cell r="AD91" t="str">
            <v>平成18年5月30日(火)　14時30分</v>
          </cell>
          <cell r="AI91">
            <v>1</v>
          </cell>
          <cell r="AJ91" t="str">
            <v>パナソニックＳＳエンジニアリング（株）北海道ＰＳＳＥ社</v>
          </cell>
          <cell r="AU91" t="str">
            <v>要</v>
          </cell>
          <cell r="AV91">
            <v>1360000</v>
          </cell>
          <cell r="AW91">
            <v>1428000</v>
          </cell>
          <cell r="AX91">
            <v>1.468428781204123E-3</v>
          </cell>
          <cell r="AY91" t="str">
            <v>パナソニックＳＳエンジニアリング（株）北海道ＰＳＳＥ社</v>
          </cell>
          <cell r="AZ91">
            <v>1350000</v>
          </cell>
          <cell r="BA91">
            <v>1417500</v>
          </cell>
          <cell r="BB91">
            <v>67500</v>
          </cell>
          <cell r="BC91" t="str">
            <v>契約書</v>
          </cell>
          <cell r="BE91">
            <v>38869</v>
          </cell>
          <cell r="BF91" t="str">
            <v>しない</v>
          </cell>
          <cell r="BG91" t="str">
            <v>見積</v>
          </cell>
          <cell r="BH91">
            <v>0.99264705882352944</v>
          </cell>
          <cell r="BK91">
            <v>1362000</v>
          </cell>
          <cell r="BL91" t="str">
            <v xml:space="preserve"> </v>
          </cell>
          <cell r="BM91">
            <v>12600</v>
          </cell>
          <cell r="BN91">
            <v>0.99118942731277537</v>
          </cell>
        </row>
        <row r="92">
          <cell r="A92">
            <v>1050</v>
          </cell>
          <cell r="B92" t="str">
            <v>物品購入</v>
          </cell>
          <cell r="C92" t="str">
            <v>２３６号リレー</v>
          </cell>
          <cell r="D92">
            <v>38862</v>
          </cell>
          <cell r="G92">
            <v>1019550</v>
          </cell>
          <cell r="I92">
            <v>1</v>
          </cell>
          <cell r="J92" t="str">
            <v>式</v>
          </cell>
          <cell r="K92" t="str">
            <v/>
          </cell>
          <cell r="L92">
            <v>1019550</v>
          </cell>
          <cell r="M92" t="str">
            <v>公開</v>
          </cell>
          <cell r="N92" t="str">
            <v>高・営</v>
          </cell>
          <cell r="P92">
            <v>39021</v>
          </cell>
          <cell r="Q92" t="str">
            <v>壱</v>
          </cell>
          <cell r="R92" t="str">
            <v>無</v>
          </cell>
          <cell r="S92" t="str">
            <v>車両課(二十四軒)</v>
          </cell>
          <cell r="T92" t="str">
            <v>川村　幸一</v>
          </cell>
          <cell r="U92">
            <v>8204</v>
          </cell>
          <cell r="V92" t="str">
            <v>課長</v>
          </cell>
          <cell r="W92" t="str">
            <v>なか１日</v>
          </cell>
          <cell r="X92" t="str">
            <v>公開</v>
          </cell>
          <cell r="Y92">
            <v>38869</v>
          </cell>
          <cell r="Z92">
            <v>38869</v>
          </cell>
          <cell r="AB92" t="str">
            <v>交通局３階総務課（契約担当）</v>
          </cell>
          <cell r="AD92" t="e">
            <v>#VALUE!</v>
          </cell>
          <cell r="AI92">
            <v>3</v>
          </cell>
          <cell r="AJ92" t="str">
            <v>（株）イザワ</v>
          </cell>
          <cell r="AK92" t="str">
            <v>（株）大興商事</v>
          </cell>
          <cell r="AL92" t="str">
            <v>理興産業（株）</v>
          </cell>
          <cell r="AM92" t="str">
            <v>（株）渡商</v>
          </cell>
          <cell r="AU92" t="str">
            <v>省略可</v>
          </cell>
          <cell r="AW92">
            <v>1019550</v>
          </cell>
          <cell r="AX92">
            <v>1</v>
          </cell>
          <cell r="AY92" t="str">
            <v>（株）イザワ</v>
          </cell>
          <cell r="AZ92">
            <v>914100</v>
          </cell>
          <cell r="BA92">
            <v>959805</v>
          </cell>
          <cell r="BB92">
            <v>45705</v>
          </cell>
          <cell r="BC92" t="str">
            <v>請書</v>
          </cell>
          <cell r="BE92">
            <v>38870</v>
          </cell>
          <cell r="BF92" t="str">
            <v>しない</v>
          </cell>
          <cell r="BG92" t="str">
            <v>見積(公開)</v>
          </cell>
          <cell r="BH92">
            <v>0.94140061791967045</v>
          </cell>
          <cell r="BK92">
            <v>971000</v>
          </cell>
          <cell r="BL92" t="str">
            <v xml:space="preserve"> </v>
          </cell>
          <cell r="BM92">
            <v>59745</v>
          </cell>
          <cell r="BN92">
            <v>0.94140061791967045</v>
          </cell>
        </row>
        <row r="93">
          <cell r="A93">
            <v>1051</v>
          </cell>
          <cell r="B93" t="str">
            <v>物品購入</v>
          </cell>
          <cell r="C93" t="str">
            <v>シールドビーム</v>
          </cell>
          <cell r="D93">
            <v>38862</v>
          </cell>
          <cell r="G93">
            <v>236250</v>
          </cell>
          <cell r="I93">
            <v>1</v>
          </cell>
          <cell r="J93" t="str">
            <v>式</v>
          </cell>
          <cell r="K93" t="str">
            <v/>
          </cell>
          <cell r="L93">
            <v>236250</v>
          </cell>
          <cell r="M93" t="str">
            <v>公開</v>
          </cell>
          <cell r="N93" t="str">
            <v>高・営</v>
          </cell>
          <cell r="P93">
            <v>39021</v>
          </cell>
          <cell r="Q93" t="str">
            <v>壱</v>
          </cell>
          <cell r="R93" t="str">
            <v>無</v>
          </cell>
          <cell r="S93" t="str">
            <v>車両課(二十四軒)</v>
          </cell>
          <cell r="T93" t="str">
            <v>川村　幸一</v>
          </cell>
          <cell r="U93">
            <v>8204</v>
          </cell>
          <cell r="V93" t="str">
            <v>課長</v>
          </cell>
          <cell r="W93" t="str">
            <v>なか１日</v>
          </cell>
          <cell r="X93" t="str">
            <v>公開</v>
          </cell>
          <cell r="Y93">
            <v>38869</v>
          </cell>
          <cell r="Z93">
            <v>38869</v>
          </cell>
          <cell r="AB93" t="str">
            <v>交通局３階総務課（契約担当）</v>
          </cell>
          <cell r="AD93" t="e">
            <v>#VALUE!</v>
          </cell>
          <cell r="AI93">
            <v>3</v>
          </cell>
          <cell r="AJ93" t="str">
            <v>福田実業（株）</v>
          </cell>
          <cell r="AU93" t="str">
            <v>省略可</v>
          </cell>
          <cell r="AW93">
            <v>236250</v>
          </cell>
          <cell r="AX93">
            <v>1</v>
          </cell>
          <cell r="AY93" t="str">
            <v>福田実業（株）</v>
          </cell>
          <cell r="AZ93">
            <v>225000</v>
          </cell>
          <cell r="BA93">
            <v>236250</v>
          </cell>
          <cell r="BB93">
            <v>11250</v>
          </cell>
          <cell r="BC93" t="str">
            <v>発注書</v>
          </cell>
          <cell r="BE93">
            <v>38870</v>
          </cell>
          <cell r="BF93" t="str">
            <v>しない</v>
          </cell>
          <cell r="BG93" t="str">
            <v>見積(公開)</v>
          </cell>
          <cell r="BH93">
            <v>1</v>
          </cell>
          <cell r="BK93">
            <v>225000</v>
          </cell>
          <cell r="BL93" t="str">
            <v xml:space="preserve"> </v>
          </cell>
          <cell r="BM93">
            <v>0</v>
          </cell>
          <cell r="BN93">
            <v>1</v>
          </cell>
        </row>
        <row r="94">
          <cell r="A94">
            <v>1052</v>
          </cell>
          <cell r="B94" t="str">
            <v>物品購入</v>
          </cell>
          <cell r="C94" t="str">
            <v>ベアリング</v>
          </cell>
          <cell r="D94">
            <v>38863</v>
          </cell>
          <cell r="G94">
            <v>247422</v>
          </cell>
          <cell r="I94">
            <v>1</v>
          </cell>
          <cell r="J94" t="str">
            <v>式</v>
          </cell>
          <cell r="K94" t="str">
            <v/>
          </cell>
          <cell r="L94">
            <v>247422</v>
          </cell>
          <cell r="M94" t="str">
            <v>公開</v>
          </cell>
          <cell r="N94" t="str">
            <v>高・営</v>
          </cell>
          <cell r="P94">
            <v>39135</v>
          </cell>
          <cell r="Q94" t="str">
            <v>壱</v>
          </cell>
          <cell r="R94" t="str">
            <v>無</v>
          </cell>
          <cell r="S94" t="str">
            <v>車両課(大谷地)</v>
          </cell>
          <cell r="T94" t="str">
            <v>鎌田　秀利</v>
          </cell>
          <cell r="U94">
            <v>8417</v>
          </cell>
          <cell r="V94" t="str">
            <v>課長</v>
          </cell>
          <cell r="W94" t="str">
            <v>なか１日</v>
          </cell>
          <cell r="X94" t="str">
            <v>公開</v>
          </cell>
          <cell r="Y94">
            <v>38869</v>
          </cell>
          <cell r="Z94">
            <v>38869</v>
          </cell>
          <cell r="AB94" t="str">
            <v>交通局３階総務課（契約担当）</v>
          </cell>
          <cell r="AD94" t="e">
            <v>#VALUE!</v>
          </cell>
          <cell r="AI94">
            <v>3</v>
          </cell>
          <cell r="AJ94" t="str">
            <v>三和商行（株）</v>
          </cell>
          <cell r="AK94" t="str">
            <v>（株）大興商事</v>
          </cell>
          <cell r="AL94" t="str">
            <v>（株）ドーリン</v>
          </cell>
          <cell r="AU94" t="str">
            <v>省略可</v>
          </cell>
          <cell r="AW94">
            <v>247422</v>
          </cell>
          <cell r="AX94">
            <v>1</v>
          </cell>
          <cell r="AY94" t="str">
            <v>（株）大興商事</v>
          </cell>
          <cell r="AZ94">
            <v>209050</v>
          </cell>
          <cell r="BA94">
            <v>219502</v>
          </cell>
          <cell r="BB94">
            <v>10452</v>
          </cell>
          <cell r="BC94" t="str">
            <v>発注書</v>
          </cell>
          <cell r="BE94">
            <v>38870</v>
          </cell>
          <cell r="BF94" t="str">
            <v>しない</v>
          </cell>
          <cell r="BG94" t="str">
            <v>見積(公開)</v>
          </cell>
          <cell r="BH94">
            <v>0.88715635634664658</v>
          </cell>
          <cell r="BK94">
            <v>235640</v>
          </cell>
          <cell r="BL94" t="str">
            <v xml:space="preserve"> </v>
          </cell>
          <cell r="BM94">
            <v>27920</v>
          </cell>
          <cell r="BN94">
            <v>0.88715635634664658</v>
          </cell>
        </row>
        <row r="95">
          <cell r="A95">
            <v>1053</v>
          </cell>
          <cell r="B95" t="str">
            <v>物品購入</v>
          </cell>
          <cell r="C95" t="str">
            <v>ベアリング</v>
          </cell>
          <cell r="D95">
            <v>38863</v>
          </cell>
          <cell r="G95">
            <v>261345</v>
          </cell>
          <cell r="I95">
            <v>1</v>
          </cell>
          <cell r="J95" t="str">
            <v>式</v>
          </cell>
          <cell r="K95" t="str">
            <v/>
          </cell>
          <cell r="L95">
            <v>261345</v>
          </cell>
          <cell r="M95" t="str">
            <v>公開</v>
          </cell>
          <cell r="N95" t="str">
            <v>高・営</v>
          </cell>
          <cell r="P95">
            <v>39157</v>
          </cell>
          <cell r="Q95" t="str">
            <v>壱</v>
          </cell>
          <cell r="R95" t="str">
            <v>無</v>
          </cell>
          <cell r="S95" t="str">
            <v>車両課(二十四軒)</v>
          </cell>
          <cell r="T95" t="str">
            <v>小野　尚喜</v>
          </cell>
          <cell r="U95">
            <v>8209</v>
          </cell>
          <cell r="V95" t="str">
            <v>課長</v>
          </cell>
          <cell r="W95" t="str">
            <v>なか１日</v>
          </cell>
          <cell r="X95" t="str">
            <v>公開</v>
          </cell>
          <cell r="Y95">
            <v>38869</v>
          </cell>
          <cell r="Z95">
            <v>38869</v>
          </cell>
          <cell r="AB95" t="str">
            <v>交通局３階総務課（契約担当）</v>
          </cell>
          <cell r="AD95" t="e">
            <v>#VALUE!</v>
          </cell>
          <cell r="AI95">
            <v>3</v>
          </cell>
          <cell r="AJ95" t="str">
            <v>潮物産（株）札幌支店</v>
          </cell>
          <cell r="AK95" t="str">
            <v>三和商行（株）</v>
          </cell>
          <cell r="AL95" t="str">
            <v>（株）大興商事</v>
          </cell>
          <cell r="AM95" t="str">
            <v>（株）ドーリン</v>
          </cell>
          <cell r="AU95" t="str">
            <v>省略可</v>
          </cell>
          <cell r="AW95">
            <v>261345</v>
          </cell>
          <cell r="AX95">
            <v>1</v>
          </cell>
          <cell r="AY95" t="str">
            <v>（株）大興商事</v>
          </cell>
          <cell r="AZ95">
            <v>233680</v>
          </cell>
          <cell r="BA95">
            <v>245364</v>
          </cell>
          <cell r="BB95">
            <v>11684</v>
          </cell>
          <cell r="BC95" t="str">
            <v>発注書</v>
          </cell>
          <cell r="BE95">
            <v>38870</v>
          </cell>
          <cell r="BF95" t="str">
            <v>しない</v>
          </cell>
          <cell r="BG95" t="str">
            <v>見積(公開)</v>
          </cell>
          <cell r="BH95">
            <v>0.93885094415427883</v>
          </cell>
          <cell r="BK95">
            <v>248900</v>
          </cell>
          <cell r="BL95" t="str">
            <v xml:space="preserve"> </v>
          </cell>
          <cell r="BM95">
            <v>15981</v>
          </cell>
          <cell r="BN95">
            <v>0.93885094415427883</v>
          </cell>
        </row>
        <row r="96">
          <cell r="A96">
            <v>1054</v>
          </cell>
          <cell r="B96" t="str">
            <v>物品購入</v>
          </cell>
          <cell r="C96" t="str">
            <v>電磁式水道メーター</v>
          </cell>
          <cell r="D96">
            <v>38863</v>
          </cell>
          <cell r="G96">
            <v>401310</v>
          </cell>
          <cell r="I96">
            <v>1</v>
          </cell>
          <cell r="J96" t="str">
            <v>式</v>
          </cell>
          <cell r="K96" t="str">
            <v/>
          </cell>
          <cell r="L96">
            <v>401310</v>
          </cell>
          <cell r="M96" t="str">
            <v>公開</v>
          </cell>
          <cell r="N96" t="str">
            <v>高・営</v>
          </cell>
          <cell r="P96">
            <v>38933</v>
          </cell>
          <cell r="Q96" t="str">
            <v>壱</v>
          </cell>
          <cell r="R96" t="str">
            <v>無</v>
          </cell>
          <cell r="S96" t="str">
            <v>施設課</v>
          </cell>
          <cell r="T96" t="str">
            <v>若原　博</v>
          </cell>
          <cell r="U96">
            <v>2524</v>
          </cell>
          <cell r="V96" t="str">
            <v>課長</v>
          </cell>
          <cell r="W96" t="str">
            <v>なか１日</v>
          </cell>
          <cell r="X96" t="str">
            <v>公開</v>
          </cell>
          <cell r="Y96">
            <v>38869</v>
          </cell>
          <cell r="Z96">
            <v>38869</v>
          </cell>
          <cell r="AB96" t="str">
            <v>交通局３階総務課（契約担当）</v>
          </cell>
          <cell r="AD96" t="e">
            <v>#VALUE!</v>
          </cell>
          <cell r="AI96">
            <v>3</v>
          </cell>
          <cell r="AJ96" t="str">
            <v>向野商事（株）</v>
          </cell>
          <cell r="AK96" t="str">
            <v>（株）新六商店</v>
          </cell>
          <cell r="AL96" t="str">
            <v>理興産業（株）</v>
          </cell>
          <cell r="AM96" t="str">
            <v>（株）渡商</v>
          </cell>
          <cell r="AU96" t="str">
            <v>省略可</v>
          </cell>
          <cell r="AW96">
            <v>401310</v>
          </cell>
          <cell r="AX96">
            <v>1</v>
          </cell>
          <cell r="AY96" t="str">
            <v>（株）新六商店</v>
          </cell>
          <cell r="AZ96">
            <v>265000</v>
          </cell>
          <cell r="BA96">
            <v>278250</v>
          </cell>
          <cell r="BB96">
            <v>13250</v>
          </cell>
          <cell r="BC96" t="str">
            <v>発注書</v>
          </cell>
          <cell r="BE96">
            <v>38870</v>
          </cell>
          <cell r="BF96" t="str">
            <v>しない</v>
          </cell>
          <cell r="BG96" t="str">
            <v>見積(公開)</v>
          </cell>
          <cell r="BH96">
            <v>0.69335426478283624</v>
          </cell>
          <cell r="BK96">
            <v>382200</v>
          </cell>
          <cell r="BL96" t="str">
            <v xml:space="preserve"> </v>
          </cell>
          <cell r="BM96">
            <v>123060</v>
          </cell>
          <cell r="BN96">
            <v>0.69335426478283624</v>
          </cell>
        </row>
        <row r="97">
          <cell r="A97">
            <v>1055</v>
          </cell>
          <cell r="B97" t="str">
            <v>物品購入</v>
          </cell>
          <cell r="C97" t="str">
            <v>東西線車両用主電動機ベアリング</v>
          </cell>
          <cell r="D97">
            <v>38866</v>
          </cell>
          <cell r="G97">
            <v>3948000</v>
          </cell>
          <cell r="I97">
            <v>1</v>
          </cell>
          <cell r="J97" t="str">
            <v>式</v>
          </cell>
          <cell r="K97" t="str">
            <v/>
          </cell>
          <cell r="L97">
            <v>3948000</v>
          </cell>
          <cell r="M97" t="str">
            <v>入札</v>
          </cell>
          <cell r="N97" t="str">
            <v>高・営</v>
          </cell>
          <cell r="P97">
            <v>39146</v>
          </cell>
          <cell r="Q97" t="str">
            <v>壱</v>
          </cell>
          <cell r="R97" t="str">
            <v>無</v>
          </cell>
          <cell r="S97" t="str">
            <v>車両課(大谷地)</v>
          </cell>
          <cell r="T97" t="str">
            <v>岩田　幸夫</v>
          </cell>
          <cell r="U97">
            <v>8413</v>
          </cell>
          <cell r="V97" t="str">
            <v>部長</v>
          </cell>
          <cell r="W97" t="str">
            <v>なか１日</v>
          </cell>
          <cell r="X97" t="str">
            <v>入札</v>
          </cell>
          <cell r="Y97">
            <v>38870</v>
          </cell>
          <cell r="Z97">
            <v>38876</v>
          </cell>
          <cell r="AA97">
            <v>1110</v>
          </cell>
          <cell r="AB97" t="str">
            <v>交通局５階入札室</v>
          </cell>
          <cell r="AD97" t="str">
            <v>平成18年6月8日(木)　11時10分</v>
          </cell>
          <cell r="AE97" t="str">
            <v>卸小売業</v>
          </cell>
          <cell r="AF97" t="str">
            <v>輸送機械器具卸小売業</v>
          </cell>
          <cell r="AG97" t="str">
            <v>鉄道車両・同部品</v>
          </cell>
          <cell r="AH97" t="str">
            <v>B</v>
          </cell>
          <cell r="AI97">
            <v>4</v>
          </cell>
          <cell r="AJ97" t="str">
            <v>潮物産（株）札幌支店</v>
          </cell>
          <cell r="AK97" t="str">
            <v>三和商行（株）</v>
          </cell>
          <cell r="AL97" t="str">
            <v>（株）ドーリン</v>
          </cell>
          <cell r="AM97" t="str">
            <v>理興産業（株）</v>
          </cell>
          <cell r="AU97" t="str">
            <v>要</v>
          </cell>
          <cell r="AV97">
            <v>3760000</v>
          </cell>
          <cell r="AW97">
            <v>3948000</v>
          </cell>
          <cell r="AX97">
            <v>0</v>
          </cell>
          <cell r="AY97" t="str">
            <v>三和商行（株）</v>
          </cell>
          <cell r="AZ97">
            <v>3180000</v>
          </cell>
          <cell r="BA97">
            <v>3339000</v>
          </cell>
          <cell r="BB97">
            <v>159000</v>
          </cell>
          <cell r="BC97" t="str">
            <v>契約書</v>
          </cell>
          <cell r="BE97">
            <v>38876</v>
          </cell>
          <cell r="BF97" t="str">
            <v>しない</v>
          </cell>
          <cell r="BG97" t="str">
            <v>入  札</v>
          </cell>
          <cell r="BH97">
            <v>0.8457446808510638</v>
          </cell>
          <cell r="BK97">
            <v>3760000</v>
          </cell>
          <cell r="BL97" t="str">
            <v xml:space="preserve"> </v>
          </cell>
          <cell r="BM97">
            <v>609000</v>
          </cell>
          <cell r="BN97">
            <v>0.8457446808510638</v>
          </cell>
        </row>
        <row r="98">
          <cell r="A98">
            <v>1056</v>
          </cell>
          <cell r="B98" t="str">
            <v>物品購入</v>
          </cell>
          <cell r="C98" t="str">
            <v>７０００形集電器装置部品</v>
          </cell>
          <cell r="D98">
            <v>38866</v>
          </cell>
          <cell r="E98" t="str">
            <v>特命</v>
          </cell>
          <cell r="G98">
            <v>8083845</v>
          </cell>
          <cell r="I98">
            <v>1</v>
          </cell>
          <cell r="J98" t="str">
            <v>式</v>
          </cell>
          <cell r="K98" t="str">
            <v/>
          </cell>
          <cell r="L98">
            <v>8083845</v>
          </cell>
          <cell r="M98" t="str">
            <v>特命</v>
          </cell>
          <cell r="N98" t="str">
            <v>高・営</v>
          </cell>
          <cell r="P98">
            <v>39069</v>
          </cell>
          <cell r="Q98" t="str">
            <v>壱</v>
          </cell>
          <cell r="R98" t="str">
            <v>無</v>
          </cell>
          <cell r="S98" t="str">
            <v>車両課(二十四軒)</v>
          </cell>
          <cell r="T98" t="str">
            <v>鈴木　康至</v>
          </cell>
          <cell r="U98">
            <v>8205</v>
          </cell>
          <cell r="V98" t="str">
            <v>部長</v>
          </cell>
          <cell r="W98" t="str">
            <v>なか５日</v>
          </cell>
          <cell r="X98" t="str">
            <v>特命</v>
          </cell>
          <cell r="Y98">
            <v>38873</v>
          </cell>
          <cell r="Z98">
            <v>38876</v>
          </cell>
          <cell r="AA98">
            <v>1400</v>
          </cell>
          <cell r="AB98" t="str">
            <v>交通局３階総務課（契約担当）</v>
          </cell>
          <cell r="AD98" t="str">
            <v>平成18年6月8日(木)　14時00分</v>
          </cell>
          <cell r="AI98">
            <v>1</v>
          </cell>
          <cell r="AJ98" t="str">
            <v>富士電機システムズ（株）北海道支社</v>
          </cell>
          <cell r="AU98" t="str">
            <v>要</v>
          </cell>
          <cell r="AV98">
            <v>7665700</v>
          </cell>
          <cell r="AW98">
            <v>8048985</v>
          </cell>
          <cell r="AX98">
            <v>4.3123043551676066E-3</v>
          </cell>
          <cell r="AY98" t="str">
            <v>富士電機システムズ（株）北海道支社</v>
          </cell>
          <cell r="AZ98">
            <v>7650000</v>
          </cell>
          <cell r="BA98">
            <v>8032500</v>
          </cell>
          <cell r="BB98">
            <v>382500</v>
          </cell>
          <cell r="BC98" t="str">
            <v>契約書</v>
          </cell>
          <cell r="BE98">
            <v>38877</v>
          </cell>
          <cell r="BF98" t="str">
            <v>しない</v>
          </cell>
          <cell r="BG98" t="str">
            <v>見積</v>
          </cell>
          <cell r="BH98">
            <v>0.99795191567632435</v>
          </cell>
          <cell r="BK98">
            <v>7698900</v>
          </cell>
          <cell r="BL98" t="str">
            <v xml:space="preserve"> </v>
          </cell>
          <cell r="BM98">
            <v>51345</v>
          </cell>
          <cell r="BN98">
            <v>0.99364844328410551</v>
          </cell>
        </row>
        <row r="99">
          <cell r="A99">
            <v>1057</v>
          </cell>
          <cell r="B99" t="str">
            <v>物品購入</v>
          </cell>
          <cell r="C99" t="str">
            <v>中間歯車軸　他</v>
          </cell>
          <cell r="D99">
            <v>38866</v>
          </cell>
          <cell r="E99" t="str">
            <v>特命</v>
          </cell>
          <cell r="G99">
            <v>502477</v>
          </cell>
          <cell r="I99">
            <v>1</v>
          </cell>
          <cell r="J99" t="str">
            <v>式</v>
          </cell>
          <cell r="K99" t="str">
            <v/>
          </cell>
          <cell r="L99">
            <v>502477</v>
          </cell>
          <cell r="M99" t="str">
            <v>特命</v>
          </cell>
          <cell r="N99" t="str">
            <v>高・営</v>
          </cell>
          <cell r="P99">
            <v>39051</v>
          </cell>
          <cell r="Q99" t="str">
            <v>壱</v>
          </cell>
          <cell r="R99" t="str">
            <v>無</v>
          </cell>
          <cell r="S99" t="str">
            <v>車両課(真駒内)</v>
          </cell>
          <cell r="T99" t="str">
            <v>茂呂　泰伸</v>
          </cell>
          <cell r="U99">
            <v>8318</v>
          </cell>
          <cell r="V99" t="str">
            <v>課長</v>
          </cell>
          <cell r="W99" t="str">
            <v>なか１日</v>
          </cell>
          <cell r="X99" t="str">
            <v>特命</v>
          </cell>
          <cell r="Y99">
            <v>38869</v>
          </cell>
          <cell r="Z99">
            <v>38870</v>
          </cell>
          <cell r="AA99">
            <v>1400</v>
          </cell>
          <cell r="AB99" t="str">
            <v>交通局３階総務課（契約担当）</v>
          </cell>
          <cell r="AD99" t="str">
            <v>平成18年6月2日(金)　14時00分</v>
          </cell>
          <cell r="AI99">
            <v>1</v>
          </cell>
          <cell r="AJ99" t="str">
            <v>札幌川重車両エンジニアリング（株）</v>
          </cell>
          <cell r="AU99" t="str">
            <v>省略可</v>
          </cell>
          <cell r="AW99">
            <v>502477</v>
          </cell>
          <cell r="AX99">
            <v>1</v>
          </cell>
          <cell r="AY99" t="str">
            <v>札幌川重車両エンジニアリング（株）</v>
          </cell>
          <cell r="AZ99">
            <v>478500</v>
          </cell>
          <cell r="BA99">
            <v>502425</v>
          </cell>
          <cell r="BB99">
            <v>23925</v>
          </cell>
          <cell r="BC99" t="str">
            <v>請書</v>
          </cell>
          <cell r="BE99">
            <v>38873</v>
          </cell>
          <cell r="BF99" t="str">
            <v>しない</v>
          </cell>
          <cell r="BG99" t="str">
            <v>見積</v>
          </cell>
          <cell r="BH99">
            <v>0.99989651267620205</v>
          </cell>
          <cell r="BK99">
            <v>478549.52380952379</v>
          </cell>
          <cell r="BL99" t="str">
            <v xml:space="preserve"> </v>
          </cell>
          <cell r="BM99">
            <v>52</v>
          </cell>
          <cell r="BN99">
            <v>0.99989651267620205</v>
          </cell>
        </row>
        <row r="100">
          <cell r="A100">
            <v>1058</v>
          </cell>
          <cell r="B100" t="str">
            <v>物品購入</v>
          </cell>
          <cell r="C100" t="str">
            <v>戸閉操作スイッチ軸他</v>
          </cell>
          <cell r="D100">
            <v>38866</v>
          </cell>
          <cell r="E100" t="str">
            <v>特命</v>
          </cell>
          <cell r="G100">
            <v>2210565</v>
          </cell>
          <cell r="I100">
            <v>1</v>
          </cell>
          <cell r="J100" t="str">
            <v>式</v>
          </cell>
          <cell r="K100" t="str">
            <v/>
          </cell>
          <cell r="L100">
            <v>2210565</v>
          </cell>
          <cell r="M100" t="str">
            <v>特命</v>
          </cell>
          <cell r="N100" t="str">
            <v>高・営</v>
          </cell>
          <cell r="P100">
            <v>39051</v>
          </cell>
          <cell r="Q100" t="str">
            <v>壱</v>
          </cell>
          <cell r="R100" t="str">
            <v>無</v>
          </cell>
          <cell r="S100" t="str">
            <v>車両課(二十四軒)</v>
          </cell>
          <cell r="T100" t="str">
            <v>川村　幸一</v>
          </cell>
          <cell r="U100">
            <v>8204</v>
          </cell>
          <cell r="V100" t="str">
            <v>課長</v>
          </cell>
          <cell r="W100" t="str">
            <v>なか１日</v>
          </cell>
          <cell r="X100" t="str">
            <v>特命</v>
          </cell>
          <cell r="Y100">
            <v>38869</v>
          </cell>
          <cell r="Z100">
            <v>38870</v>
          </cell>
          <cell r="AA100">
            <v>1410</v>
          </cell>
          <cell r="AB100" t="str">
            <v>交通局３階総務課（契約担当）</v>
          </cell>
          <cell r="AD100" t="str">
            <v>平成18年6月2日(金)　14時10分</v>
          </cell>
          <cell r="AI100">
            <v>1</v>
          </cell>
          <cell r="AJ100" t="str">
            <v>札幌川重車両エンジニアリング（株）</v>
          </cell>
          <cell r="AU100" t="str">
            <v>要</v>
          </cell>
          <cell r="AV100">
            <v>2080000</v>
          </cell>
          <cell r="AW100">
            <v>2184000</v>
          </cell>
          <cell r="AX100">
            <v>1.2017289697430322E-2</v>
          </cell>
          <cell r="AY100" t="str">
            <v>札幌川重車両エンジニアリング（株）</v>
          </cell>
          <cell r="AZ100">
            <v>2077900</v>
          </cell>
          <cell r="BA100">
            <v>2181795</v>
          </cell>
          <cell r="BB100">
            <v>103895</v>
          </cell>
          <cell r="BC100" t="str">
            <v>契約書</v>
          </cell>
          <cell r="BE100">
            <v>38873</v>
          </cell>
          <cell r="BF100" t="str">
            <v>しない</v>
          </cell>
          <cell r="BG100" t="str">
            <v>見積</v>
          </cell>
          <cell r="BH100">
            <v>0.99899038461538459</v>
          </cell>
          <cell r="BK100">
            <v>2105300</v>
          </cell>
          <cell r="BL100" t="str">
            <v xml:space="preserve"> </v>
          </cell>
          <cell r="BM100">
            <v>28770</v>
          </cell>
          <cell r="BN100">
            <v>0.98698522775851427</v>
          </cell>
        </row>
        <row r="101">
          <cell r="A101">
            <v>7031</v>
          </cell>
          <cell r="B101" t="str">
            <v>業務委託</v>
          </cell>
          <cell r="C101" t="str">
            <v>東豊線車両自動試験装置保守点検</v>
          </cell>
          <cell r="D101">
            <v>38866</v>
          </cell>
          <cell r="E101" t="str">
            <v>特命</v>
          </cell>
          <cell r="G101">
            <v>994350</v>
          </cell>
          <cell r="I101">
            <v>1</v>
          </cell>
          <cell r="J101" t="str">
            <v>式</v>
          </cell>
          <cell r="K101" t="str">
            <v/>
          </cell>
          <cell r="L101">
            <v>994350</v>
          </cell>
          <cell r="M101" t="str">
            <v>特命</v>
          </cell>
          <cell r="N101" t="str">
            <v>高・営</v>
          </cell>
          <cell r="O101">
            <v>38901</v>
          </cell>
          <cell r="P101">
            <v>38929</v>
          </cell>
          <cell r="Q101" t="str">
            <v>壱</v>
          </cell>
          <cell r="R101" t="str">
            <v>無</v>
          </cell>
          <cell r="S101" t="str">
            <v>車両課(二十四軒)</v>
          </cell>
          <cell r="T101" t="str">
            <v>川村　幸一</v>
          </cell>
          <cell r="U101">
            <v>8204</v>
          </cell>
          <cell r="V101" t="str">
            <v>部長</v>
          </cell>
          <cell r="W101" t="str">
            <v>なか１日</v>
          </cell>
          <cell r="X101" t="str">
            <v>特命</v>
          </cell>
          <cell r="Y101">
            <v>38870</v>
          </cell>
          <cell r="Z101">
            <v>38873</v>
          </cell>
          <cell r="AA101">
            <v>1430</v>
          </cell>
          <cell r="AB101" t="str">
            <v>交通局３階総務課（契約担当）</v>
          </cell>
          <cell r="AD101" t="str">
            <v>平成18年6月5日(月)　14時30分</v>
          </cell>
          <cell r="AI101">
            <v>1</v>
          </cell>
          <cell r="AJ101" t="str">
            <v>日立プラントテクノロジー北海道支社</v>
          </cell>
          <cell r="AU101" t="str">
            <v>省略可</v>
          </cell>
          <cell r="AW101">
            <v>994350</v>
          </cell>
          <cell r="AX101">
            <v>1</v>
          </cell>
          <cell r="AY101" t="str">
            <v>日立プラントテクノロジー北海道支社</v>
          </cell>
          <cell r="AZ101">
            <v>940000</v>
          </cell>
          <cell r="BA101">
            <v>987000</v>
          </cell>
          <cell r="BB101">
            <v>47000</v>
          </cell>
          <cell r="BC101" t="str">
            <v>契約書</v>
          </cell>
          <cell r="BE101">
            <v>38873</v>
          </cell>
          <cell r="BF101" t="str">
            <v>しない</v>
          </cell>
          <cell r="BG101" t="str">
            <v>見積</v>
          </cell>
          <cell r="BH101">
            <v>0.99260823653643082</v>
          </cell>
          <cell r="BK101">
            <v>947000</v>
          </cell>
          <cell r="BL101" t="str">
            <v xml:space="preserve"> </v>
          </cell>
          <cell r="BM101">
            <v>7350</v>
          </cell>
          <cell r="BN101">
            <v>0.99260823653643082</v>
          </cell>
        </row>
        <row r="102">
          <cell r="A102">
            <v>7032</v>
          </cell>
          <cell r="B102" t="str">
            <v>業務委託</v>
          </cell>
          <cell r="C102" t="str">
            <v>南郷１８丁目駅映像記録装置移設</v>
          </cell>
          <cell r="D102">
            <v>38866</v>
          </cell>
          <cell r="E102" t="str">
            <v>特命</v>
          </cell>
          <cell r="G102">
            <v>477750</v>
          </cell>
          <cell r="I102">
            <v>1</v>
          </cell>
          <cell r="J102" t="str">
            <v>式</v>
          </cell>
          <cell r="K102" t="str">
            <v/>
          </cell>
          <cell r="L102">
            <v>477750</v>
          </cell>
          <cell r="M102" t="str">
            <v>特命</v>
          </cell>
          <cell r="N102" t="str">
            <v>高・営</v>
          </cell>
          <cell r="O102">
            <v>38876</v>
          </cell>
          <cell r="P102">
            <v>38898</v>
          </cell>
          <cell r="Q102" t="str">
            <v>壱</v>
          </cell>
          <cell r="R102" t="str">
            <v>無</v>
          </cell>
          <cell r="S102" t="str">
            <v>電気課</v>
          </cell>
          <cell r="T102" t="str">
            <v>桜庭　常夫</v>
          </cell>
          <cell r="U102">
            <v>2643</v>
          </cell>
          <cell r="V102" t="str">
            <v>部長</v>
          </cell>
          <cell r="W102" t="str">
            <v>なか１日</v>
          </cell>
          <cell r="X102" t="str">
            <v>特命</v>
          </cell>
          <cell r="Y102">
            <v>38870</v>
          </cell>
          <cell r="Z102">
            <v>38873</v>
          </cell>
          <cell r="AA102">
            <v>1500</v>
          </cell>
          <cell r="AB102" t="str">
            <v>交通局３階総務課（契約担当）</v>
          </cell>
          <cell r="AD102" t="str">
            <v>平成18年6月5日(月)　15時00分</v>
          </cell>
          <cell r="AI102">
            <v>1</v>
          </cell>
          <cell r="AJ102" t="str">
            <v>パナソニックＳＳエンジニアリング（株）北海道ＰＳＳＥ社</v>
          </cell>
          <cell r="AU102" t="str">
            <v>省略可</v>
          </cell>
          <cell r="AW102">
            <v>477750</v>
          </cell>
          <cell r="AX102">
            <v>1</v>
          </cell>
          <cell r="AY102" t="str">
            <v>パナソニックＳＳエンジニアリング（株）北海道ＰＳＳＥ社</v>
          </cell>
          <cell r="AZ102">
            <v>450000</v>
          </cell>
          <cell r="BA102">
            <v>472500</v>
          </cell>
          <cell r="BB102">
            <v>22500</v>
          </cell>
          <cell r="BC102" t="str">
            <v>請書</v>
          </cell>
          <cell r="BE102">
            <v>38874</v>
          </cell>
          <cell r="BF102" t="str">
            <v>しない</v>
          </cell>
          <cell r="BG102" t="str">
            <v>見積</v>
          </cell>
          <cell r="BH102">
            <v>0.98901098901098905</v>
          </cell>
          <cell r="BK102">
            <v>455000</v>
          </cell>
          <cell r="BL102" t="str">
            <v xml:space="preserve"> </v>
          </cell>
          <cell r="BM102">
            <v>5250</v>
          </cell>
          <cell r="BN102">
            <v>0.98901098901098905</v>
          </cell>
        </row>
        <row r="103">
          <cell r="A103">
            <v>1059</v>
          </cell>
          <cell r="B103" t="str">
            <v>物品購入</v>
          </cell>
          <cell r="C103" t="str">
            <v>ベクトランコンポジットロープ</v>
          </cell>
          <cell r="D103">
            <v>38866</v>
          </cell>
          <cell r="E103" t="str">
            <v>特命</v>
          </cell>
          <cell r="G103">
            <v>2696400</v>
          </cell>
          <cell r="I103">
            <v>1</v>
          </cell>
          <cell r="J103" t="str">
            <v>式</v>
          </cell>
          <cell r="K103" t="str">
            <v/>
          </cell>
          <cell r="L103">
            <v>2696400</v>
          </cell>
          <cell r="M103" t="str">
            <v>特命</v>
          </cell>
          <cell r="N103" t="str">
            <v>軌・営</v>
          </cell>
          <cell r="P103">
            <v>38961</v>
          </cell>
          <cell r="Q103" t="str">
            <v>壱</v>
          </cell>
          <cell r="R103" t="str">
            <v>無</v>
          </cell>
          <cell r="S103" t="str">
            <v>電車事業所</v>
          </cell>
          <cell r="T103" t="str">
            <v>高橋　伊勢男</v>
          </cell>
          <cell r="U103">
            <v>2933</v>
          </cell>
          <cell r="V103" t="str">
            <v>課長</v>
          </cell>
          <cell r="W103" t="str">
            <v>なか１日</v>
          </cell>
          <cell r="X103" t="str">
            <v>特命</v>
          </cell>
          <cell r="Y103">
            <v>38869</v>
          </cell>
          <cell r="Z103">
            <v>38874</v>
          </cell>
          <cell r="AA103">
            <v>1400</v>
          </cell>
          <cell r="AB103" t="str">
            <v>交通局３階総務課（契約担当）</v>
          </cell>
          <cell r="AD103" t="str">
            <v>平成18年6月6日(火)　14時00分</v>
          </cell>
          <cell r="AI103">
            <v>1</v>
          </cell>
          <cell r="AJ103" t="str">
            <v>北海道トーコー（株）</v>
          </cell>
          <cell r="AU103" t="str">
            <v>要</v>
          </cell>
          <cell r="AV103">
            <v>2550000</v>
          </cell>
          <cell r="AW103">
            <v>2677500</v>
          </cell>
          <cell r="AX103">
            <v>7.0093457943924964E-3</v>
          </cell>
          <cell r="AY103" t="str">
            <v>北海道トーコー（株）</v>
          </cell>
          <cell r="AZ103">
            <v>2490000</v>
          </cell>
          <cell r="BA103">
            <v>2614500</v>
          </cell>
          <cell r="BB103">
            <v>124500</v>
          </cell>
          <cell r="BC103" t="str">
            <v>契約書</v>
          </cell>
          <cell r="BE103">
            <v>38876</v>
          </cell>
          <cell r="BF103" t="str">
            <v>しない</v>
          </cell>
          <cell r="BG103" t="str">
            <v>見積</v>
          </cell>
          <cell r="BH103">
            <v>0.97647058823529409</v>
          </cell>
          <cell r="BK103">
            <v>2568000</v>
          </cell>
          <cell r="BL103" t="str">
            <v xml:space="preserve"> </v>
          </cell>
          <cell r="BM103">
            <v>81900</v>
          </cell>
          <cell r="BN103">
            <v>0.96962616822429903</v>
          </cell>
        </row>
        <row r="104">
          <cell r="A104">
            <v>1060</v>
          </cell>
          <cell r="B104" t="str">
            <v>物品購入</v>
          </cell>
          <cell r="C104" t="str">
            <v>ナット</v>
          </cell>
          <cell r="D104">
            <v>38866</v>
          </cell>
          <cell r="G104">
            <v>312375</v>
          </cell>
          <cell r="I104">
            <v>1</v>
          </cell>
          <cell r="J104" t="str">
            <v>式</v>
          </cell>
          <cell r="K104" t="str">
            <v/>
          </cell>
          <cell r="L104">
            <v>312375</v>
          </cell>
          <cell r="M104" t="str">
            <v>公開</v>
          </cell>
          <cell r="N104" t="str">
            <v>高・営</v>
          </cell>
          <cell r="P104">
            <v>38949</v>
          </cell>
          <cell r="Q104" t="str">
            <v>壱</v>
          </cell>
          <cell r="R104" t="str">
            <v>無</v>
          </cell>
          <cell r="S104" t="str">
            <v>車両課(大谷地)</v>
          </cell>
          <cell r="T104" t="str">
            <v>田島　義雄</v>
          </cell>
          <cell r="U104">
            <v>8417</v>
          </cell>
          <cell r="V104" t="str">
            <v>課長</v>
          </cell>
          <cell r="W104" t="str">
            <v>なか１日</v>
          </cell>
          <cell r="X104" t="str">
            <v>公開</v>
          </cell>
          <cell r="Y104">
            <v>38876</v>
          </cell>
          <cell r="Z104">
            <v>38876</v>
          </cell>
          <cell r="AB104" t="str">
            <v>交通局３階総務課（契約担当）</v>
          </cell>
          <cell r="AD104" t="e">
            <v>#VALUE!</v>
          </cell>
          <cell r="AI104">
            <v>3</v>
          </cell>
          <cell r="AJ104" t="str">
            <v>（株）イザワ</v>
          </cell>
          <cell r="AK104" t="str">
            <v>三和商行（株）</v>
          </cell>
          <cell r="AL104" t="str">
            <v>福田部品（株）</v>
          </cell>
          <cell r="AU104" t="str">
            <v>省略可</v>
          </cell>
          <cell r="AW104">
            <v>312375</v>
          </cell>
          <cell r="AX104">
            <v>1</v>
          </cell>
          <cell r="AY104" t="str">
            <v>三和商行（株）</v>
          </cell>
          <cell r="AZ104">
            <v>297500</v>
          </cell>
          <cell r="BA104">
            <v>312375</v>
          </cell>
          <cell r="BB104">
            <v>14875</v>
          </cell>
          <cell r="BC104" t="str">
            <v>発注書</v>
          </cell>
          <cell r="BE104">
            <v>38877</v>
          </cell>
          <cell r="BF104" t="str">
            <v>しない</v>
          </cell>
          <cell r="BG104" t="str">
            <v>見積(公開)</v>
          </cell>
          <cell r="BH104">
            <v>1</v>
          </cell>
          <cell r="BK104">
            <v>297500</v>
          </cell>
          <cell r="BL104" t="str">
            <v xml:space="preserve"> </v>
          </cell>
          <cell r="BM104">
            <v>0</v>
          </cell>
          <cell r="BN104">
            <v>1</v>
          </cell>
        </row>
        <row r="105">
          <cell r="A105">
            <v>1061</v>
          </cell>
          <cell r="B105" t="str">
            <v>物品購入</v>
          </cell>
          <cell r="C105" t="str">
            <v>車上検査装置用電源</v>
          </cell>
          <cell r="D105">
            <v>38866</v>
          </cell>
          <cell r="E105" t="str">
            <v>特命</v>
          </cell>
          <cell r="G105">
            <v>1063860</v>
          </cell>
          <cell r="I105">
            <v>1</v>
          </cell>
          <cell r="J105" t="str">
            <v>式</v>
          </cell>
          <cell r="K105" t="str">
            <v/>
          </cell>
          <cell r="L105">
            <v>1063860</v>
          </cell>
          <cell r="M105" t="str">
            <v>特命</v>
          </cell>
          <cell r="N105" t="str">
            <v>高・営</v>
          </cell>
          <cell r="P105">
            <v>39141</v>
          </cell>
          <cell r="Q105" t="str">
            <v>壱</v>
          </cell>
          <cell r="R105" t="str">
            <v>無</v>
          </cell>
          <cell r="S105" t="str">
            <v>車両課(真駒内)</v>
          </cell>
          <cell r="T105" t="str">
            <v>上野　敦</v>
          </cell>
          <cell r="U105">
            <v>8312</v>
          </cell>
          <cell r="V105" t="str">
            <v>課長</v>
          </cell>
          <cell r="W105" t="str">
            <v>なか１日</v>
          </cell>
          <cell r="X105" t="str">
            <v>特命</v>
          </cell>
          <cell r="Y105">
            <v>38869</v>
          </cell>
          <cell r="Z105">
            <v>38874</v>
          </cell>
          <cell r="AA105">
            <v>1415</v>
          </cell>
          <cell r="AB105" t="str">
            <v>交通局３階総務課（契約担当）</v>
          </cell>
          <cell r="AD105" t="str">
            <v>平成18年6月6日(火)　14時15分</v>
          </cell>
          <cell r="AI105">
            <v>1</v>
          </cell>
          <cell r="AJ105" t="str">
            <v>（株）東芝北海道支社</v>
          </cell>
          <cell r="AU105" t="str">
            <v>省略可</v>
          </cell>
          <cell r="AW105">
            <v>1063860</v>
          </cell>
          <cell r="AX105">
            <v>1</v>
          </cell>
          <cell r="AY105" t="str">
            <v>（株）東芝北海道支社</v>
          </cell>
          <cell r="AZ105">
            <v>1012000</v>
          </cell>
          <cell r="BA105">
            <v>1062600</v>
          </cell>
          <cell r="BB105">
            <v>50600</v>
          </cell>
          <cell r="BC105" t="str">
            <v>請書</v>
          </cell>
          <cell r="BE105">
            <v>38875</v>
          </cell>
          <cell r="BF105" t="str">
            <v>しない</v>
          </cell>
          <cell r="BG105" t="str">
            <v>見積</v>
          </cell>
          <cell r="BH105">
            <v>0.99881563363600478</v>
          </cell>
          <cell r="BK105">
            <v>1013200</v>
          </cell>
          <cell r="BL105" t="str">
            <v xml:space="preserve"> </v>
          </cell>
          <cell r="BM105">
            <v>1260</v>
          </cell>
          <cell r="BN105">
            <v>0.99881563363600478</v>
          </cell>
        </row>
        <row r="106">
          <cell r="A106">
            <v>1062</v>
          </cell>
          <cell r="B106" t="str">
            <v>物品購入</v>
          </cell>
          <cell r="C106" t="str">
            <v>車上検査装置用部品</v>
          </cell>
          <cell r="D106">
            <v>38866</v>
          </cell>
          <cell r="E106" t="str">
            <v>特命</v>
          </cell>
          <cell r="G106">
            <v>960330</v>
          </cell>
          <cell r="I106">
            <v>1</v>
          </cell>
          <cell r="J106" t="str">
            <v>式</v>
          </cell>
          <cell r="K106" t="str">
            <v/>
          </cell>
          <cell r="L106">
            <v>960330</v>
          </cell>
          <cell r="M106" t="str">
            <v>特命</v>
          </cell>
          <cell r="N106" t="str">
            <v>高・営</v>
          </cell>
          <cell r="P106">
            <v>39141</v>
          </cell>
          <cell r="Q106" t="str">
            <v>壱</v>
          </cell>
          <cell r="R106" t="str">
            <v>無</v>
          </cell>
          <cell r="S106" t="str">
            <v>車両課(真駒内)</v>
          </cell>
          <cell r="T106" t="str">
            <v>上野　敦</v>
          </cell>
          <cell r="U106">
            <v>8312</v>
          </cell>
          <cell r="V106" t="str">
            <v>課長</v>
          </cell>
          <cell r="W106" t="str">
            <v>なか１日</v>
          </cell>
          <cell r="X106" t="str">
            <v>特命</v>
          </cell>
          <cell r="Y106">
            <v>38869</v>
          </cell>
          <cell r="Z106">
            <v>38874</v>
          </cell>
          <cell r="AA106">
            <v>1430</v>
          </cell>
          <cell r="AB106" t="str">
            <v>交通局３階総務課（契約担当）</v>
          </cell>
          <cell r="AD106" t="str">
            <v>平成18年6月6日(火)　14時30分</v>
          </cell>
          <cell r="AI106">
            <v>1</v>
          </cell>
          <cell r="AJ106" t="str">
            <v>三菱電機（株）北海道支社</v>
          </cell>
          <cell r="AU106" t="str">
            <v>省略可</v>
          </cell>
          <cell r="AW106">
            <v>960330</v>
          </cell>
          <cell r="AX106">
            <v>1</v>
          </cell>
          <cell r="AY106" t="str">
            <v>三菱電機（株）北海道支社</v>
          </cell>
          <cell r="AZ106">
            <v>914000</v>
          </cell>
          <cell r="BA106">
            <v>959700</v>
          </cell>
          <cell r="BB106">
            <v>45700</v>
          </cell>
          <cell r="BC106" t="str">
            <v>請書</v>
          </cell>
          <cell r="BE106">
            <v>38875</v>
          </cell>
          <cell r="BF106" t="str">
            <v>しない</v>
          </cell>
          <cell r="BG106" t="str">
            <v>見積</v>
          </cell>
          <cell r="BH106">
            <v>0.99934397550841902</v>
          </cell>
          <cell r="BK106">
            <v>914600</v>
          </cell>
          <cell r="BL106" t="str">
            <v xml:space="preserve"> </v>
          </cell>
          <cell r="BM106">
            <v>630</v>
          </cell>
          <cell r="BN106">
            <v>0.99934397550841902</v>
          </cell>
        </row>
        <row r="107">
          <cell r="A107">
            <v>7033</v>
          </cell>
          <cell r="B107" t="str">
            <v>業務委託</v>
          </cell>
          <cell r="C107" t="str">
            <v>自動試験装置保守</v>
          </cell>
          <cell r="D107">
            <v>38867</v>
          </cell>
          <cell r="E107" t="str">
            <v>特命</v>
          </cell>
          <cell r="G107">
            <v>1937250</v>
          </cell>
          <cell r="I107">
            <v>1</v>
          </cell>
          <cell r="J107" t="str">
            <v>式</v>
          </cell>
          <cell r="K107" t="str">
            <v/>
          </cell>
          <cell r="L107">
            <v>1937250</v>
          </cell>
          <cell r="M107" t="str">
            <v>特命</v>
          </cell>
          <cell r="N107" t="str">
            <v>高・営</v>
          </cell>
          <cell r="O107">
            <v>38905</v>
          </cell>
          <cell r="P107">
            <v>38926</v>
          </cell>
          <cell r="Q107" t="str">
            <v>壱</v>
          </cell>
          <cell r="R107" t="str">
            <v>無</v>
          </cell>
          <cell r="S107" t="str">
            <v>車両課(大谷地)</v>
          </cell>
          <cell r="T107" t="str">
            <v>桜庭　廣満</v>
          </cell>
          <cell r="U107">
            <v>8414</v>
          </cell>
          <cell r="V107" t="str">
            <v>部長</v>
          </cell>
          <cell r="W107" t="str">
            <v>なか１日</v>
          </cell>
          <cell r="X107" t="str">
            <v>特命</v>
          </cell>
          <cell r="Y107">
            <v>38873</v>
          </cell>
          <cell r="Z107">
            <v>38875</v>
          </cell>
          <cell r="AA107">
            <v>1400</v>
          </cell>
          <cell r="AB107" t="str">
            <v>交通局３階総務課（契約担当）</v>
          </cell>
          <cell r="AD107" t="str">
            <v>平成18年6月7日(水)　14時00分</v>
          </cell>
          <cell r="AI107">
            <v>1</v>
          </cell>
          <cell r="AJ107" t="str">
            <v>日立プラントテクノロジー北海道支社</v>
          </cell>
          <cell r="AU107" t="str">
            <v>要</v>
          </cell>
          <cell r="AV107">
            <v>1826000</v>
          </cell>
          <cell r="AW107">
            <v>1917300</v>
          </cell>
          <cell r="AX107">
            <v>1.0298102981029844E-2</v>
          </cell>
          <cell r="AY107" t="str">
            <v>日立プラントテクノロジー北海道支社</v>
          </cell>
          <cell r="AZ107">
            <v>1825000</v>
          </cell>
          <cell r="BA107">
            <v>1916250</v>
          </cell>
          <cell r="BB107">
            <v>91250</v>
          </cell>
          <cell r="BC107" t="str">
            <v>契約書</v>
          </cell>
          <cell r="BE107">
            <v>38875</v>
          </cell>
          <cell r="BF107" t="str">
            <v>しない</v>
          </cell>
          <cell r="BG107" t="str">
            <v>見積</v>
          </cell>
          <cell r="BH107">
            <v>0.9994523548740416</v>
          </cell>
          <cell r="BK107">
            <v>1845000</v>
          </cell>
          <cell r="BL107" t="str">
            <v xml:space="preserve"> </v>
          </cell>
          <cell r="BM107">
            <v>21000</v>
          </cell>
          <cell r="BN107">
            <v>0.98915989159891604</v>
          </cell>
        </row>
        <row r="108">
          <cell r="A108">
            <v>1063</v>
          </cell>
          <cell r="B108" t="str">
            <v>物品購入</v>
          </cell>
          <cell r="C108" t="str">
            <v>運行管理装置用ハードディスク</v>
          </cell>
          <cell r="D108">
            <v>38868</v>
          </cell>
          <cell r="E108" t="str">
            <v>特命</v>
          </cell>
          <cell r="G108">
            <v>2891700</v>
          </cell>
          <cell r="I108">
            <v>1</v>
          </cell>
          <cell r="J108" t="str">
            <v>式</v>
          </cell>
          <cell r="K108" t="str">
            <v/>
          </cell>
          <cell r="L108">
            <v>2891700</v>
          </cell>
          <cell r="M108" t="str">
            <v>特命</v>
          </cell>
          <cell r="N108" t="str">
            <v>高・営</v>
          </cell>
          <cell r="P108">
            <v>38989</v>
          </cell>
          <cell r="Q108" t="str">
            <v>壱</v>
          </cell>
          <cell r="R108" t="str">
            <v>無</v>
          </cell>
          <cell r="S108" t="str">
            <v>電気課</v>
          </cell>
          <cell r="T108" t="str">
            <v>多田　国康</v>
          </cell>
          <cell r="U108">
            <v>2642</v>
          </cell>
          <cell r="V108" t="str">
            <v>課長</v>
          </cell>
          <cell r="W108" t="str">
            <v>なか１日</v>
          </cell>
          <cell r="X108" t="str">
            <v>特命</v>
          </cell>
          <cell r="Y108">
            <v>38873</v>
          </cell>
          <cell r="Z108">
            <v>38876</v>
          </cell>
          <cell r="AA108">
            <v>1430</v>
          </cell>
          <cell r="AB108" t="str">
            <v>交通局３階総務課（契約担当）</v>
          </cell>
          <cell r="AD108" t="str">
            <v>平成18年6月8日(木)　14時30分</v>
          </cell>
          <cell r="AI108">
            <v>1</v>
          </cell>
          <cell r="AJ108" t="str">
            <v>（株）日立製作所北海道支社</v>
          </cell>
          <cell r="AU108" t="str">
            <v>要</v>
          </cell>
          <cell r="AV108">
            <v>2730000</v>
          </cell>
          <cell r="AW108">
            <v>2866500</v>
          </cell>
          <cell r="AX108">
            <v>8.7145969498910736E-3</v>
          </cell>
          <cell r="AY108" t="str">
            <v>（株）日立製作所北海道支社</v>
          </cell>
          <cell r="AZ108">
            <v>2730000</v>
          </cell>
          <cell r="BA108">
            <v>2866500</v>
          </cell>
          <cell r="BB108">
            <v>136500</v>
          </cell>
          <cell r="BC108" t="str">
            <v>契約書</v>
          </cell>
          <cell r="BE108">
            <v>38877</v>
          </cell>
          <cell r="BF108" t="str">
            <v>しない</v>
          </cell>
          <cell r="BG108" t="str">
            <v>見積</v>
          </cell>
          <cell r="BH108">
            <v>1</v>
          </cell>
          <cell r="BK108">
            <v>2754000</v>
          </cell>
          <cell r="BL108" t="str">
            <v xml:space="preserve"> </v>
          </cell>
          <cell r="BM108">
            <v>25200</v>
          </cell>
          <cell r="BN108">
            <v>0.99128540305010893</v>
          </cell>
        </row>
        <row r="109">
          <cell r="A109">
            <v>7034</v>
          </cell>
          <cell r="B109" t="str">
            <v>業務委託</v>
          </cell>
          <cell r="C109" t="str">
            <v>運行管理装置用プリント基板修理</v>
          </cell>
          <cell r="D109">
            <v>38868</v>
          </cell>
          <cell r="E109" t="str">
            <v>特命</v>
          </cell>
          <cell r="G109">
            <v>406350</v>
          </cell>
          <cell r="I109">
            <v>1</v>
          </cell>
          <cell r="J109" t="str">
            <v>式</v>
          </cell>
          <cell r="K109" t="str">
            <v/>
          </cell>
          <cell r="L109">
            <v>406350</v>
          </cell>
          <cell r="M109" t="str">
            <v>特命</v>
          </cell>
          <cell r="N109" t="str">
            <v>高・営</v>
          </cell>
          <cell r="O109">
            <v>38881</v>
          </cell>
          <cell r="P109">
            <v>38912</v>
          </cell>
          <cell r="Q109" t="str">
            <v>壱</v>
          </cell>
          <cell r="R109" t="str">
            <v>無</v>
          </cell>
          <cell r="S109" t="str">
            <v>電気課</v>
          </cell>
          <cell r="T109" t="str">
            <v>多田　国康</v>
          </cell>
          <cell r="U109">
            <v>2642</v>
          </cell>
          <cell r="V109" t="str">
            <v>部長</v>
          </cell>
          <cell r="W109" t="str">
            <v>なか１日</v>
          </cell>
          <cell r="X109" t="str">
            <v>特命</v>
          </cell>
          <cell r="Y109">
            <v>38874</v>
          </cell>
          <cell r="Z109">
            <v>38876</v>
          </cell>
          <cell r="AA109">
            <v>1500</v>
          </cell>
          <cell r="AB109" t="str">
            <v>交通局３階総務課（契約担当）</v>
          </cell>
          <cell r="AD109" t="str">
            <v>平成18年6月8日(木)　15時00分</v>
          </cell>
          <cell r="AI109">
            <v>1</v>
          </cell>
          <cell r="AJ109" t="str">
            <v>（株）日立エンジニアリングサービス北海道支店</v>
          </cell>
          <cell r="AU109" t="str">
            <v>省略可</v>
          </cell>
          <cell r="AW109">
            <v>406350</v>
          </cell>
          <cell r="AX109">
            <v>1</v>
          </cell>
          <cell r="AY109" t="str">
            <v>（株）日立エンジニアリングサービス北海道支店</v>
          </cell>
          <cell r="AZ109">
            <v>380000</v>
          </cell>
          <cell r="BA109">
            <v>399000</v>
          </cell>
          <cell r="BB109">
            <v>19000</v>
          </cell>
          <cell r="BC109" t="str">
            <v>請書</v>
          </cell>
          <cell r="BE109">
            <v>38880</v>
          </cell>
          <cell r="BF109" t="str">
            <v>しない</v>
          </cell>
          <cell r="BG109" t="str">
            <v>見積</v>
          </cell>
          <cell r="BH109">
            <v>0.98191214470284238</v>
          </cell>
          <cell r="BK109">
            <v>387000</v>
          </cell>
          <cell r="BL109" t="str">
            <v xml:space="preserve"> </v>
          </cell>
          <cell r="BM109">
            <v>7350</v>
          </cell>
          <cell r="BN109">
            <v>0.98191214470284238</v>
          </cell>
        </row>
        <row r="110">
          <cell r="A110">
            <v>1064</v>
          </cell>
          <cell r="B110" t="str">
            <v>物品購入</v>
          </cell>
          <cell r="C110" t="str">
            <v>ベアリング</v>
          </cell>
          <cell r="D110">
            <v>38870</v>
          </cell>
          <cell r="G110">
            <v>288750</v>
          </cell>
          <cell r="I110">
            <v>1</v>
          </cell>
          <cell r="J110" t="str">
            <v>式</v>
          </cell>
          <cell r="K110" t="str">
            <v/>
          </cell>
          <cell r="L110">
            <v>288750</v>
          </cell>
          <cell r="M110" t="str">
            <v>公開</v>
          </cell>
          <cell r="N110" t="str">
            <v>高・営</v>
          </cell>
          <cell r="P110">
            <v>38933</v>
          </cell>
          <cell r="Q110" t="str">
            <v>壱</v>
          </cell>
          <cell r="R110" t="str">
            <v>無</v>
          </cell>
          <cell r="S110" t="str">
            <v>車両課(真駒内)</v>
          </cell>
          <cell r="T110" t="str">
            <v>阿部　光男</v>
          </cell>
          <cell r="U110">
            <v>8317</v>
          </cell>
          <cell r="V110" t="str">
            <v>課長</v>
          </cell>
          <cell r="W110" t="str">
            <v>なか１日</v>
          </cell>
          <cell r="X110" t="str">
            <v>公開</v>
          </cell>
          <cell r="Y110">
            <v>38876</v>
          </cell>
          <cell r="Z110">
            <v>38876</v>
          </cell>
          <cell r="AB110" t="str">
            <v>交通局３階総務課（契約担当）</v>
          </cell>
          <cell r="AD110" t="e">
            <v>#VALUE!</v>
          </cell>
          <cell r="AI110">
            <v>3</v>
          </cell>
          <cell r="AJ110" t="str">
            <v>（株）イザワ</v>
          </cell>
          <cell r="AK110" t="str">
            <v>三和商行（株）</v>
          </cell>
          <cell r="AL110" t="str">
            <v>（株）大興商事</v>
          </cell>
          <cell r="AM110" t="str">
            <v>（株）ドーリン</v>
          </cell>
          <cell r="AN110" t="str">
            <v>福田部品（株）</v>
          </cell>
          <cell r="AO110" t="str">
            <v>本多産業（株）札幌支店</v>
          </cell>
          <cell r="AP110" t="str">
            <v>吉見産商（株）</v>
          </cell>
          <cell r="AU110" t="str">
            <v>省略可</v>
          </cell>
          <cell r="AW110">
            <v>288750</v>
          </cell>
          <cell r="AX110">
            <v>1</v>
          </cell>
          <cell r="AY110" t="str">
            <v>吉見産商（株）</v>
          </cell>
          <cell r="AZ110">
            <v>183000</v>
          </cell>
          <cell r="BA110">
            <v>192150</v>
          </cell>
          <cell r="BB110">
            <v>9150</v>
          </cell>
          <cell r="BC110" t="str">
            <v>発注書</v>
          </cell>
          <cell r="BE110">
            <v>38877</v>
          </cell>
          <cell r="BF110" t="str">
            <v>しない</v>
          </cell>
          <cell r="BG110" t="str">
            <v>見積(公開)</v>
          </cell>
          <cell r="BH110">
            <v>0.66545454545454541</v>
          </cell>
          <cell r="BK110">
            <v>275000</v>
          </cell>
          <cell r="BL110" t="str">
            <v xml:space="preserve"> </v>
          </cell>
          <cell r="BM110">
            <v>96600</v>
          </cell>
          <cell r="BN110">
            <v>0.66545454545454541</v>
          </cell>
        </row>
        <row r="111">
          <cell r="A111">
            <v>1065</v>
          </cell>
          <cell r="B111" t="str">
            <v>物品購入</v>
          </cell>
          <cell r="C111" t="str">
            <v>Ｏリング</v>
          </cell>
          <cell r="D111">
            <v>38873</v>
          </cell>
          <cell r="G111">
            <v>772170</v>
          </cell>
          <cell r="I111">
            <v>1</v>
          </cell>
          <cell r="J111" t="str">
            <v>式</v>
          </cell>
          <cell r="K111" t="str">
            <v/>
          </cell>
          <cell r="L111">
            <v>772170</v>
          </cell>
          <cell r="M111" t="str">
            <v>公開</v>
          </cell>
          <cell r="N111" t="str">
            <v>高・営</v>
          </cell>
          <cell r="P111">
            <v>38905</v>
          </cell>
          <cell r="Q111" t="str">
            <v>壱</v>
          </cell>
          <cell r="R111" t="str">
            <v>無</v>
          </cell>
          <cell r="S111" t="str">
            <v>車両課(真駒内)</v>
          </cell>
          <cell r="T111" t="str">
            <v>鈴木　靖広</v>
          </cell>
          <cell r="U111">
            <v>8315</v>
          </cell>
          <cell r="V111" t="str">
            <v>課長</v>
          </cell>
          <cell r="W111" t="str">
            <v>なか１日</v>
          </cell>
          <cell r="X111" t="str">
            <v>公開</v>
          </cell>
          <cell r="Y111">
            <v>38883</v>
          </cell>
          <cell r="Z111">
            <v>38883</v>
          </cell>
          <cell r="AB111" t="str">
            <v>交通局３階総務課（契約担当）</v>
          </cell>
          <cell r="AD111" t="e">
            <v>#VALUE!</v>
          </cell>
          <cell r="AI111">
            <v>3</v>
          </cell>
          <cell r="AJ111" t="str">
            <v>福田実業（株）</v>
          </cell>
          <cell r="AU111" t="str">
            <v>省略可</v>
          </cell>
          <cell r="AW111">
            <v>772170</v>
          </cell>
          <cell r="AX111">
            <v>1</v>
          </cell>
          <cell r="AY111" t="str">
            <v>福田実業（株）</v>
          </cell>
          <cell r="AZ111">
            <v>735250</v>
          </cell>
          <cell r="BA111">
            <v>772012</v>
          </cell>
          <cell r="BB111">
            <v>36762</v>
          </cell>
          <cell r="BC111" t="str">
            <v>請書</v>
          </cell>
          <cell r="BE111">
            <v>38884</v>
          </cell>
          <cell r="BF111" t="str">
            <v>しない</v>
          </cell>
          <cell r="BG111" t="str">
            <v>見積(公開)</v>
          </cell>
          <cell r="BH111">
            <v>0.99979538184596661</v>
          </cell>
          <cell r="BK111">
            <v>735400</v>
          </cell>
          <cell r="BL111" t="str">
            <v xml:space="preserve"> </v>
          </cell>
          <cell r="BM111">
            <v>158</v>
          </cell>
          <cell r="BN111">
            <v>0.99979538184596661</v>
          </cell>
        </row>
        <row r="112">
          <cell r="A112">
            <v>7035</v>
          </cell>
          <cell r="B112" t="str">
            <v>業務委託</v>
          </cell>
          <cell r="C112" t="str">
            <v>運行管理装置電源オーバーホール</v>
          </cell>
          <cell r="D112">
            <v>38873</v>
          </cell>
          <cell r="E112" t="str">
            <v>特命</v>
          </cell>
          <cell r="G112">
            <v>4602150</v>
          </cell>
          <cell r="I112">
            <v>1</v>
          </cell>
          <cell r="J112" t="str">
            <v>式</v>
          </cell>
          <cell r="K112" t="str">
            <v/>
          </cell>
          <cell r="L112">
            <v>4602150</v>
          </cell>
          <cell r="M112" t="str">
            <v>特命</v>
          </cell>
          <cell r="N112" t="str">
            <v>高・営</v>
          </cell>
          <cell r="O112">
            <v>38883</v>
          </cell>
          <cell r="P112">
            <v>39051</v>
          </cell>
          <cell r="Q112" t="str">
            <v>壱</v>
          </cell>
          <cell r="R112" t="str">
            <v>無</v>
          </cell>
          <cell r="S112" t="str">
            <v>電気課</v>
          </cell>
          <cell r="T112" t="str">
            <v>多田　国康</v>
          </cell>
          <cell r="U112">
            <v>2642</v>
          </cell>
          <cell r="V112" t="str">
            <v>管理者</v>
          </cell>
          <cell r="W112" t="str">
            <v>なか１日</v>
          </cell>
          <cell r="X112" t="str">
            <v>特命</v>
          </cell>
          <cell r="Y112">
            <v>38880</v>
          </cell>
          <cell r="Z112">
            <v>38880</v>
          </cell>
          <cell r="AA112">
            <v>1400</v>
          </cell>
          <cell r="AB112" t="str">
            <v>交通局３階総務課（契約担当）</v>
          </cell>
          <cell r="AD112" t="str">
            <v>平成18年6月12日(月)　14時00分</v>
          </cell>
          <cell r="AI112">
            <v>1</v>
          </cell>
          <cell r="AJ112" t="str">
            <v>（株）日立エンジニアリングサービス北海道支店</v>
          </cell>
          <cell r="AU112" t="str">
            <v>要</v>
          </cell>
          <cell r="AV112">
            <v>4367000</v>
          </cell>
          <cell r="AW112">
            <v>4585350</v>
          </cell>
          <cell r="AX112">
            <v>3.6504677161761645E-3</v>
          </cell>
          <cell r="AY112" t="str">
            <v>（株）日立エンジニアリングサービス北海道支店</v>
          </cell>
          <cell r="AZ112">
            <v>4350000</v>
          </cell>
          <cell r="BA112">
            <v>4567500</v>
          </cell>
          <cell r="BB112">
            <v>217500</v>
          </cell>
          <cell r="BC112" t="str">
            <v>契約書</v>
          </cell>
          <cell r="BE112">
            <v>38882</v>
          </cell>
          <cell r="BF112" t="str">
            <v>しない</v>
          </cell>
          <cell r="BG112" t="str">
            <v>見積</v>
          </cell>
          <cell r="BH112">
            <v>0.99610716739180216</v>
          </cell>
          <cell r="BK112">
            <v>4383000</v>
          </cell>
          <cell r="BL112" t="str">
            <v xml:space="preserve"> </v>
          </cell>
          <cell r="BM112">
            <v>34650</v>
          </cell>
          <cell r="BN112">
            <v>0.9924709103353867</v>
          </cell>
        </row>
        <row r="113">
          <cell r="A113">
            <v>1066</v>
          </cell>
          <cell r="B113" t="str">
            <v>物品購入</v>
          </cell>
          <cell r="C113" t="str">
            <v>磁気乗車券ロール紙</v>
          </cell>
          <cell r="D113">
            <v>38873</v>
          </cell>
          <cell r="G113">
            <v>1653750</v>
          </cell>
          <cell r="I113">
            <v>1</v>
          </cell>
          <cell r="J113" t="str">
            <v>式</v>
          </cell>
          <cell r="K113" t="str">
            <v/>
          </cell>
          <cell r="L113">
            <v>1653750</v>
          </cell>
          <cell r="M113" t="str">
            <v>入札</v>
          </cell>
          <cell r="N113" t="str">
            <v>軌・営　高・営</v>
          </cell>
          <cell r="P113">
            <v>38974</v>
          </cell>
          <cell r="Q113" t="str">
            <v>壱</v>
          </cell>
          <cell r="R113" t="str">
            <v>無</v>
          </cell>
          <cell r="S113" t="str">
            <v>経営企画課</v>
          </cell>
          <cell r="T113" t="str">
            <v>安藤　友明</v>
          </cell>
          <cell r="U113">
            <v>2115</v>
          </cell>
          <cell r="V113" t="str">
            <v>課長</v>
          </cell>
          <cell r="W113" t="str">
            <v>なか１日</v>
          </cell>
          <cell r="X113" t="str">
            <v>入札</v>
          </cell>
          <cell r="Y113">
            <v>38876</v>
          </cell>
          <cell r="Z113">
            <v>38880</v>
          </cell>
          <cell r="AA113">
            <v>1100</v>
          </cell>
          <cell r="AB113" t="str">
            <v>交通局５階入札室</v>
          </cell>
          <cell r="AD113" t="str">
            <v>平成18年6月12日(月)　11時00分</v>
          </cell>
          <cell r="AE113" t="str">
            <v>製造業</v>
          </cell>
          <cell r="AF113" t="str">
            <v>出版･印刷業</v>
          </cell>
          <cell r="AG113" t="str">
            <v>印刷</v>
          </cell>
          <cell r="AH113" t="str">
            <v>-</v>
          </cell>
          <cell r="AI113">
            <v>3</v>
          </cell>
          <cell r="AJ113" t="str">
            <v>（株）イセトー札幌支店</v>
          </cell>
          <cell r="AK113" t="str">
            <v>（株）恵和ビジネス</v>
          </cell>
          <cell r="AL113" t="str">
            <v>小林記録紙（株）札幌営業所</v>
          </cell>
          <cell r="AM113" t="str">
            <v>日本通信紙（株）札幌支店</v>
          </cell>
          <cell r="AU113" t="str">
            <v>要</v>
          </cell>
          <cell r="AV113">
            <v>1575000</v>
          </cell>
          <cell r="AW113">
            <v>1653750</v>
          </cell>
          <cell r="AX113">
            <v>0</v>
          </cell>
          <cell r="AY113" t="str">
            <v>日本通信紙（株）札幌支店</v>
          </cell>
          <cell r="AZ113">
            <v>1575000</v>
          </cell>
          <cell r="BA113">
            <v>1653750</v>
          </cell>
          <cell r="BB113">
            <v>78750</v>
          </cell>
          <cell r="BC113" t="str">
            <v>契約書</v>
          </cell>
          <cell r="BE113">
            <v>38881</v>
          </cell>
          <cell r="BF113" t="str">
            <v>しない</v>
          </cell>
          <cell r="BG113" t="str">
            <v>入  札</v>
          </cell>
          <cell r="BH113">
            <v>1</v>
          </cell>
          <cell r="BK113">
            <v>1575000</v>
          </cell>
          <cell r="BL113" t="str">
            <v xml:space="preserve"> </v>
          </cell>
          <cell r="BM113">
            <v>0</v>
          </cell>
          <cell r="BN113">
            <v>1</v>
          </cell>
        </row>
        <row r="114">
          <cell r="A114">
            <v>2012</v>
          </cell>
          <cell r="B114" t="str">
            <v>製造請負</v>
          </cell>
          <cell r="C114" t="str">
            <v>案内軌条式鉄道車両（８０００形）第７次車</v>
          </cell>
          <cell r="D114">
            <v>38873</v>
          </cell>
          <cell r="E114" t="str">
            <v>特命</v>
          </cell>
          <cell r="G114">
            <v>4074577500</v>
          </cell>
          <cell r="I114">
            <v>1</v>
          </cell>
          <cell r="J114" t="str">
            <v>式</v>
          </cell>
          <cell r="K114" t="str">
            <v/>
          </cell>
          <cell r="L114">
            <v>4074577500</v>
          </cell>
          <cell r="M114" t="str">
            <v>特命</v>
          </cell>
          <cell r="N114" t="str">
            <v>高・建改</v>
          </cell>
          <cell r="P114">
            <v>39538</v>
          </cell>
          <cell r="Q114" t="str">
            <v>四</v>
          </cell>
          <cell r="R114" t="str">
            <v>無</v>
          </cell>
          <cell r="S114" t="str">
            <v>車両課</v>
          </cell>
          <cell r="T114" t="str">
            <v>本間　均</v>
          </cell>
          <cell r="U114">
            <v>2582</v>
          </cell>
          <cell r="V114" t="str">
            <v>副市長</v>
          </cell>
          <cell r="W114" t="str">
            <v>なか１０日</v>
          </cell>
          <cell r="X114" t="str">
            <v>特命</v>
          </cell>
          <cell r="Y114">
            <v>38880</v>
          </cell>
          <cell r="Z114">
            <v>38902</v>
          </cell>
          <cell r="AA114">
            <v>1400</v>
          </cell>
          <cell r="AB114" t="str">
            <v>交通局３階総務課（契約担当）</v>
          </cell>
          <cell r="AD114" t="str">
            <v>平成18年7月4日(火)　14時00分</v>
          </cell>
          <cell r="AI114">
            <v>1</v>
          </cell>
          <cell r="AJ114" t="str">
            <v>川崎重工業（株）北海道支社</v>
          </cell>
          <cell r="AU114" t="str">
            <v>要</v>
          </cell>
          <cell r="AV114">
            <v>3833800000</v>
          </cell>
          <cell r="AW114">
            <v>4025490000</v>
          </cell>
          <cell r="AX114">
            <v>1.2047261341820104E-2</v>
          </cell>
          <cell r="AY114" t="str">
            <v>川崎重工業（株）北海道支社</v>
          </cell>
          <cell r="AZ114">
            <v>3833000000</v>
          </cell>
          <cell r="BA114">
            <v>4024650000</v>
          </cell>
          <cell r="BB114">
            <v>191650000</v>
          </cell>
          <cell r="BC114" t="str">
            <v>契約書</v>
          </cell>
          <cell r="BE114">
            <v>38903</v>
          </cell>
          <cell r="BF114" t="str">
            <v>する</v>
          </cell>
          <cell r="BG114" t="str">
            <v>見積</v>
          </cell>
          <cell r="BH114">
            <v>0.9997913297511607</v>
          </cell>
          <cell r="BK114">
            <v>3880550000</v>
          </cell>
          <cell r="BL114" t="str">
            <v xml:space="preserve"> </v>
          </cell>
          <cell r="BM114">
            <v>49927500</v>
          </cell>
          <cell r="BN114">
            <v>0.98774658231436263</v>
          </cell>
        </row>
        <row r="115">
          <cell r="A115">
            <v>1067</v>
          </cell>
          <cell r="B115" t="str">
            <v>物品購入</v>
          </cell>
          <cell r="C115" t="str">
            <v>キープレート他</v>
          </cell>
          <cell r="D115">
            <v>38874</v>
          </cell>
          <cell r="G115">
            <v>154350</v>
          </cell>
          <cell r="I115">
            <v>1</v>
          </cell>
          <cell r="J115" t="str">
            <v>式</v>
          </cell>
          <cell r="K115" t="str">
            <v/>
          </cell>
          <cell r="L115">
            <v>154350</v>
          </cell>
          <cell r="M115" t="str">
            <v>公開</v>
          </cell>
          <cell r="N115" t="str">
            <v>高・営</v>
          </cell>
          <cell r="P115">
            <v>38926</v>
          </cell>
          <cell r="Q115" t="str">
            <v>壱</v>
          </cell>
          <cell r="R115" t="str">
            <v>無</v>
          </cell>
          <cell r="S115" t="str">
            <v>施設課</v>
          </cell>
          <cell r="T115" t="str">
            <v>丸山　貴弘</v>
          </cell>
          <cell r="U115">
            <v>2592</v>
          </cell>
          <cell r="V115" t="str">
            <v>課長</v>
          </cell>
          <cell r="W115" t="str">
            <v>なか１日</v>
          </cell>
          <cell r="X115" t="str">
            <v>公開</v>
          </cell>
          <cell r="Y115">
            <v>38883</v>
          </cell>
          <cell r="Z115">
            <v>38883</v>
          </cell>
          <cell r="AB115" t="str">
            <v>交通局３階総務課（契約担当）</v>
          </cell>
          <cell r="AD115" t="e">
            <v>#VALUE!</v>
          </cell>
          <cell r="AI115">
            <v>3</v>
          </cell>
          <cell r="AJ115" t="str">
            <v>向野商事（株）</v>
          </cell>
          <cell r="AU115" t="str">
            <v>省略可</v>
          </cell>
          <cell r="AW115">
            <v>154350</v>
          </cell>
          <cell r="AX115">
            <v>1</v>
          </cell>
          <cell r="AY115" t="str">
            <v>向野商事（株）</v>
          </cell>
          <cell r="AZ115">
            <v>147000</v>
          </cell>
          <cell r="BA115">
            <v>154350</v>
          </cell>
          <cell r="BB115">
            <v>7350</v>
          </cell>
          <cell r="BC115" t="str">
            <v>発注書</v>
          </cell>
          <cell r="BE115">
            <v>38884</v>
          </cell>
          <cell r="BF115" t="str">
            <v>しない</v>
          </cell>
          <cell r="BG115" t="str">
            <v>見積(公開)</v>
          </cell>
          <cell r="BH115">
            <v>1</v>
          </cell>
          <cell r="BK115">
            <v>147000</v>
          </cell>
          <cell r="BL115" t="str">
            <v xml:space="preserve"> </v>
          </cell>
          <cell r="BM115">
            <v>0</v>
          </cell>
          <cell r="BN115">
            <v>1</v>
          </cell>
        </row>
        <row r="116">
          <cell r="A116">
            <v>1068</v>
          </cell>
          <cell r="B116" t="str">
            <v>物品購入</v>
          </cell>
          <cell r="C116" t="str">
            <v>パワーシスタン他</v>
          </cell>
          <cell r="D116">
            <v>38874</v>
          </cell>
          <cell r="G116">
            <v>1185182</v>
          </cell>
          <cell r="I116">
            <v>1</v>
          </cell>
          <cell r="J116" t="str">
            <v>式</v>
          </cell>
          <cell r="K116" t="str">
            <v/>
          </cell>
          <cell r="L116">
            <v>1185182</v>
          </cell>
          <cell r="M116" t="str">
            <v>公開</v>
          </cell>
          <cell r="N116" t="str">
            <v>高・営</v>
          </cell>
          <cell r="P116">
            <v>38940</v>
          </cell>
          <cell r="Q116" t="str">
            <v>壱</v>
          </cell>
          <cell r="R116" t="str">
            <v>無</v>
          </cell>
          <cell r="S116" t="str">
            <v>施設課</v>
          </cell>
          <cell r="T116" t="str">
            <v>岡島　昌仁</v>
          </cell>
          <cell r="U116">
            <v>2522</v>
          </cell>
          <cell r="V116" t="str">
            <v>課長</v>
          </cell>
          <cell r="W116" t="str">
            <v>なか１日</v>
          </cell>
          <cell r="X116" t="str">
            <v>公開</v>
          </cell>
          <cell r="Y116">
            <v>38883</v>
          </cell>
          <cell r="Z116">
            <v>38883</v>
          </cell>
          <cell r="AB116" t="str">
            <v>交通局３階総務課（契約担当）</v>
          </cell>
          <cell r="AD116" t="e">
            <v>#VALUE!</v>
          </cell>
          <cell r="AI116">
            <v>3</v>
          </cell>
          <cell r="AJ116" t="str">
            <v>本多産業（株）札幌支店</v>
          </cell>
          <cell r="AK116" t="str">
            <v>理興産業（株）</v>
          </cell>
          <cell r="AU116" t="str">
            <v>省略可</v>
          </cell>
          <cell r="AW116">
            <v>1185182</v>
          </cell>
          <cell r="AX116">
            <v>1</v>
          </cell>
          <cell r="AY116" t="str">
            <v>理興産業（株）</v>
          </cell>
          <cell r="AZ116">
            <v>1047200</v>
          </cell>
          <cell r="BA116">
            <v>1099560</v>
          </cell>
          <cell r="BB116">
            <v>52360</v>
          </cell>
          <cell r="BC116" t="str">
            <v>請書</v>
          </cell>
          <cell r="BE116">
            <v>38887</v>
          </cell>
          <cell r="BF116" t="str">
            <v>しない</v>
          </cell>
          <cell r="BG116" t="str">
            <v>見積(公開)</v>
          </cell>
          <cell r="BH116">
            <v>0.92775624334490403</v>
          </cell>
          <cell r="BK116">
            <v>1128744.7619047619</v>
          </cell>
          <cell r="BL116" t="str">
            <v xml:space="preserve"> </v>
          </cell>
          <cell r="BM116">
            <v>85622</v>
          </cell>
          <cell r="BN116">
            <v>0.92775624334490403</v>
          </cell>
        </row>
        <row r="117">
          <cell r="A117">
            <v>7036</v>
          </cell>
          <cell r="B117" t="str">
            <v>業務委託</v>
          </cell>
          <cell r="C117" t="str">
            <v>本局庁舎電話機移設</v>
          </cell>
          <cell r="D117">
            <v>38874</v>
          </cell>
          <cell r="E117" t="str">
            <v>特命</v>
          </cell>
          <cell r="G117">
            <v>236250</v>
          </cell>
          <cell r="I117">
            <v>1</v>
          </cell>
          <cell r="J117" t="str">
            <v>式</v>
          </cell>
          <cell r="K117" t="str">
            <v/>
          </cell>
          <cell r="L117">
            <v>236250</v>
          </cell>
          <cell r="M117" t="str">
            <v>特命</v>
          </cell>
          <cell r="N117" t="str">
            <v>高・営</v>
          </cell>
          <cell r="O117">
            <v>38880</v>
          </cell>
          <cell r="P117">
            <v>38888</v>
          </cell>
          <cell r="Q117" t="str">
            <v>壱</v>
          </cell>
          <cell r="R117" t="str">
            <v>無</v>
          </cell>
          <cell r="S117" t="str">
            <v>電気課</v>
          </cell>
          <cell r="T117" t="str">
            <v>赤地　修市</v>
          </cell>
          <cell r="U117">
            <v>2647</v>
          </cell>
          <cell r="V117" t="str">
            <v>課長</v>
          </cell>
          <cell r="W117" t="str">
            <v>なか１日</v>
          </cell>
          <cell r="X117" t="str">
            <v>特命</v>
          </cell>
          <cell r="Y117">
            <v>38877</v>
          </cell>
          <cell r="Z117">
            <v>38877</v>
          </cell>
          <cell r="AA117">
            <v>1430</v>
          </cell>
          <cell r="AB117" t="str">
            <v>交通局３階総務課（契約担当）</v>
          </cell>
          <cell r="AD117" t="str">
            <v>平成18年6月9日(金)　14時30分</v>
          </cell>
          <cell r="AI117">
            <v>1</v>
          </cell>
          <cell r="AJ117" t="str">
            <v>（株）北海道日立ソリューションズ</v>
          </cell>
          <cell r="AU117" t="str">
            <v>省略可</v>
          </cell>
          <cell r="AW117">
            <v>236250</v>
          </cell>
          <cell r="AX117">
            <v>1</v>
          </cell>
          <cell r="AY117" t="str">
            <v>（株）北海道日立ソリューションズ</v>
          </cell>
          <cell r="AZ117">
            <v>223000</v>
          </cell>
          <cell r="BA117">
            <v>234150</v>
          </cell>
          <cell r="BB117">
            <v>11150</v>
          </cell>
          <cell r="BC117" t="str">
            <v>請書</v>
          </cell>
          <cell r="BE117">
            <v>38880</v>
          </cell>
          <cell r="BF117" t="str">
            <v>しない</v>
          </cell>
          <cell r="BG117" t="str">
            <v>見積</v>
          </cell>
          <cell r="BH117">
            <v>0.99111111111111116</v>
          </cell>
          <cell r="BK117">
            <v>225000</v>
          </cell>
          <cell r="BL117" t="str">
            <v xml:space="preserve"> </v>
          </cell>
          <cell r="BM117">
            <v>2100</v>
          </cell>
          <cell r="BN117">
            <v>0.99111111111111116</v>
          </cell>
        </row>
        <row r="118">
          <cell r="A118">
            <v>1069</v>
          </cell>
          <cell r="B118" t="str">
            <v>物品購入</v>
          </cell>
          <cell r="C118" t="str">
            <v>小歯車</v>
          </cell>
          <cell r="D118">
            <v>38874</v>
          </cell>
          <cell r="E118" t="str">
            <v>特命</v>
          </cell>
          <cell r="G118">
            <v>1039500</v>
          </cell>
          <cell r="I118">
            <v>1</v>
          </cell>
          <cell r="J118" t="str">
            <v>式</v>
          </cell>
          <cell r="K118" t="str">
            <v/>
          </cell>
          <cell r="L118">
            <v>1039500</v>
          </cell>
          <cell r="M118" t="str">
            <v>特命</v>
          </cell>
          <cell r="N118" t="str">
            <v>軌・営</v>
          </cell>
          <cell r="P118">
            <v>39066</v>
          </cell>
          <cell r="Q118" t="str">
            <v>壱</v>
          </cell>
          <cell r="R118" t="str">
            <v>無</v>
          </cell>
          <cell r="S118" t="str">
            <v>電車事業所</v>
          </cell>
          <cell r="T118" t="str">
            <v>萩原　徹</v>
          </cell>
          <cell r="U118">
            <v>2933</v>
          </cell>
          <cell r="V118" t="str">
            <v>課長</v>
          </cell>
          <cell r="W118" t="str">
            <v>なか１日</v>
          </cell>
          <cell r="X118" t="str">
            <v>特命</v>
          </cell>
          <cell r="Y118">
            <v>38877</v>
          </cell>
          <cell r="Z118">
            <v>38880</v>
          </cell>
          <cell r="AA118">
            <v>1430</v>
          </cell>
          <cell r="AB118" t="str">
            <v>交通局３階総務課（契約担当）</v>
          </cell>
          <cell r="AD118" t="str">
            <v>平成18年6月12日(月)　14時30分</v>
          </cell>
          <cell r="AI118">
            <v>1</v>
          </cell>
          <cell r="AJ118" t="str">
            <v>住友商事北海道（株）</v>
          </cell>
          <cell r="AU118" t="str">
            <v>省略可</v>
          </cell>
          <cell r="AW118">
            <v>1039500</v>
          </cell>
          <cell r="AX118">
            <v>1</v>
          </cell>
          <cell r="AY118" t="str">
            <v>住友商事北海道（株）</v>
          </cell>
          <cell r="AZ118">
            <v>980000</v>
          </cell>
          <cell r="BA118">
            <v>1029000</v>
          </cell>
          <cell r="BB118">
            <v>49000</v>
          </cell>
          <cell r="BC118" t="str">
            <v>請書</v>
          </cell>
          <cell r="BE118">
            <v>38881</v>
          </cell>
          <cell r="BF118" t="str">
            <v>しない</v>
          </cell>
          <cell r="BG118" t="str">
            <v>見積</v>
          </cell>
          <cell r="BH118">
            <v>0.98989898989898994</v>
          </cell>
          <cell r="BK118">
            <v>990000</v>
          </cell>
          <cell r="BL118" t="str">
            <v xml:space="preserve"> </v>
          </cell>
          <cell r="BM118">
            <v>10500</v>
          </cell>
          <cell r="BN118">
            <v>0.98989898989898994</v>
          </cell>
        </row>
        <row r="119">
          <cell r="A119">
            <v>1070</v>
          </cell>
          <cell r="B119" t="str">
            <v>物品購入</v>
          </cell>
          <cell r="C119" t="str">
            <v>３３００形空制部品</v>
          </cell>
          <cell r="D119">
            <v>38874</v>
          </cell>
          <cell r="E119" t="str">
            <v>特命</v>
          </cell>
          <cell r="G119">
            <v>2012850</v>
          </cell>
          <cell r="I119">
            <v>1</v>
          </cell>
          <cell r="J119" t="str">
            <v>式</v>
          </cell>
          <cell r="K119" t="str">
            <v/>
          </cell>
          <cell r="L119">
            <v>2012850</v>
          </cell>
          <cell r="M119" t="str">
            <v>特命</v>
          </cell>
          <cell r="N119" t="str">
            <v>軌・営</v>
          </cell>
          <cell r="P119">
            <v>39073</v>
          </cell>
          <cell r="Q119" t="str">
            <v>壱</v>
          </cell>
          <cell r="R119" t="str">
            <v>無</v>
          </cell>
          <cell r="S119" t="str">
            <v>電車事業所</v>
          </cell>
          <cell r="T119" t="str">
            <v>黒宮　靖樹</v>
          </cell>
          <cell r="U119">
            <v>2933</v>
          </cell>
          <cell r="V119" t="str">
            <v>課長</v>
          </cell>
          <cell r="W119" t="str">
            <v>なか１日</v>
          </cell>
          <cell r="X119" t="str">
            <v>特命</v>
          </cell>
          <cell r="Y119">
            <v>38877</v>
          </cell>
          <cell r="Z119">
            <v>38880</v>
          </cell>
          <cell r="AA119">
            <v>1500</v>
          </cell>
          <cell r="AB119" t="str">
            <v>交通局３階総務課（契約担当）</v>
          </cell>
          <cell r="AD119" t="str">
            <v>平成18年6月12日(月)　15時00分</v>
          </cell>
          <cell r="AI119">
            <v>1</v>
          </cell>
          <cell r="AJ119" t="str">
            <v>ナブテスコ（株）鉄道カンパニー札幌営業所</v>
          </cell>
          <cell r="AU119" t="str">
            <v>要</v>
          </cell>
          <cell r="AV119">
            <v>1900000</v>
          </cell>
          <cell r="AW119">
            <v>1995000</v>
          </cell>
          <cell r="AX119">
            <v>8.8680229525299747E-3</v>
          </cell>
          <cell r="AY119" t="str">
            <v>ナブテスコ（株）鉄道カンパニー札幌営業所</v>
          </cell>
          <cell r="AZ119">
            <v>1899000</v>
          </cell>
          <cell r="BA119">
            <v>1993950</v>
          </cell>
          <cell r="BB119">
            <v>94950</v>
          </cell>
          <cell r="BC119" t="str">
            <v>契約書</v>
          </cell>
          <cell r="BE119">
            <v>38882</v>
          </cell>
          <cell r="BF119" t="str">
            <v>しない</v>
          </cell>
          <cell r="BG119" t="str">
            <v>見積</v>
          </cell>
          <cell r="BH119">
            <v>0.99947368421052629</v>
          </cell>
          <cell r="BK119">
            <v>1917000</v>
          </cell>
          <cell r="BL119" t="str">
            <v xml:space="preserve"> </v>
          </cell>
          <cell r="BM119">
            <v>18900</v>
          </cell>
          <cell r="BN119">
            <v>0.99061032863849763</v>
          </cell>
        </row>
        <row r="120">
          <cell r="A120">
            <v>7037</v>
          </cell>
          <cell r="B120" t="str">
            <v>業務委託</v>
          </cell>
          <cell r="C120" t="str">
            <v>東西線車両用予備台車分解整備</v>
          </cell>
          <cell r="D120">
            <v>38874</v>
          </cell>
          <cell r="E120" t="str">
            <v>特命</v>
          </cell>
          <cell r="G120">
            <v>1523550</v>
          </cell>
          <cell r="I120">
            <v>1</v>
          </cell>
          <cell r="J120" t="str">
            <v>式</v>
          </cell>
          <cell r="K120" t="str">
            <v/>
          </cell>
          <cell r="L120">
            <v>1523550</v>
          </cell>
          <cell r="M120" t="str">
            <v>特命</v>
          </cell>
          <cell r="N120" t="str">
            <v>高・営</v>
          </cell>
          <cell r="O120">
            <v>38889</v>
          </cell>
          <cell r="P120">
            <v>38975</v>
          </cell>
          <cell r="Q120" t="str">
            <v>壱</v>
          </cell>
          <cell r="R120" t="str">
            <v>無</v>
          </cell>
          <cell r="S120" t="str">
            <v>車両課(大谷地)</v>
          </cell>
          <cell r="T120" t="str">
            <v>東　良和</v>
          </cell>
          <cell r="U120">
            <v>8417</v>
          </cell>
          <cell r="V120" t="str">
            <v>部長</v>
          </cell>
          <cell r="W120" t="str">
            <v>なか１日</v>
          </cell>
          <cell r="X120" t="str">
            <v>特命</v>
          </cell>
          <cell r="Y120">
            <v>38880</v>
          </cell>
          <cell r="Z120">
            <v>38881</v>
          </cell>
          <cell r="AA120">
            <v>1400</v>
          </cell>
          <cell r="AB120" t="str">
            <v>交通局３階総務課（契約担当）</v>
          </cell>
          <cell r="AD120" t="str">
            <v>平成18年6月13日(火)　14時00分</v>
          </cell>
          <cell r="AI120">
            <v>1</v>
          </cell>
          <cell r="AJ120" t="str">
            <v>札幌交通機械（株）</v>
          </cell>
          <cell r="AU120" t="str">
            <v>要</v>
          </cell>
          <cell r="AV120">
            <v>1450000</v>
          </cell>
          <cell r="AW120">
            <v>1522500</v>
          </cell>
          <cell r="AX120">
            <v>6.8917987594763197E-4</v>
          </cell>
          <cell r="AY120" t="str">
            <v>札幌交通機械（株）</v>
          </cell>
          <cell r="AZ120">
            <v>1447000</v>
          </cell>
          <cell r="BA120">
            <v>1519350</v>
          </cell>
          <cell r="BB120">
            <v>72350</v>
          </cell>
          <cell r="BC120" t="str">
            <v>契約書</v>
          </cell>
          <cell r="BE120">
            <v>38882</v>
          </cell>
          <cell r="BF120" t="str">
            <v>しない</v>
          </cell>
          <cell r="BG120" t="str">
            <v>見積</v>
          </cell>
          <cell r="BH120">
            <v>0.99793103448275866</v>
          </cell>
          <cell r="BK120">
            <v>1451000</v>
          </cell>
          <cell r="BL120" t="str">
            <v xml:space="preserve"> </v>
          </cell>
          <cell r="BM120">
            <v>4200</v>
          </cell>
          <cell r="BN120">
            <v>0.99724328049620947</v>
          </cell>
        </row>
        <row r="121">
          <cell r="A121">
            <v>1071</v>
          </cell>
          <cell r="B121" t="str">
            <v>物品購入</v>
          </cell>
          <cell r="C121" t="str">
            <v>ベアリング他</v>
          </cell>
          <cell r="D121">
            <v>38875</v>
          </cell>
          <cell r="G121">
            <v>3973856</v>
          </cell>
          <cell r="I121">
            <v>1</v>
          </cell>
          <cell r="J121" t="str">
            <v>式</v>
          </cell>
          <cell r="K121" t="str">
            <v/>
          </cell>
          <cell r="L121">
            <v>3973856</v>
          </cell>
          <cell r="M121" t="str">
            <v>入札</v>
          </cell>
          <cell r="N121" t="str">
            <v>高・営</v>
          </cell>
          <cell r="P121">
            <v>39136</v>
          </cell>
          <cell r="Q121" t="str">
            <v>壱</v>
          </cell>
          <cell r="R121" t="str">
            <v>無</v>
          </cell>
          <cell r="S121" t="str">
            <v>車両課(大谷地)</v>
          </cell>
          <cell r="T121" t="str">
            <v>田島　義雄</v>
          </cell>
          <cell r="U121">
            <v>8417</v>
          </cell>
          <cell r="V121" t="str">
            <v>部長</v>
          </cell>
          <cell r="W121" t="str">
            <v>なか１日</v>
          </cell>
          <cell r="X121" t="str">
            <v>入札</v>
          </cell>
          <cell r="Y121">
            <v>38881</v>
          </cell>
          <cell r="Z121">
            <v>38890</v>
          </cell>
          <cell r="AA121">
            <v>1110</v>
          </cell>
          <cell r="AB121" t="str">
            <v>交通局５階入札室</v>
          </cell>
          <cell r="AD121" t="str">
            <v>平成18年6月22日(木)　11時10分</v>
          </cell>
          <cell r="AE121" t="str">
            <v>卸小売業</v>
          </cell>
          <cell r="AF121" t="str">
            <v>輸送機械器具卸小売業</v>
          </cell>
          <cell r="AG121" t="str">
            <v>鉄道車両・同部品</v>
          </cell>
          <cell r="AH121" t="str">
            <v>B</v>
          </cell>
          <cell r="AI121">
            <v>4</v>
          </cell>
          <cell r="AJ121" t="str">
            <v>潮物産（株）札幌支店</v>
          </cell>
          <cell r="AK121" t="str">
            <v>三和商行（株）</v>
          </cell>
          <cell r="AL121" t="str">
            <v>（株）ドーリン</v>
          </cell>
          <cell r="AM121" t="str">
            <v>理興産業（株）</v>
          </cell>
          <cell r="AU121" t="str">
            <v>要</v>
          </cell>
          <cell r="AV121">
            <v>3611000</v>
          </cell>
          <cell r="AW121">
            <v>3791550</v>
          </cell>
          <cell r="AX121">
            <v>4.5876347809281515E-2</v>
          </cell>
          <cell r="AY121" t="str">
            <v>潮物産（株）札幌支店</v>
          </cell>
          <cell r="AZ121">
            <v>3100000</v>
          </cell>
          <cell r="BA121">
            <v>3255000</v>
          </cell>
          <cell r="BB121">
            <v>155000</v>
          </cell>
          <cell r="BC121" t="str">
            <v>契約書</v>
          </cell>
          <cell r="BE121">
            <v>38894</v>
          </cell>
          <cell r="BF121" t="str">
            <v>しない</v>
          </cell>
          <cell r="BG121" t="str">
            <v>入  札</v>
          </cell>
          <cell r="BH121">
            <v>0.85848795347549156</v>
          </cell>
          <cell r="BK121">
            <v>3784624.7619047617</v>
          </cell>
          <cell r="BL121" t="str">
            <v xml:space="preserve"> </v>
          </cell>
          <cell r="BM121">
            <v>718856</v>
          </cell>
          <cell r="BN121">
            <v>0.81910366153177161</v>
          </cell>
        </row>
        <row r="122">
          <cell r="A122">
            <v>1072</v>
          </cell>
          <cell r="B122" t="str">
            <v>物品購入</v>
          </cell>
          <cell r="C122" t="str">
            <v>舌付座金（２４）他</v>
          </cell>
          <cell r="D122">
            <v>38875</v>
          </cell>
          <cell r="G122">
            <v>1852357</v>
          </cell>
          <cell r="I122">
            <v>1</v>
          </cell>
          <cell r="J122" t="str">
            <v>式</v>
          </cell>
          <cell r="K122" t="str">
            <v/>
          </cell>
          <cell r="L122">
            <v>1852357</v>
          </cell>
          <cell r="M122" t="str">
            <v>入札</v>
          </cell>
          <cell r="N122" t="str">
            <v>高・営</v>
          </cell>
          <cell r="P122">
            <v>38985</v>
          </cell>
          <cell r="Q122" t="str">
            <v>壱</v>
          </cell>
          <cell r="R122" t="str">
            <v>無</v>
          </cell>
          <cell r="S122" t="str">
            <v>車両課(大谷地)</v>
          </cell>
          <cell r="T122" t="str">
            <v>田島　義雄</v>
          </cell>
          <cell r="U122">
            <v>8417</v>
          </cell>
          <cell r="V122" t="str">
            <v>課長</v>
          </cell>
          <cell r="W122" t="str">
            <v>なか１日</v>
          </cell>
          <cell r="X122" t="str">
            <v>入札</v>
          </cell>
          <cell r="Y122">
            <v>38880</v>
          </cell>
          <cell r="Z122">
            <v>38890</v>
          </cell>
          <cell r="AA122">
            <v>1100</v>
          </cell>
          <cell r="AB122" t="str">
            <v>交通局５階入札室</v>
          </cell>
          <cell r="AD122" t="str">
            <v>平成18年6月22日(木)　11時00分</v>
          </cell>
          <cell r="AE122" t="str">
            <v>卸小売業</v>
          </cell>
          <cell r="AF122" t="str">
            <v>一般機械器具卸小売業</v>
          </cell>
          <cell r="AG122" t="str">
            <v>その他一般機械器具</v>
          </cell>
          <cell r="AH122" t="str">
            <v>B</v>
          </cell>
          <cell r="AI122">
            <v>3</v>
          </cell>
          <cell r="AJ122" t="str">
            <v>潮物産（株）札幌支店</v>
          </cell>
          <cell r="AK122" t="str">
            <v>向野商事（株）</v>
          </cell>
          <cell r="AL122" t="str">
            <v>理興産業（株）</v>
          </cell>
          <cell r="AU122" t="str">
            <v>要</v>
          </cell>
          <cell r="AV122">
            <v>1760000</v>
          </cell>
          <cell r="AW122">
            <v>1848000</v>
          </cell>
          <cell r="AX122">
            <v>2.3521383836917487E-3</v>
          </cell>
          <cell r="AY122" t="str">
            <v>潮物産（株）札幌支店</v>
          </cell>
          <cell r="AZ122">
            <v>1740000</v>
          </cell>
          <cell r="BA122">
            <v>1827000</v>
          </cell>
          <cell r="BB122">
            <v>87000</v>
          </cell>
          <cell r="BC122" t="str">
            <v>契約書</v>
          </cell>
          <cell r="BE122">
            <v>38894</v>
          </cell>
          <cell r="BF122" t="str">
            <v>しない</v>
          </cell>
          <cell r="BG122" t="str">
            <v>入  札</v>
          </cell>
          <cell r="BH122">
            <v>0.98863636363636365</v>
          </cell>
          <cell r="BK122">
            <v>1764149.5238095238</v>
          </cell>
          <cell r="BL122" t="str">
            <v xml:space="preserve"> </v>
          </cell>
          <cell r="BM122">
            <v>25357</v>
          </cell>
          <cell r="BN122">
            <v>0.98631095409794112</v>
          </cell>
        </row>
        <row r="123">
          <cell r="A123">
            <v>7038</v>
          </cell>
          <cell r="B123" t="str">
            <v>業務委託</v>
          </cell>
          <cell r="C123" t="str">
            <v>東豊線大通駅他配水管清掃業務</v>
          </cell>
          <cell r="D123">
            <v>38876</v>
          </cell>
          <cell r="G123">
            <v>2394000</v>
          </cell>
          <cell r="I123">
            <v>1</v>
          </cell>
          <cell r="J123" t="str">
            <v>式</v>
          </cell>
          <cell r="K123" t="str">
            <v/>
          </cell>
          <cell r="L123">
            <v>2394000</v>
          </cell>
          <cell r="M123" t="str">
            <v>入札</v>
          </cell>
          <cell r="N123" t="str">
            <v>高・営</v>
          </cell>
          <cell r="O123">
            <v>38891</v>
          </cell>
          <cell r="P123">
            <v>38989</v>
          </cell>
          <cell r="Q123" t="str">
            <v>壱</v>
          </cell>
          <cell r="R123" t="str">
            <v>無</v>
          </cell>
          <cell r="S123" t="str">
            <v>施設課</v>
          </cell>
          <cell r="T123" t="str">
            <v>鍔山　和宏</v>
          </cell>
          <cell r="U123">
            <v>2525</v>
          </cell>
          <cell r="V123" t="str">
            <v>管理者</v>
          </cell>
          <cell r="W123" t="str">
            <v>なか１日</v>
          </cell>
          <cell r="X123" t="str">
            <v>入札</v>
          </cell>
          <cell r="Y123">
            <v>38883</v>
          </cell>
          <cell r="Z123">
            <v>38889</v>
          </cell>
          <cell r="AA123">
            <v>1100</v>
          </cell>
          <cell r="AB123" t="str">
            <v>交通局５階入札室</v>
          </cell>
          <cell r="AD123" t="str">
            <v>平成18年6月21日(水)　11時00分</v>
          </cell>
          <cell r="AE123" t="str">
            <v>サービス業</v>
          </cell>
          <cell r="AF123" t="str">
            <v>建物設備等保守管理業</v>
          </cell>
          <cell r="AG123" t="str">
            <v>機械設備保守業</v>
          </cell>
          <cell r="AH123" t="str">
            <v>-</v>
          </cell>
          <cell r="AI123">
            <v>3</v>
          </cell>
          <cell r="AJ123" t="str">
            <v>アートビルシステム（株）</v>
          </cell>
          <cell r="AK123" t="str">
            <v>（協業）公清企業</v>
          </cell>
          <cell r="AL123" t="str">
            <v>パイプ技研工業（株）</v>
          </cell>
          <cell r="AU123" t="str">
            <v>要</v>
          </cell>
          <cell r="AV123">
            <v>2280000</v>
          </cell>
          <cell r="AW123">
            <v>2394000</v>
          </cell>
          <cell r="AX123">
            <v>0</v>
          </cell>
          <cell r="AY123" t="str">
            <v>パイプ技研工業（株）</v>
          </cell>
          <cell r="AZ123">
            <v>2250000</v>
          </cell>
          <cell r="BA123">
            <v>2362500</v>
          </cell>
          <cell r="BB123">
            <v>112500</v>
          </cell>
          <cell r="BC123" t="str">
            <v>契約書</v>
          </cell>
          <cell r="BE123">
            <v>38890</v>
          </cell>
          <cell r="BF123" t="str">
            <v>しない</v>
          </cell>
          <cell r="BG123" t="str">
            <v>入  札</v>
          </cell>
          <cell r="BH123">
            <v>0.98684210526315785</v>
          </cell>
          <cell r="BK123">
            <v>2280000</v>
          </cell>
          <cell r="BL123" t="str">
            <v xml:space="preserve"> </v>
          </cell>
          <cell r="BM123">
            <v>31500</v>
          </cell>
          <cell r="BN123">
            <v>0.98684210526315785</v>
          </cell>
        </row>
        <row r="124">
          <cell r="A124">
            <v>1073</v>
          </cell>
          <cell r="B124" t="str">
            <v>物品購入</v>
          </cell>
          <cell r="C124" t="str">
            <v>自動案内放送・集中監視装置保守部品その１</v>
          </cell>
          <cell r="D124">
            <v>38876</v>
          </cell>
          <cell r="E124" t="str">
            <v>特命</v>
          </cell>
          <cell r="G124">
            <v>4975950</v>
          </cell>
          <cell r="I124">
            <v>1</v>
          </cell>
          <cell r="J124" t="str">
            <v>式</v>
          </cell>
          <cell r="K124" t="str">
            <v/>
          </cell>
          <cell r="L124">
            <v>4975950</v>
          </cell>
          <cell r="M124" t="str">
            <v>特命</v>
          </cell>
          <cell r="N124" t="str">
            <v>高・営</v>
          </cell>
          <cell r="P124">
            <v>38990</v>
          </cell>
          <cell r="Q124" t="str">
            <v>壱</v>
          </cell>
          <cell r="R124" t="str">
            <v>無</v>
          </cell>
          <cell r="S124" t="str">
            <v>電気課</v>
          </cell>
          <cell r="T124" t="str">
            <v>桜庭　常夫</v>
          </cell>
          <cell r="U124">
            <v>2643</v>
          </cell>
          <cell r="V124" t="str">
            <v>部長</v>
          </cell>
          <cell r="W124" t="str">
            <v>なか１日</v>
          </cell>
          <cell r="X124" t="str">
            <v>特命</v>
          </cell>
          <cell r="Y124">
            <v>38882</v>
          </cell>
          <cell r="Z124">
            <v>38887</v>
          </cell>
          <cell r="AA124">
            <v>1400</v>
          </cell>
          <cell r="AB124" t="str">
            <v>交通局３階総務課（契約担当）</v>
          </cell>
          <cell r="AD124" t="str">
            <v>平成18年6月19日(月)　14時00分</v>
          </cell>
          <cell r="AI124">
            <v>1</v>
          </cell>
          <cell r="AJ124" t="str">
            <v>パナソニックＳＳエンジニアリング（株）北海道ＰＳＳＥ社</v>
          </cell>
          <cell r="AU124" t="str">
            <v>要</v>
          </cell>
          <cell r="AV124">
            <v>4690000</v>
          </cell>
          <cell r="AW124">
            <v>4924500</v>
          </cell>
          <cell r="AX124">
            <v>1.0339734121122546E-2</v>
          </cell>
          <cell r="AY124" t="str">
            <v>パナソニックＳＳエンジニアリング（株）北海道ＰＳＳＥ社</v>
          </cell>
          <cell r="AZ124">
            <v>4670000</v>
          </cell>
          <cell r="BA124">
            <v>4903500</v>
          </cell>
          <cell r="BB124">
            <v>233500</v>
          </cell>
          <cell r="BC124" t="str">
            <v>契約書</v>
          </cell>
          <cell r="BE124">
            <v>38887</v>
          </cell>
          <cell r="BF124" t="str">
            <v>しない</v>
          </cell>
          <cell r="BG124" t="str">
            <v>見積</v>
          </cell>
          <cell r="BH124">
            <v>0.99573560767590619</v>
          </cell>
          <cell r="BK124">
            <v>4739000</v>
          </cell>
          <cell r="BL124" t="str">
            <v xml:space="preserve"> </v>
          </cell>
          <cell r="BM124">
            <v>72450</v>
          </cell>
          <cell r="BN124">
            <v>0.98543996623760288</v>
          </cell>
        </row>
        <row r="125">
          <cell r="A125">
            <v>1074</v>
          </cell>
          <cell r="B125" t="str">
            <v>物品購入</v>
          </cell>
          <cell r="C125" t="str">
            <v>故障監視装置保守部品その２</v>
          </cell>
          <cell r="D125">
            <v>38876</v>
          </cell>
          <cell r="E125" t="str">
            <v>特命</v>
          </cell>
          <cell r="G125">
            <v>459900</v>
          </cell>
          <cell r="I125">
            <v>1</v>
          </cell>
          <cell r="J125" t="str">
            <v>式</v>
          </cell>
          <cell r="K125" t="str">
            <v/>
          </cell>
          <cell r="L125">
            <v>459900</v>
          </cell>
          <cell r="M125" t="str">
            <v>特命</v>
          </cell>
          <cell r="N125" t="str">
            <v>高・営</v>
          </cell>
          <cell r="P125">
            <v>38898</v>
          </cell>
          <cell r="Q125" t="str">
            <v>壱</v>
          </cell>
          <cell r="R125" t="str">
            <v>無</v>
          </cell>
          <cell r="S125" t="str">
            <v>電気課</v>
          </cell>
          <cell r="T125" t="str">
            <v>伊藤　弘</v>
          </cell>
          <cell r="U125">
            <v>2646</v>
          </cell>
          <cell r="V125" t="str">
            <v>課長</v>
          </cell>
          <cell r="W125" t="str">
            <v>なか１日</v>
          </cell>
          <cell r="X125" t="str">
            <v>特命</v>
          </cell>
          <cell r="Y125">
            <v>38881</v>
          </cell>
          <cell r="Z125">
            <v>38883</v>
          </cell>
          <cell r="AA125">
            <v>1400</v>
          </cell>
          <cell r="AB125" t="str">
            <v>交通局３階総務課（契約担当）</v>
          </cell>
          <cell r="AD125" t="str">
            <v>平成18年6月15日(木)　14時00分</v>
          </cell>
          <cell r="AI125">
            <v>1</v>
          </cell>
          <cell r="AJ125" t="str">
            <v>富士通サポートアンドサービス（株）北海道支社</v>
          </cell>
          <cell r="AU125" t="str">
            <v>省略可</v>
          </cell>
          <cell r="AW125">
            <v>459900</v>
          </cell>
          <cell r="AX125">
            <v>1</v>
          </cell>
          <cell r="AY125" t="str">
            <v>富士通サポートアンドサービス（株）北海道支社</v>
          </cell>
          <cell r="AZ125">
            <v>436000</v>
          </cell>
          <cell r="BA125">
            <v>457800</v>
          </cell>
          <cell r="BB125">
            <v>21800</v>
          </cell>
          <cell r="BC125" t="str">
            <v>発注書</v>
          </cell>
          <cell r="BE125">
            <v>38883</v>
          </cell>
          <cell r="BF125" t="str">
            <v>しない</v>
          </cell>
          <cell r="BG125" t="str">
            <v>見積</v>
          </cell>
          <cell r="BH125">
            <v>0.99543378995433784</v>
          </cell>
          <cell r="BK125">
            <v>438000</v>
          </cell>
          <cell r="BL125" t="str">
            <v xml:space="preserve"> </v>
          </cell>
          <cell r="BM125">
            <v>2100</v>
          </cell>
          <cell r="BN125">
            <v>0.99543378995433784</v>
          </cell>
        </row>
        <row r="126">
          <cell r="A126">
            <v>1075</v>
          </cell>
          <cell r="B126" t="str">
            <v>物品購入</v>
          </cell>
          <cell r="C126" t="str">
            <v>オペレーティングシステム</v>
          </cell>
          <cell r="D126">
            <v>38876</v>
          </cell>
          <cell r="G126">
            <v>210000</v>
          </cell>
          <cell r="I126">
            <v>1</v>
          </cell>
          <cell r="J126" t="str">
            <v>式</v>
          </cell>
          <cell r="K126" t="str">
            <v/>
          </cell>
          <cell r="L126">
            <v>210000</v>
          </cell>
          <cell r="M126" t="str">
            <v>公開</v>
          </cell>
          <cell r="N126" t="str">
            <v>高・営</v>
          </cell>
          <cell r="P126">
            <v>38929</v>
          </cell>
          <cell r="Q126" t="str">
            <v>壱</v>
          </cell>
          <cell r="R126" t="str">
            <v>無</v>
          </cell>
          <cell r="S126" t="str">
            <v>総務課</v>
          </cell>
          <cell r="T126" t="str">
            <v>橋本　直実輝</v>
          </cell>
          <cell r="U126">
            <v>2215</v>
          </cell>
          <cell r="V126" t="str">
            <v>課長</v>
          </cell>
          <cell r="W126" t="str">
            <v>なか１日</v>
          </cell>
          <cell r="X126" t="str">
            <v>公開</v>
          </cell>
          <cell r="Y126">
            <v>38883</v>
          </cell>
          <cell r="Z126">
            <v>38883</v>
          </cell>
          <cell r="AB126" t="str">
            <v>交通局３階総務課（契約担当）</v>
          </cell>
          <cell r="AD126" t="e">
            <v>#VALUE!</v>
          </cell>
          <cell r="AI126">
            <v>3</v>
          </cell>
          <cell r="AJ126" t="str">
            <v>九十九電機（株）札幌営業所</v>
          </cell>
          <cell r="AU126" t="str">
            <v>省略可</v>
          </cell>
          <cell r="AW126">
            <v>210000</v>
          </cell>
          <cell r="AX126">
            <v>1</v>
          </cell>
          <cell r="AY126" t="str">
            <v>九十九電機（株）札幌営業所</v>
          </cell>
          <cell r="AZ126">
            <v>180000</v>
          </cell>
          <cell r="BA126">
            <v>189000</v>
          </cell>
          <cell r="BB126">
            <v>9000</v>
          </cell>
          <cell r="BC126" t="str">
            <v>発注書</v>
          </cell>
          <cell r="BE126">
            <v>38884</v>
          </cell>
          <cell r="BF126" t="str">
            <v>しない</v>
          </cell>
          <cell r="BG126" t="str">
            <v>見積(公開)</v>
          </cell>
          <cell r="BH126">
            <v>0.9</v>
          </cell>
          <cell r="BK126">
            <v>200000</v>
          </cell>
          <cell r="BL126" t="str">
            <v xml:space="preserve"> </v>
          </cell>
          <cell r="BM126">
            <v>21000</v>
          </cell>
          <cell r="BN126">
            <v>0.9</v>
          </cell>
        </row>
        <row r="127">
          <cell r="A127">
            <v>2013</v>
          </cell>
          <cell r="B127" t="str">
            <v>製造請負</v>
          </cell>
          <cell r="C127" t="str">
            <v>駅処理装置・監視装置</v>
          </cell>
          <cell r="D127">
            <v>38876</v>
          </cell>
          <cell r="E127" t="str">
            <v>特命</v>
          </cell>
          <cell r="G127">
            <v>583086000</v>
          </cell>
          <cell r="I127">
            <v>1</v>
          </cell>
          <cell r="J127" t="str">
            <v>式</v>
          </cell>
          <cell r="K127" t="str">
            <v/>
          </cell>
          <cell r="L127">
            <v>583086000</v>
          </cell>
          <cell r="M127" t="str">
            <v>特命</v>
          </cell>
          <cell r="N127" t="str">
            <v>高・建改</v>
          </cell>
          <cell r="P127">
            <v>39111</v>
          </cell>
          <cell r="Q127" t="str">
            <v>壱</v>
          </cell>
          <cell r="R127" t="str">
            <v>無</v>
          </cell>
          <cell r="S127" t="str">
            <v>電気課</v>
          </cell>
          <cell r="T127" t="str">
            <v>村川　勇</v>
          </cell>
          <cell r="U127">
            <v>2663</v>
          </cell>
          <cell r="V127" t="str">
            <v>副市長</v>
          </cell>
          <cell r="W127" t="str">
            <v>なか１０日</v>
          </cell>
          <cell r="X127" t="str">
            <v>特命</v>
          </cell>
          <cell r="Y127">
            <v>38883</v>
          </cell>
          <cell r="Z127">
            <v>38910</v>
          </cell>
          <cell r="AA127">
            <v>1400</v>
          </cell>
          <cell r="AB127" t="str">
            <v>交通局３階総務課（契約担当）</v>
          </cell>
          <cell r="AD127" t="str">
            <v>平成18年7月12日(水)　14時00分</v>
          </cell>
          <cell r="AI127">
            <v>1</v>
          </cell>
          <cell r="AJ127" t="str">
            <v>日本信号（株）北海道支店</v>
          </cell>
          <cell r="AU127" t="str">
            <v>要</v>
          </cell>
          <cell r="AV127">
            <v>554860000</v>
          </cell>
          <cell r="AW127">
            <v>582603000</v>
          </cell>
          <cell r="AX127">
            <v>8.2835122091762248E-4</v>
          </cell>
          <cell r="AY127" t="str">
            <v>日本信号（株）北海道支店</v>
          </cell>
          <cell r="AZ127">
            <v>553000000</v>
          </cell>
          <cell r="BA127">
            <v>580650000</v>
          </cell>
          <cell r="BB127">
            <v>27650000</v>
          </cell>
          <cell r="BC127" t="str">
            <v>契約書</v>
          </cell>
          <cell r="BE127">
            <v>38911</v>
          </cell>
          <cell r="BF127" t="str">
            <v>する</v>
          </cell>
          <cell r="BG127" t="str">
            <v>見積</v>
          </cell>
          <cell r="BH127">
            <v>0.99664780304941791</v>
          </cell>
          <cell r="BK127">
            <v>555320000</v>
          </cell>
          <cell r="BL127" t="str">
            <v xml:space="preserve"> </v>
          </cell>
          <cell r="BM127">
            <v>2436000</v>
          </cell>
          <cell r="BN127">
            <v>0.99582222862493697</v>
          </cell>
        </row>
        <row r="128">
          <cell r="A128">
            <v>1076</v>
          </cell>
          <cell r="B128" t="str">
            <v>物品購入</v>
          </cell>
          <cell r="C128" t="str">
            <v>車内放送装置電源他</v>
          </cell>
          <cell r="D128">
            <v>38877</v>
          </cell>
          <cell r="E128" t="str">
            <v>特命</v>
          </cell>
          <cell r="G128">
            <v>1364107</v>
          </cell>
          <cell r="I128">
            <v>1</v>
          </cell>
          <cell r="J128" t="str">
            <v>式</v>
          </cell>
          <cell r="K128" t="str">
            <v/>
          </cell>
          <cell r="L128">
            <v>1364107</v>
          </cell>
          <cell r="M128" t="str">
            <v>特命</v>
          </cell>
          <cell r="N128" t="str">
            <v>高・営</v>
          </cell>
          <cell r="P128">
            <v>39099</v>
          </cell>
          <cell r="Q128" t="str">
            <v>壱</v>
          </cell>
          <cell r="R128" t="str">
            <v>無</v>
          </cell>
          <cell r="S128" t="str">
            <v>車両課(真駒内)</v>
          </cell>
          <cell r="T128" t="str">
            <v>山内　光男</v>
          </cell>
          <cell r="U128">
            <v>8312</v>
          </cell>
          <cell r="V128" t="str">
            <v>課長</v>
          </cell>
          <cell r="W128" t="str">
            <v>なか１日</v>
          </cell>
          <cell r="X128" t="str">
            <v>特命</v>
          </cell>
          <cell r="Y128">
            <v>38882</v>
          </cell>
          <cell r="Z128">
            <v>38887</v>
          </cell>
          <cell r="AA128">
            <v>1430</v>
          </cell>
          <cell r="AB128" t="str">
            <v>交通局３階総務課（契約担当）</v>
          </cell>
          <cell r="AD128" t="str">
            <v>平成18年6月19日(月)　14時30分</v>
          </cell>
          <cell r="AI128">
            <v>1</v>
          </cell>
          <cell r="AJ128" t="str">
            <v>日本信号（株）北海道支店</v>
          </cell>
          <cell r="AU128" t="str">
            <v>省略可</v>
          </cell>
          <cell r="AW128">
            <v>1364107</v>
          </cell>
          <cell r="AX128">
            <v>1</v>
          </cell>
          <cell r="AY128" t="str">
            <v>日本信号（株）北海道支店</v>
          </cell>
          <cell r="AZ128">
            <v>1298000</v>
          </cell>
          <cell r="BA128">
            <v>1362900</v>
          </cell>
          <cell r="BB128">
            <v>64900</v>
          </cell>
          <cell r="BC128" t="str">
            <v>請書</v>
          </cell>
          <cell r="BE128">
            <v>38888</v>
          </cell>
          <cell r="BF128" t="str">
            <v>しない</v>
          </cell>
          <cell r="BG128" t="str">
            <v>見積</v>
          </cell>
          <cell r="BH128">
            <v>0.99911517205028633</v>
          </cell>
          <cell r="BK128">
            <v>1299149.5238095238</v>
          </cell>
          <cell r="BL128" t="str">
            <v xml:space="preserve"> </v>
          </cell>
          <cell r="BM128">
            <v>1207</v>
          </cell>
          <cell r="BN128">
            <v>0.99911517205028633</v>
          </cell>
        </row>
        <row r="129">
          <cell r="A129">
            <v>1077</v>
          </cell>
          <cell r="B129" t="str">
            <v>物品購入</v>
          </cell>
          <cell r="C129" t="str">
            <v>ベアリング</v>
          </cell>
          <cell r="D129">
            <v>38877</v>
          </cell>
          <cell r="G129">
            <v>3272661</v>
          </cell>
          <cell r="I129">
            <v>1</v>
          </cell>
          <cell r="J129" t="str">
            <v>式</v>
          </cell>
          <cell r="K129" t="str">
            <v/>
          </cell>
          <cell r="L129">
            <v>3272661</v>
          </cell>
          <cell r="M129" t="str">
            <v>入札</v>
          </cell>
          <cell r="N129" t="str">
            <v>高・営</v>
          </cell>
          <cell r="P129">
            <v>39141</v>
          </cell>
          <cell r="Q129" t="str">
            <v>壱</v>
          </cell>
          <cell r="R129" t="str">
            <v>無</v>
          </cell>
          <cell r="S129" t="str">
            <v>車両課(二十四軒)</v>
          </cell>
          <cell r="T129" t="str">
            <v>中山　篤史</v>
          </cell>
          <cell r="U129">
            <v>8205</v>
          </cell>
          <cell r="V129" t="str">
            <v>部長</v>
          </cell>
          <cell r="W129" t="str">
            <v>なか１日</v>
          </cell>
          <cell r="X129" t="str">
            <v>入札</v>
          </cell>
          <cell r="Y129">
            <v>38883</v>
          </cell>
          <cell r="Z129">
            <v>38890</v>
          </cell>
          <cell r="AA129">
            <v>1120</v>
          </cell>
          <cell r="AB129" t="str">
            <v>交通局５階入札室</v>
          </cell>
          <cell r="AD129" t="str">
            <v>平成18年6月22日(木)　11時20分</v>
          </cell>
          <cell r="AE129" t="str">
            <v>卸小売業</v>
          </cell>
          <cell r="AF129" t="str">
            <v>輸送機械器具卸小売業</v>
          </cell>
          <cell r="AG129" t="str">
            <v>鉄道車両・同部品</v>
          </cell>
          <cell r="AH129" t="str">
            <v>B</v>
          </cell>
          <cell r="AI129">
            <v>4</v>
          </cell>
          <cell r="AJ129" t="str">
            <v>潮物産（株）札幌支店</v>
          </cell>
          <cell r="AK129" t="str">
            <v>三和商行（株）</v>
          </cell>
          <cell r="AL129" t="str">
            <v>（株）ドーリン</v>
          </cell>
          <cell r="AM129" t="str">
            <v>理興産業（株）</v>
          </cell>
          <cell r="AU129" t="str">
            <v>要</v>
          </cell>
          <cell r="AV129">
            <v>2950000</v>
          </cell>
          <cell r="AW129">
            <v>3097500</v>
          </cell>
          <cell r="AX129">
            <v>5.3522500497301784E-2</v>
          </cell>
          <cell r="AY129" t="str">
            <v>潮物産（株）札幌支店</v>
          </cell>
          <cell r="AZ129">
            <v>2460000</v>
          </cell>
          <cell r="BA129">
            <v>2583000</v>
          </cell>
          <cell r="BB129">
            <v>123000</v>
          </cell>
          <cell r="BC129" t="str">
            <v>契約書</v>
          </cell>
          <cell r="BE129">
            <v>38894</v>
          </cell>
          <cell r="BF129" t="str">
            <v>しない</v>
          </cell>
          <cell r="BG129" t="str">
            <v>入  札</v>
          </cell>
          <cell r="BH129">
            <v>0.83389830508474572</v>
          </cell>
          <cell r="BK129">
            <v>3116820</v>
          </cell>
          <cell r="BL129" t="str">
            <v xml:space="preserve"> </v>
          </cell>
          <cell r="BM129">
            <v>689661</v>
          </cell>
          <cell r="BN129">
            <v>0.78926598263614833</v>
          </cell>
        </row>
        <row r="130">
          <cell r="A130">
            <v>1078</v>
          </cell>
          <cell r="B130" t="str">
            <v>物品購入</v>
          </cell>
          <cell r="C130" t="str">
            <v>ベアリング</v>
          </cell>
          <cell r="D130">
            <v>38880</v>
          </cell>
          <cell r="G130">
            <v>2150368</v>
          </cell>
          <cell r="I130">
            <v>1</v>
          </cell>
          <cell r="J130" t="str">
            <v>式</v>
          </cell>
          <cell r="K130" t="str">
            <v/>
          </cell>
          <cell r="L130">
            <v>2150368</v>
          </cell>
          <cell r="M130" t="str">
            <v>入札</v>
          </cell>
          <cell r="N130" t="str">
            <v>高・営</v>
          </cell>
          <cell r="P130">
            <v>39161</v>
          </cell>
          <cell r="Q130" t="str">
            <v>壱</v>
          </cell>
          <cell r="R130" t="str">
            <v>無</v>
          </cell>
          <cell r="S130" t="str">
            <v>車両課(真駒内)</v>
          </cell>
          <cell r="T130" t="str">
            <v>佐藤　正明</v>
          </cell>
          <cell r="U130">
            <v>8314</v>
          </cell>
          <cell r="V130" t="str">
            <v>課長</v>
          </cell>
          <cell r="W130" t="str">
            <v>なか１日</v>
          </cell>
          <cell r="X130" t="str">
            <v>入札</v>
          </cell>
          <cell r="Y130">
            <v>38883</v>
          </cell>
          <cell r="Z130">
            <v>38890</v>
          </cell>
          <cell r="AA130">
            <v>1130</v>
          </cell>
          <cell r="AB130" t="str">
            <v>交通局５階入札室</v>
          </cell>
          <cell r="AD130" t="str">
            <v>平成18年6月22日(木)　11時30分</v>
          </cell>
          <cell r="AE130" t="str">
            <v>卸小売業</v>
          </cell>
          <cell r="AF130" t="str">
            <v>輸送機械器具卸小売業</v>
          </cell>
          <cell r="AG130" t="str">
            <v>鉄道車両・同部品</v>
          </cell>
          <cell r="AH130" t="str">
            <v>B</v>
          </cell>
          <cell r="AI130">
            <v>3</v>
          </cell>
          <cell r="AJ130" t="str">
            <v>潮物産（株）札幌支店</v>
          </cell>
          <cell r="AK130" t="str">
            <v>三和商行（株）</v>
          </cell>
          <cell r="AL130" t="str">
            <v>（株）ドーリン</v>
          </cell>
          <cell r="AM130" t="str">
            <v>理興産業（株）</v>
          </cell>
          <cell r="AU130" t="str">
            <v>要</v>
          </cell>
          <cell r="AV130">
            <v>2000000</v>
          </cell>
          <cell r="AW130">
            <v>2100000</v>
          </cell>
          <cell r="AX130">
            <v>2.3422967603684564E-2</v>
          </cell>
          <cell r="AY130" t="str">
            <v>潮物産（株）札幌支店</v>
          </cell>
          <cell r="AZ130">
            <v>1600000</v>
          </cell>
          <cell r="BA130">
            <v>1680000</v>
          </cell>
          <cell r="BB130">
            <v>80000</v>
          </cell>
          <cell r="BC130" t="str">
            <v>契約書</v>
          </cell>
          <cell r="BE130">
            <v>38894</v>
          </cell>
          <cell r="BF130" t="str">
            <v>しない</v>
          </cell>
          <cell r="BG130" t="str">
            <v>入  札</v>
          </cell>
          <cell r="BH130">
            <v>0.8</v>
          </cell>
          <cell r="BK130">
            <v>2047969.5238095238</v>
          </cell>
          <cell r="BL130" t="str">
            <v xml:space="preserve"> </v>
          </cell>
          <cell r="BM130">
            <v>470368</v>
          </cell>
          <cell r="BN130">
            <v>0.78126162591705228</v>
          </cell>
        </row>
        <row r="131">
          <cell r="A131">
            <v>7039</v>
          </cell>
          <cell r="B131" t="str">
            <v>業務委託</v>
          </cell>
          <cell r="C131" t="str">
            <v>ＩＣカード導入に関する検討支援業務</v>
          </cell>
          <cell r="D131">
            <v>38880</v>
          </cell>
          <cell r="E131" t="str">
            <v>特命</v>
          </cell>
          <cell r="G131">
            <v>1239000</v>
          </cell>
          <cell r="I131">
            <v>1</v>
          </cell>
          <cell r="J131" t="str">
            <v>式</v>
          </cell>
          <cell r="K131" t="str">
            <v/>
          </cell>
          <cell r="L131">
            <v>1239000</v>
          </cell>
          <cell r="M131" t="str">
            <v>特命</v>
          </cell>
          <cell r="N131" t="str">
            <v>高・営</v>
          </cell>
          <cell r="O131">
            <v>38889</v>
          </cell>
          <cell r="P131">
            <v>39172</v>
          </cell>
          <cell r="Q131" t="str">
            <v>壱</v>
          </cell>
          <cell r="R131" t="str">
            <v>無</v>
          </cell>
          <cell r="S131" t="str">
            <v>経営企画課</v>
          </cell>
          <cell r="T131" t="str">
            <v>大木　貴敏</v>
          </cell>
          <cell r="U131">
            <v>2298</v>
          </cell>
          <cell r="V131" t="str">
            <v>部長</v>
          </cell>
          <cell r="W131" t="str">
            <v>なか１日</v>
          </cell>
          <cell r="X131" t="str">
            <v>特命</v>
          </cell>
          <cell r="Y131">
            <v>38884</v>
          </cell>
          <cell r="Z131">
            <v>38888</v>
          </cell>
          <cell r="AA131">
            <v>1400</v>
          </cell>
          <cell r="AB131" t="str">
            <v>交通局３階総務課（契約担当）</v>
          </cell>
          <cell r="AD131" t="str">
            <v>平成18年6月20日(火)　14時00分</v>
          </cell>
          <cell r="AI131">
            <v>1</v>
          </cell>
          <cell r="AJ131" t="str">
            <v>札幌総合情報センター（株）</v>
          </cell>
          <cell r="AU131" t="str">
            <v>要</v>
          </cell>
          <cell r="AV131">
            <v>1180000</v>
          </cell>
          <cell r="AW131">
            <v>1239000</v>
          </cell>
          <cell r="AX131">
            <v>0</v>
          </cell>
          <cell r="AY131" t="str">
            <v>札幌総合情報センター（株）</v>
          </cell>
          <cell r="AZ131">
            <v>1100000</v>
          </cell>
          <cell r="BA131">
            <v>1155000</v>
          </cell>
          <cell r="BB131">
            <v>55000</v>
          </cell>
          <cell r="BC131" t="str">
            <v>契約書</v>
          </cell>
          <cell r="BE131">
            <v>38889</v>
          </cell>
          <cell r="BF131" t="str">
            <v>しない</v>
          </cell>
          <cell r="BG131" t="str">
            <v>見積</v>
          </cell>
          <cell r="BH131">
            <v>0.93220338983050843</v>
          </cell>
          <cell r="BK131">
            <v>1180000</v>
          </cell>
          <cell r="BL131" t="str">
            <v xml:space="preserve"> </v>
          </cell>
          <cell r="BM131">
            <v>84000</v>
          </cell>
          <cell r="BN131">
            <v>0.93220338983050843</v>
          </cell>
        </row>
        <row r="132">
          <cell r="A132">
            <v>7040</v>
          </cell>
          <cell r="B132" t="str">
            <v>業務委託</v>
          </cell>
          <cell r="C132" t="str">
            <v>電力管理システムハードディスク交換</v>
          </cell>
          <cell r="D132">
            <v>38881</v>
          </cell>
          <cell r="E132" t="str">
            <v>特命</v>
          </cell>
          <cell r="G132">
            <v>284550</v>
          </cell>
          <cell r="I132">
            <v>1</v>
          </cell>
          <cell r="J132" t="str">
            <v>式</v>
          </cell>
          <cell r="K132" t="str">
            <v/>
          </cell>
          <cell r="L132">
            <v>284550</v>
          </cell>
          <cell r="M132" t="str">
            <v>特命</v>
          </cell>
          <cell r="N132" t="str">
            <v>高・営</v>
          </cell>
          <cell r="O132">
            <v>38890</v>
          </cell>
          <cell r="P132">
            <v>39098</v>
          </cell>
          <cell r="Q132" t="str">
            <v>壱</v>
          </cell>
          <cell r="R132" t="str">
            <v>無</v>
          </cell>
          <cell r="S132" t="str">
            <v>電気課</v>
          </cell>
          <cell r="T132" t="str">
            <v>佐々木　泰宏</v>
          </cell>
          <cell r="U132">
            <v>2624</v>
          </cell>
          <cell r="V132" t="str">
            <v>課長</v>
          </cell>
          <cell r="W132" t="str">
            <v>なか１日</v>
          </cell>
          <cell r="X132" t="str">
            <v>特命</v>
          </cell>
          <cell r="Y132">
            <v>38884</v>
          </cell>
          <cell r="Z132">
            <v>38888</v>
          </cell>
          <cell r="AA132">
            <v>1430</v>
          </cell>
          <cell r="AB132" t="str">
            <v>交通局３階総務課（契約担当）</v>
          </cell>
          <cell r="AD132" t="str">
            <v>平成18年6月20日(火)　14時30分</v>
          </cell>
          <cell r="AI132">
            <v>1</v>
          </cell>
          <cell r="AJ132" t="str">
            <v>（株）日立エンジニアリングアンドサービス北海道支店</v>
          </cell>
          <cell r="AU132" t="str">
            <v>省略可</v>
          </cell>
          <cell r="AW132">
            <v>284550</v>
          </cell>
          <cell r="AX132">
            <v>1</v>
          </cell>
          <cell r="AY132" t="str">
            <v>（株）日立エンジニアリングサービス北海道支店</v>
          </cell>
          <cell r="AZ132">
            <v>246000</v>
          </cell>
          <cell r="BA132">
            <v>270000</v>
          </cell>
          <cell r="BB132">
            <v>12300</v>
          </cell>
          <cell r="BC132" t="str">
            <v>請書</v>
          </cell>
          <cell r="BE132">
            <v>38889</v>
          </cell>
          <cell r="BF132" t="str">
            <v>しない</v>
          </cell>
          <cell r="BG132" t="str">
            <v>見積</v>
          </cell>
          <cell r="BH132">
            <v>0.94886663152345807</v>
          </cell>
          <cell r="BK132">
            <v>271000</v>
          </cell>
          <cell r="BL132" t="str">
            <v xml:space="preserve"> </v>
          </cell>
          <cell r="BM132">
            <v>14550</v>
          </cell>
          <cell r="BN132">
            <v>0.94886663152345807</v>
          </cell>
        </row>
        <row r="133">
          <cell r="A133">
            <v>7041</v>
          </cell>
          <cell r="B133" t="str">
            <v>業務委託</v>
          </cell>
          <cell r="C133" t="str">
            <v>大通廃熱用制御装置点検</v>
          </cell>
          <cell r="D133">
            <v>38881</v>
          </cell>
          <cell r="E133" t="str">
            <v>特命</v>
          </cell>
          <cell r="G133">
            <v>258300</v>
          </cell>
          <cell r="I133">
            <v>1</v>
          </cell>
          <cell r="J133" t="str">
            <v>式</v>
          </cell>
          <cell r="K133" t="str">
            <v/>
          </cell>
          <cell r="L133">
            <v>258300</v>
          </cell>
          <cell r="M133" t="str">
            <v>特命</v>
          </cell>
          <cell r="N133" t="str">
            <v>高・営</v>
          </cell>
          <cell r="O133">
            <v>38891</v>
          </cell>
          <cell r="P133">
            <v>38939</v>
          </cell>
          <cell r="Q133" t="str">
            <v>壱</v>
          </cell>
          <cell r="R133" t="str">
            <v>無</v>
          </cell>
          <cell r="S133" t="str">
            <v>電気課</v>
          </cell>
          <cell r="T133" t="str">
            <v>佐々木　泰宏</v>
          </cell>
          <cell r="U133">
            <v>2624</v>
          </cell>
          <cell r="V133" t="str">
            <v>課長</v>
          </cell>
          <cell r="W133" t="str">
            <v>なか１日</v>
          </cell>
          <cell r="X133" t="str">
            <v>特命</v>
          </cell>
          <cell r="Y133">
            <v>38884</v>
          </cell>
          <cell r="Z133">
            <v>38888</v>
          </cell>
          <cell r="AA133">
            <v>1500</v>
          </cell>
          <cell r="AB133" t="str">
            <v>交通局３階総務課（契約担当）</v>
          </cell>
          <cell r="AD133" t="str">
            <v>平成18年6月20日(火)　15時00分</v>
          </cell>
          <cell r="AI133">
            <v>1</v>
          </cell>
          <cell r="AJ133" t="str">
            <v>富士電機システムズ（株）北海道支社</v>
          </cell>
          <cell r="AU133" t="str">
            <v>省略可</v>
          </cell>
          <cell r="AW133">
            <v>258300</v>
          </cell>
          <cell r="AX133">
            <v>1</v>
          </cell>
          <cell r="AY133" t="str">
            <v>富士電機システムズ（株）北海道支社</v>
          </cell>
          <cell r="AZ133">
            <v>246000</v>
          </cell>
          <cell r="BA133">
            <v>258300</v>
          </cell>
          <cell r="BB133">
            <v>12300</v>
          </cell>
          <cell r="BC133" t="str">
            <v>請書</v>
          </cell>
          <cell r="BE133">
            <v>38890</v>
          </cell>
          <cell r="BF133" t="str">
            <v>しない</v>
          </cell>
          <cell r="BG133" t="str">
            <v>見積</v>
          </cell>
          <cell r="BH133">
            <v>1</v>
          </cell>
          <cell r="BK133">
            <v>246000</v>
          </cell>
          <cell r="BL133" t="str">
            <v xml:space="preserve"> </v>
          </cell>
          <cell r="BM133">
            <v>0</v>
          </cell>
          <cell r="BN133">
            <v>1</v>
          </cell>
        </row>
        <row r="134">
          <cell r="A134">
            <v>1079</v>
          </cell>
          <cell r="B134" t="str">
            <v>物品購入</v>
          </cell>
          <cell r="C134" t="str">
            <v>７０００形車両Ｍ／Ｃゴムバルブ他</v>
          </cell>
          <cell r="D134">
            <v>38881</v>
          </cell>
          <cell r="E134" t="str">
            <v>特命</v>
          </cell>
          <cell r="G134">
            <v>3495954</v>
          </cell>
          <cell r="I134">
            <v>1</v>
          </cell>
          <cell r="J134" t="str">
            <v>式</v>
          </cell>
          <cell r="K134" t="str">
            <v/>
          </cell>
          <cell r="L134">
            <v>3495954</v>
          </cell>
          <cell r="M134" t="str">
            <v>特命</v>
          </cell>
          <cell r="N134" t="str">
            <v>高・営</v>
          </cell>
          <cell r="P134">
            <v>39071</v>
          </cell>
          <cell r="Q134" t="str">
            <v>壱</v>
          </cell>
          <cell r="R134" t="str">
            <v>無</v>
          </cell>
          <cell r="S134" t="str">
            <v>車両課(二十四軒)</v>
          </cell>
          <cell r="T134" t="str">
            <v>今井　道雄</v>
          </cell>
          <cell r="U134">
            <v>8210</v>
          </cell>
          <cell r="V134" t="str">
            <v>部長</v>
          </cell>
          <cell r="W134" t="str">
            <v>なか１日</v>
          </cell>
          <cell r="X134" t="str">
            <v>特命</v>
          </cell>
          <cell r="Y134">
            <v>38887</v>
          </cell>
          <cell r="Z134">
            <v>38891</v>
          </cell>
          <cell r="AA134">
            <v>1400</v>
          </cell>
          <cell r="AB134" t="str">
            <v>交通局３階総務課（契約担当）</v>
          </cell>
          <cell r="AD134" t="str">
            <v>平成18年6月23日(金)　14時00分</v>
          </cell>
          <cell r="AI134">
            <v>1</v>
          </cell>
          <cell r="AJ134" t="str">
            <v>札幌川重車両エンジニアリング（株）</v>
          </cell>
          <cell r="AU134" t="str">
            <v>要</v>
          </cell>
          <cell r="AV134">
            <v>3300000</v>
          </cell>
          <cell r="AW134">
            <v>3465000</v>
          </cell>
          <cell r="AX134">
            <v>8.8542354962336534E-3</v>
          </cell>
          <cell r="AY134" t="str">
            <v>札幌川重車両エンジニアリング（株）</v>
          </cell>
          <cell r="AZ134">
            <v>3300000</v>
          </cell>
          <cell r="BA134">
            <v>3465000</v>
          </cell>
          <cell r="BB134">
            <v>165000</v>
          </cell>
          <cell r="BC134" t="str">
            <v>契約書</v>
          </cell>
          <cell r="BE134">
            <v>38894</v>
          </cell>
          <cell r="BF134" t="str">
            <v>しない</v>
          </cell>
          <cell r="BG134" t="str">
            <v>見積</v>
          </cell>
          <cell r="BH134">
            <v>1</v>
          </cell>
          <cell r="BK134">
            <v>3329480</v>
          </cell>
          <cell r="BL134" t="str">
            <v xml:space="preserve"> </v>
          </cell>
          <cell r="BM134">
            <v>30954</v>
          </cell>
          <cell r="BN134">
            <v>0.99114576450376635</v>
          </cell>
        </row>
        <row r="135">
          <cell r="A135">
            <v>1080</v>
          </cell>
          <cell r="B135" t="str">
            <v>物品購入</v>
          </cell>
          <cell r="C135" t="str">
            <v>時限継電器</v>
          </cell>
          <cell r="D135">
            <v>38881</v>
          </cell>
          <cell r="E135" t="str">
            <v>特命</v>
          </cell>
          <cell r="G135">
            <v>2866500</v>
          </cell>
          <cell r="I135">
            <v>1</v>
          </cell>
          <cell r="J135" t="str">
            <v>式</v>
          </cell>
          <cell r="K135" t="str">
            <v/>
          </cell>
          <cell r="L135">
            <v>2866500</v>
          </cell>
          <cell r="M135" t="str">
            <v>特命</v>
          </cell>
          <cell r="N135" t="str">
            <v>高・営</v>
          </cell>
          <cell r="P135">
            <v>39071</v>
          </cell>
          <cell r="Q135" t="str">
            <v>壱</v>
          </cell>
          <cell r="R135" t="str">
            <v>無</v>
          </cell>
          <cell r="S135" t="str">
            <v>車両課(二十四軒)</v>
          </cell>
          <cell r="T135" t="str">
            <v>今井　道雄</v>
          </cell>
          <cell r="U135">
            <v>8210</v>
          </cell>
          <cell r="V135" t="str">
            <v>課長</v>
          </cell>
          <cell r="W135" t="str">
            <v>なか１日</v>
          </cell>
          <cell r="X135" t="str">
            <v>特命</v>
          </cell>
          <cell r="Y135">
            <v>38884</v>
          </cell>
          <cell r="Z135">
            <v>38889</v>
          </cell>
          <cell r="AA135">
            <v>1400</v>
          </cell>
          <cell r="AB135" t="str">
            <v>交通局３階総務課（契約担当）</v>
          </cell>
          <cell r="AD135" t="str">
            <v>平成18年6月21日(水)　14時00分</v>
          </cell>
          <cell r="AI135">
            <v>1</v>
          </cell>
          <cell r="AJ135" t="str">
            <v>（株）東芝北海道支社</v>
          </cell>
          <cell r="AU135" t="str">
            <v>要</v>
          </cell>
          <cell r="AV135">
            <v>2730000</v>
          </cell>
          <cell r="AW135">
            <v>2866500</v>
          </cell>
          <cell r="AX135">
            <v>0</v>
          </cell>
          <cell r="AY135" t="str">
            <v>（株）東芝北海道支社</v>
          </cell>
          <cell r="AZ135">
            <v>2730000</v>
          </cell>
          <cell r="BA135">
            <v>2866500</v>
          </cell>
          <cell r="BB135">
            <v>136500</v>
          </cell>
          <cell r="BC135" t="str">
            <v>契約書</v>
          </cell>
          <cell r="BE135">
            <v>38890</v>
          </cell>
          <cell r="BF135" t="str">
            <v>しない</v>
          </cell>
          <cell r="BG135" t="str">
            <v>見積</v>
          </cell>
          <cell r="BH135">
            <v>1</v>
          </cell>
          <cell r="BK135">
            <v>2730000</v>
          </cell>
          <cell r="BL135" t="str">
            <v xml:space="preserve"> </v>
          </cell>
          <cell r="BM135">
            <v>0</v>
          </cell>
          <cell r="BN135">
            <v>1</v>
          </cell>
        </row>
        <row r="136">
          <cell r="A136">
            <v>1081</v>
          </cell>
          <cell r="B136" t="str">
            <v>物品購入</v>
          </cell>
          <cell r="C136" t="str">
            <v>５０００形車両用信号機器リレー一式</v>
          </cell>
          <cell r="D136">
            <v>38881</v>
          </cell>
          <cell r="E136" t="str">
            <v>特命</v>
          </cell>
          <cell r="G136">
            <v>3262646</v>
          </cell>
          <cell r="I136">
            <v>1</v>
          </cell>
          <cell r="J136" t="str">
            <v>式</v>
          </cell>
          <cell r="K136" t="str">
            <v/>
          </cell>
          <cell r="L136">
            <v>3262646</v>
          </cell>
          <cell r="M136" t="str">
            <v>特命</v>
          </cell>
          <cell r="N136" t="str">
            <v>高・営</v>
          </cell>
          <cell r="P136">
            <v>39010</v>
          </cell>
          <cell r="Q136" t="str">
            <v>壱</v>
          </cell>
          <cell r="R136" t="str">
            <v>無</v>
          </cell>
          <cell r="S136" t="str">
            <v>車両課(真駒内)</v>
          </cell>
          <cell r="T136" t="str">
            <v>館脇　富美雄</v>
          </cell>
          <cell r="U136">
            <v>8312</v>
          </cell>
          <cell r="V136" t="str">
            <v>部長</v>
          </cell>
          <cell r="W136" t="str">
            <v>なか１日</v>
          </cell>
          <cell r="X136" t="str">
            <v>特命</v>
          </cell>
          <cell r="Y136">
            <v>38887</v>
          </cell>
          <cell r="Z136">
            <v>38891</v>
          </cell>
          <cell r="AA136">
            <v>1430</v>
          </cell>
          <cell r="AB136" t="str">
            <v>交通局３階総務課（契約担当）</v>
          </cell>
          <cell r="AD136" t="str">
            <v>平成18年6月23日(金)　14時30分</v>
          </cell>
          <cell r="AI136">
            <v>1</v>
          </cell>
          <cell r="AJ136" t="str">
            <v>日本信号（株）北海道支店</v>
          </cell>
          <cell r="AU136" t="str">
            <v>要</v>
          </cell>
          <cell r="AV136">
            <v>3023000</v>
          </cell>
          <cell r="AW136">
            <v>3174150</v>
          </cell>
          <cell r="AX136">
            <v>2.7123996903127057E-2</v>
          </cell>
          <cell r="AY136" t="str">
            <v>日本信号（株）北海道支店</v>
          </cell>
          <cell r="AZ136">
            <v>3020000</v>
          </cell>
          <cell r="BA136">
            <v>3171000</v>
          </cell>
          <cell r="BB136">
            <v>151000</v>
          </cell>
          <cell r="BC136" t="str">
            <v>契約書</v>
          </cell>
          <cell r="BE136">
            <v>38894</v>
          </cell>
          <cell r="BF136" t="str">
            <v>しない</v>
          </cell>
          <cell r="BG136" t="str">
            <v>見積</v>
          </cell>
          <cell r="BH136">
            <v>0.99900760833608993</v>
          </cell>
          <cell r="BK136">
            <v>3107281.9047619049</v>
          </cell>
          <cell r="BL136" t="str">
            <v xml:space="preserve"> </v>
          </cell>
          <cell r="BM136">
            <v>91646</v>
          </cell>
          <cell r="BN136">
            <v>0.97191052906138142</v>
          </cell>
        </row>
        <row r="137">
          <cell r="A137">
            <v>1082</v>
          </cell>
          <cell r="B137" t="str">
            <v>物品購入</v>
          </cell>
          <cell r="C137" t="str">
            <v>弁　他</v>
          </cell>
          <cell r="D137">
            <v>38881</v>
          </cell>
          <cell r="E137" t="str">
            <v>特命</v>
          </cell>
          <cell r="G137">
            <v>27151068</v>
          </cell>
          <cell r="I137">
            <v>1</v>
          </cell>
          <cell r="J137" t="str">
            <v>式</v>
          </cell>
          <cell r="K137" t="str">
            <v/>
          </cell>
          <cell r="L137">
            <v>27151068</v>
          </cell>
          <cell r="M137" t="str">
            <v>特命</v>
          </cell>
          <cell r="N137" t="str">
            <v>高・営</v>
          </cell>
          <cell r="P137">
            <v>39051</v>
          </cell>
          <cell r="Q137" t="str">
            <v>壱</v>
          </cell>
          <cell r="R137" t="str">
            <v>無</v>
          </cell>
          <cell r="S137" t="str">
            <v>車両課(真駒内)</v>
          </cell>
          <cell r="T137" t="str">
            <v>高橋　一美</v>
          </cell>
          <cell r="U137">
            <v>8315</v>
          </cell>
          <cell r="V137" t="str">
            <v>管理者</v>
          </cell>
          <cell r="W137" t="str">
            <v>なか５日</v>
          </cell>
          <cell r="X137" t="str">
            <v>特命</v>
          </cell>
          <cell r="Y137">
            <v>38889</v>
          </cell>
          <cell r="Z137">
            <v>38894</v>
          </cell>
          <cell r="AA137">
            <v>1100</v>
          </cell>
          <cell r="AB137" t="str">
            <v>交通局３階総務課（契約担当）</v>
          </cell>
          <cell r="AD137" t="str">
            <v>平成18年6月26日(月)　11時00分</v>
          </cell>
          <cell r="AI137">
            <v>1</v>
          </cell>
          <cell r="AJ137" t="str">
            <v>ナブテスコ（株）鉄道カンパニー札幌営業所</v>
          </cell>
          <cell r="AU137" t="str">
            <v>要</v>
          </cell>
          <cell r="AV137">
            <v>25590000</v>
          </cell>
          <cell r="AW137">
            <v>26869500</v>
          </cell>
          <cell r="AX137">
            <v>1.0370420787867318E-2</v>
          </cell>
          <cell r="AY137" t="str">
            <v>ナブテスコ（株）鉄道カンパニー札幌営業所</v>
          </cell>
          <cell r="AZ137">
            <v>25590000</v>
          </cell>
          <cell r="BA137">
            <v>26869500</v>
          </cell>
          <cell r="BB137">
            <v>1279500</v>
          </cell>
          <cell r="BC137" t="str">
            <v>契約書</v>
          </cell>
          <cell r="BE137">
            <v>38895</v>
          </cell>
          <cell r="BF137" t="str">
            <v>しない</v>
          </cell>
          <cell r="BG137" t="str">
            <v>見積</v>
          </cell>
          <cell r="BH137">
            <v>1</v>
          </cell>
          <cell r="BK137">
            <v>25858160</v>
          </cell>
          <cell r="BL137" t="str">
            <v xml:space="preserve"> </v>
          </cell>
          <cell r="BM137">
            <v>281568</v>
          </cell>
          <cell r="BN137">
            <v>0.98962957921213268</v>
          </cell>
        </row>
        <row r="138">
          <cell r="A138">
            <v>1083</v>
          </cell>
          <cell r="B138" t="str">
            <v>物品購入</v>
          </cell>
          <cell r="C138" t="str">
            <v>集電器用防振ゴム</v>
          </cell>
          <cell r="D138">
            <v>38881</v>
          </cell>
          <cell r="G138">
            <v>562800</v>
          </cell>
          <cell r="I138">
            <v>1</v>
          </cell>
          <cell r="J138" t="str">
            <v>式</v>
          </cell>
          <cell r="K138" t="str">
            <v/>
          </cell>
          <cell r="L138">
            <v>562800</v>
          </cell>
          <cell r="M138" t="str">
            <v>公開</v>
          </cell>
          <cell r="N138" t="str">
            <v>高・営</v>
          </cell>
          <cell r="P138">
            <v>39010</v>
          </cell>
          <cell r="Q138" t="str">
            <v>壱</v>
          </cell>
          <cell r="R138" t="str">
            <v>無</v>
          </cell>
          <cell r="S138" t="str">
            <v>車両課(真駒内)</v>
          </cell>
          <cell r="T138" t="str">
            <v>遠藤　順一</v>
          </cell>
          <cell r="U138">
            <v>8313</v>
          </cell>
          <cell r="V138" t="str">
            <v>課長</v>
          </cell>
          <cell r="W138" t="str">
            <v>なか１日</v>
          </cell>
          <cell r="X138" t="str">
            <v>公開</v>
          </cell>
          <cell r="Y138">
            <v>38890</v>
          </cell>
          <cell r="Z138">
            <v>38890</v>
          </cell>
          <cell r="AB138" t="str">
            <v>交通局３階総務課（契約担当）</v>
          </cell>
          <cell r="AD138" t="e">
            <v>#VALUE!</v>
          </cell>
          <cell r="AI138">
            <v>3</v>
          </cell>
          <cell r="AJ138" t="str">
            <v>向野商事（株）</v>
          </cell>
          <cell r="AK138" t="str">
            <v>吉見産商（株）</v>
          </cell>
          <cell r="AU138" t="str">
            <v>省略可</v>
          </cell>
          <cell r="AW138">
            <v>562800</v>
          </cell>
          <cell r="AX138">
            <v>1</v>
          </cell>
          <cell r="AY138" t="str">
            <v>吉見産商（株）</v>
          </cell>
          <cell r="AZ138">
            <v>536000</v>
          </cell>
          <cell r="BA138">
            <v>562800</v>
          </cell>
          <cell r="BB138">
            <v>26800</v>
          </cell>
          <cell r="BC138" t="str">
            <v>請書</v>
          </cell>
          <cell r="BE138">
            <v>38894</v>
          </cell>
          <cell r="BF138" t="str">
            <v>しない</v>
          </cell>
          <cell r="BG138" t="str">
            <v>見積(公開)</v>
          </cell>
          <cell r="BH138">
            <v>1</v>
          </cell>
          <cell r="BK138">
            <v>536000</v>
          </cell>
          <cell r="BL138" t="str">
            <v xml:space="preserve"> </v>
          </cell>
          <cell r="BM138">
            <v>0</v>
          </cell>
          <cell r="BN138">
            <v>1</v>
          </cell>
        </row>
        <row r="139">
          <cell r="A139">
            <v>1084</v>
          </cell>
          <cell r="B139" t="str">
            <v>物品購入</v>
          </cell>
          <cell r="C139" t="str">
            <v>南北線車両用集電器スリ板</v>
          </cell>
          <cell r="D139">
            <v>38881</v>
          </cell>
          <cell r="G139">
            <v>763035</v>
          </cell>
          <cell r="I139">
            <v>1</v>
          </cell>
          <cell r="J139" t="str">
            <v>式</v>
          </cell>
          <cell r="K139" t="str">
            <v/>
          </cell>
          <cell r="L139">
            <v>763035</v>
          </cell>
          <cell r="M139" t="str">
            <v>公開</v>
          </cell>
          <cell r="N139" t="str">
            <v>高・営</v>
          </cell>
          <cell r="P139">
            <v>39013</v>
          </cell>
          <cell r="Q139" t="str">
            <v>壱</v>
          </cell>
          <cell r="R139" t="str">
            <v>無</v>
          </cell>
          <cell r="S139" t="str">
            <v>車両課(真駒内)</v>
          </cell>
          <cell r="T139" t="str">
            <v>遠藤　順一</v>
          </cell>
          <cell r="U139">
            <v>8313</v>
          </cell>
          <cell r="V139" t="str">
            <v>課長</v>
          </cell>
          <cell r="W139" t="str">
            <v>なか１日</v>
          </cell>
          <cell r="X139" t="str">
            <v>公開</v>
          </cell>
          <cell r="Y139">
            <v>38890</v>
          </cell>
          <cell r="Z139">
            <v>38890</v>
          </cell>
          <cell r="AB139" t="str">
            <v>交通局３階総務課（契約担当）</v>
          </cell>
          <cell r="AD139" t="e">
            <v>#VALUE!</v>
          </cell>
          <cell r="AI139">
            <v>3</v>
          </cell>
          <cell r="AJ139" t="str">
            <v>うえてつ（株）</v>
          </cell>
          <cell r="AU139" t="str">
            <v>省略可</v>
          </cell>
          <cell r="AW139">
            <v>763035</v>
          </cell>
          <cell r="AX139">
            <v>1</v>
          </cell>
          <cell r="AY139" t="str">
            <v>うえてつ（株）</v>
          </cell>
          <cell r="AZ139">
            <v>726700</v>
          </cell>
          <cell r="BA139">
            <v>763035</v>
          </cell>
          <cell r="BB139">
            <v>36335</v>
          </cell>
          <cell r="BC139" t="str">
            <v>請書</v>
          </cell>
          <cell r="BE139">
            <v>38895</v>
          </cell>
          <cell r="BF139" t="str">
            <v>しない</v>
          </cell>
          <cell r="BG139" t="str">
            <v>見積(公開)</v>
          </cell>
          <cell r="BH139">
            <v>1</v>
          </cell>
          <cell r="BK139">
            <v>726700</v>
          </cell>
          <cell r="BL139" t="str">
            <v xml:space="preserve"> </v>
          </cell>
          <cell r="BM139">
            <v>0</v>
          </cell>
          <cell r="BN139">
            <v>1</v>
          </cell>
        </row>
        <row r="140">
          <cell r="A140">
            <v>1085</v>
          </cell>
          <cell r="B140" t="str">
            <v>物品購入</v>
          </cell>
          <cell r="C140" t="str">
            <v>アクティブフィルター部品</v>
          </cell>
          <cell r="D140">
            <v>38883</v>
          </cell>
          <cell r="E140" t="str">
            <v>特命</v>
          </cell>
          <cell r="G140">
            <v>10962000</v>
          </cell>
          <cell r="I140">
            <v>1</v>
          </cell>
          <cell r="J140" t="str">
            <v>式</v>
          </cell>
          <cell r="K140" t="str">
            <v/>
          </cell>
          <cell r="L140">
            <v>10962000</v>
          </cell>
          <cell r="M140" t="str">
            <v>特命</v>
          </cell>
          <cell r="N140" t="str">
            <v>高・営</v>
          </cell>
          <cell r="P140">
            <v>38989</v>
          </cell>
          <cell r="Q140" t="str">
            <v>壱</v>
          </cell>
          <cell r="R140" t="str">
            <v>無</v>
          </cell>
          <cell r="S140" t="str">
            <v>電気課</v>
          </cell>
          <cell r="T140" t="str">
            <v>大野　昇</v>
          </cell>
          <cell r="U140">
            <v>2623</v>
          </cell>
          <cell r="V140" t="str">
            <v>管理者</v>
          </cell>
          <cell r="W140" t="str">
            <v>なか５日</v>
          </cell>
          <cell r="X140" t="str">
            <v>特命</v>
          </cell>
          <cell r="Y140">
            <v>38891</v>
          </cell>
          <cell r="Z140">
            <v>38894</v>
          </cell>
          <cell r="AA140">
            <v>1430</v>
          </cell>
          <cell r="AB140" t="str">
            <v>交通局３階総務課（契約担当）</v>
          </cell>
          <cell r="AD140" t="str">
            <v>平成18年6月26日(月)　14時30分</v>
          </cell>
          <cell r="AI140">
            <v>1</v>
          </cell>
          <cell r="AJ140" t="str">
            <v>三菱電機（株）北海道支社</v>
          </cell>
          <cell r="AU140" t="str">
            <v>要</v>
          </cell>
          <cell r="AV140">
            <v>10335000</v>
          </cell>
          <cell r="AW140">
            <v>10851750</v>
          </cell>
          <cell r="AX140">
            <v>1.0057471264367845E-2</v>
          </cell>
          <cell r="AY140" t="str">
            <v>三菱電機（株）北海道支社</v>
          </cell>
          <cell r="AZ140">
            <v>10100000</v>
          </cell>
          <cell r="BA140">
            <v>10605000</v>
          </cell>
          <cell r="BB140">
            <v>505000</v>
          </cell>
          <cell r="BC140" t="str">
            <v>契約書</v>
          </cell>
          <cell r="BE140">
            <v>38895</v>
          </cell>
          <cell r="BF140" t="str">
            <v>しない</v>
          </cell>
          <cell r="BG140" t="str">
            <v>見積</v>
          </cell>
          <cell r="BH140">
            <v>0.97726173197871313</v>
          </cell>
          <cell r="BK140">
            <v>10440000</v>
          </cell>
          <cell r="BL140" t="str">
            <v xml:space="preserve"> </v>
          </cell>
          <cell r="BM140">
            <v>357000</v>
          </cell>
          <cell r="BN140">
            <v>0.96743295019157083</v>
          </cell>
        </row>
        <row r="141">
          <cell r="A141">
            <v>1086</v>
          </cell>
          <cell r="B141" t="str">
            <v>物品購入</v>
          </cell>
          <cell r="C141" t="str">
            <v>ゴムバルブ他</v>
          </cell>
          <cell r="D141">
            <v>38884</v>
          </cell>
          <cell r="E141" t="str">
            <v>特命</v>
          </cell>
          <cell r="G141">
            <v>1527907</v>
          </cell>
          <cell r="I141">
            <v>1</v>
          </cell>
          <cell r="J141" t="str">
            <v>式</v>
          </cell>
          <cell r="K141" t="str">
            <v/>
          </cell>
          <cell r="L141">
            <v>1527907</v>
          </cell>
          <cell r="M141" t="str">
            <v>特命</v>
          </cell>
          <cell r="N141" t="str">
            <v>高・営</v>
          </cell>
          <cell r="P141">
            <v>39059</v>
          </cell>
          <cell r="Q141" t="str">
            <v>壱</v>
          </cell>
          <cell r="R141" t="str">
            <v>無</v>
          </cell>
          <cell r="S141" t="str">
            <v>車両課(大谷地)</v>
          </cell>
          <cell r="T141" t="str">
            <v>疋田　幹憲</v>
          </cell>
          <cell r="U141">
            <v>8418</v>
          </cell>
          <cell r="V141" t="str">
            <v>課長</v>
          </cell>
          <cell r="W141" t="str">
            <v>なか１日</v>
          </cell>
          <cell r="X141" t="str">
            <v>特命</v>
          </cell>
          <cell r="Y141">
            <v>38889</v>
          </cell>
          <cell r="Z141">
            <v>38891</v>
          </cell>
          <cell r="AA141">
            <v>1415</v>
          </cell>
          <cell r="AB141" t="str">
            <v>交通局３階総務課（契約担当）</v>
          </cell>
          <cell r="AD141" t="str">
            <v>平成18年6月23日(金)　14時15分</v>
          </cell>
          <cell r="AI141">
            <v>1</v>
          </cell>
          <cell r="AJ141" t="str">
            <v>札幌川重車両エンジニアリング（株）</v>
          </cell>
          <cell r="AU141" t="str">
            <v>省略可</v>
          </cell>
          <cell r="AW141">
            <v>1527907</v>
          </cell>
          <cell r="AX141">
            <v>1</v>
          </cell>
          <cell r="AY141" t="str">
            <v>札幌川重車両エンジニアリング（株）</v>
          </cell>
          <cell r="AZ141">
            <v>1455000</v>
          </cell>
          <cell r="BA141">
            <v>1527750</v>
          </cell>
          <cell r="BB141">
            <v>72750</v>
          </cell>
          <cell r="BC141" t="str">
            <v>請書</v>
          </cell>
          <cell r="BE141">
            <v>38894</v>
          </cell>
          <cell r="BF141" t="str">
            <v>しない</v>
          </cell>
          <cell r="BG141" t="str">
            <v>見積</v>
          </cell>
          <cell r="BH141">
            <v>0.99989724505483646</v>
          </cell>
          <cell r="BK141">
            <v>1455149.5238095238</v>
          </cell>
          <cell r="BL141" t="str">
            <v xml:space="preserve"> </v>
          </cell>
          <cell r="BM141">
            <v>157</v>
          </cell>
          <cell r="BN141">
            <v>0.99989724505483646</v>
          </cell>
        </row>
        <row r="142">
          <cell r="A142">
            <v>1087</v>
          </cell>
          <cell r="B142" t="str">
            <v>物品購入</v>
          </cell>
          <cell r="C142" t="str">
            <v>東西線車両用Ｏリング</v>
          </cell>
          <cell r="D142">
            <v>38884</v>
          </cell>
          <cell r="G142">
            <v>336945</v>
          </cell>
          <cell r="I142">
            <v>1</v>
          </cell>
          <cell r="J142" t="str">
            <v>式</v>
          </cell>
          <cell r="K142" t="str">
            <v/>
          </cell>
          <cell r="L142">
            <v>336945</v>
          </cell>
          <cell r="M142" t="str">
            <v>公開</v>
          </cell>
          <cell r="N142" t="str">
            <v>高・営</v>
          </cell>
          <cell r="P142">
            <v>38954</v>
          </cell>
          <cell r="Q142" t="str">
            <v>壱</v>
          </cell>
          <cell r="R142" t="str">
            <v>無</v>
          </cell>
          <cell r="S142" t="str">
            <v>車両課(大谷地)</v>
          </cell>
          <cell r="T142" t="str">
            <v>東　良和</v>
          </cell>
          <cell r="U142">
            <v>8417</v>
          </cell>
          <cell r="V142" t="str">
            <v>課長</v>
          </cell>
          <cell r="W142" t="str">
            <v>なか１日</v>
          </cell>
          <cell r="X142" t="str">
            <v>公開</v>
          </cell>
          <cell r="Y142">
            <v>38897</v>
          </cell>
          <cell r="Z142">
            <v>38897</v>
          </cell>
          <cell r="AB142" t="str">
            <v>交通局３階総務課（契約担当）</v>
          </cell>
          <cell r="AD142" t="e">
            <v>#VALUE!</v>
          </cell>
          <cell r="AI142">
            <v>3</v>
          </cell>
          <cell r="AJ142" t="str">
            <v>福田実業（株）</v>
          </cell>
          <cell r="AU142" t="str">
            <v>省略可</v>
          </cell>
          <cell r="AW142">
            <v>336945</v>
          </cell>
          <cell r="AX142">
            <v>1</v>
          </cell>
          <cell r="AY142" t="str">
            <v>福田実業（株）</v>
          </cell>
          <cell r="AZ142">
            <v>320900</v>
          </cell>
          <cell r="BA142">
            <v>336945</v>
          </cell>
          <cell r="BB142">
            <v>16045</v>
          </cell>
          <cell r="BC142" t="str">
            <v>発注書</v>
          </cell>
          <cell r="BE142">
            <v>38898</v>
          </cell>
          <cell r="BF142" t="str">
            <v>しない</v>
          </cell>
          <cell r="BG142" t="str">
            <v>見積(公開)</v>
          </cell>
          <cell r="BH142">
            <v>1</v>
          </cell>
          <cell r="BK142">
            <v>320900</v>
          </cell>
          <cell r="BL142" t="str">
            <v xml:space="preserve"> </v>
          </cell>
          <cell r="BM142">
            <v>0</v>
          </cell>
          <cell r="BN142">
            <v>1</v>
          </cell>
        </row>
        <row r="143">
          <cell r="A143">
            <v>1088</v>
          </cell>
          <cell r="B143" t="str">
            <v>物品購入</v>
          </cell>
          <cell r="C143" t="str">
            <v>７０００形用配線用遮断機</v>
          </cell>
          <cell r="D143">
            <v>38884</v>
          </cell>
          <cell r="G143">
            <v>170352</v>
          </cell>
          <cell r="I143">
            <v>1</v>
          </cell>
          <cell r="J143" t="str">
            <v>式</v>
          </cell>
          <cell r="K143" t="str">
            <v/>
          </cell>
          <cell r="L143">
            <v>170352</v>
          </cell>
          <cell r="M143" t="str">
            <v>公開</v>
          </cell>
          <cell r="N143" t="str">
            <v>高・営</v>
          </cell>
          <cell r="P143">
            <v>39021</v>
          </cell>
          <cell r="Q143" t="str">
            <v>壱</v>
          </cell>
          <cell r="R143" t="str">
            <v>無</v>
          </cell>
          <cell r="S143" t="str">
            <v>車両課(二十四軒)</v>
          </cell>
          <cell r="T143" t="str">
            <v>鈴木　康至</v>
          </cell>
          <cell r="U143">
            <v>8205</v>
          </cell>
          <cell r="V143" t="str">
            <v>課長</v>
          </cell>
          <cell r="W143" t="str">
            <v>なか１日</v>
          </cell>
          <cell r="X143" t="str">
            <v>公開</v>
          </cell>
          <cell r="Y143">
            <v>38890</v>
          </cell>
          <cell r="Z143">
            <v>38890</v>
          </cell>
          <cell r="AB143" t="str">
            <v>交通局３階総務課（契約担当）</v>
          </cell>
          <cell r="AD143" t="e">
            <v>#VALUE!</v>
          </cell>
          <cell r="AI143">
            <v>3</v>
          </cell>
          <cell r="AJ143" t="str">
            <v>（株）イザワ</v>
          </cell>
          <cell r="AK143" t="str">
            <v>（株）エミヤ</v>
          </cell>
          <cell r="AL143" t="str">
            <v>札幌川重車両エンジニアリング（株）</v>
          </cell>
          <cell r="AM143" t="str">
            <v>（株）大興商事</v>
          </cell>
          <cell r="AN143" t="str">
            <v>東芝電材マーケティング（株）</v>
          </cell>
          <cell r="AO143" t="str">
            <v>理興産業（株）</v>
          </cell>
          <cell r="AU143" t="str">
            <v>省略可</v>
          </cell>
          <cell r="AW143">
            <v>170352</v>
          </cell>
          <cell r="AX143">
            <v>1</v>
          </cell>
          <cell r="AY143" t="str">
            <v>札幌川重車両エンジニアリング（株）</v>
          </cell>
          <cell r="AZ143">
            <v>162240</v>
          </cell>
          <cell r="BA143">
            <v>170352</v>
          </cell>
          <cell r="BB143">
            <v>8112</v>
          </cell>
          <cell r="BC143" t="str">
            <v>発注書</v>
          </cell>
          <cell r="BE143">
            <v>38891</v>
          </cell>
          <cell r="BF143" t="str">
            <v>しない</v>
          </cell>
          <cell r="BG143" t="str">
            <v>見積(公開)</v>
          </cell>
          <cell r="BH143">
            <v>1</v>
          </cell>
          <cell r="BK143">
            <v>162240</v>
          </cell>
          <cell r="BL143" t="str">
            <v xml:space="preserve"> </v>
          </cell>
          <cell r="BM143">
            <v>0</v>
          </cell>
          <cell r="BN143">
            <v>1</v>
          </cell>
        </row>
        <row r="144">
          <cell r="A144">
            <v>2014</v>
          </cell>
          <cell r="B144" t="str">
            <v>製造請負</v>
          </cell>
          <cell r="C144" t="str">
            <v>記念共通ウィズユーカード（ポケモンセンターサッポロ開店記念）</v>
          </cell>
          <cell r="D144">
            <v>38884</v>
          </cell>
          <cell r="E144" t="str">
            <v>特命</v>
          </cell>
          <cell r="G144">
            <v>185850</v>
          </cell>
          <cell r="I144">
            <v>5000</v>
          </cell>
          <cell r="J144" t="str">
            <v>枚</v>
          </cell>
          <cell r="K144" t="str">
            <v/>
          </cell>
          <cell r="L144">
            <v>185850</v>
          </cell>
          <cell r="M144" t="str">
            <v>特命</v>
          </cell>
          <cell r="N144" t="str">
            <v>軌・営　高・営</v>
          </cell>
          <cell r="P144">
            <v>38916</v>
          </cell>
          <cell r="Q144" t="str">
            <v>壱</v>
          </cell>
          <cell r="R144" t="str">
            <v>無</v>
          </cell>
          <cell r="S144" t="str">
            <v>経営企画課</v>
          </cell>
          <cell r="T144" t="str">
            <v>今野　吉隆</v>
          </cell>
          <cell r="U144">
            <v>2123</v>
          </cell>
          <cell r="V144" t="str">
            <v>課長</v>
          </cell>
          <cell r="W144" t="str">
            <v>なか１日</v>
          </cell>
          <cell r="X144" t="str">
            <v>特命</v>
          </cell>
          <cell r="Y144">
            <v>38889</v>
          </cell>
          <cell r="Z144">
            <v>38889</v>
          </cell>
          <cell r="AA144">
            <v>1430</v>
          </cell>
          <cell r="AB144" t="str">
            <v>交通局３階総務課（契約担当）</v>
          </cell>
          <cell r="AD144" t="str">
            <v>平成18年6月21日(水)　14時30分</v>
          </cell>
          <cell r="AI144">
            <v>1</v>
          </cell>
          <cell r="AJ144" t="str">
            <v>共同印刷（株）</v>
          </cell>
          <cell r="AU144" t="str">
            <v>省略可</v>
          </cell>
          <cell r="AW144">
            <v>185850</v>
          </cell>
          <cell r="AX144">
            <v>1</v>
          </cell>
          <cell r="AY144" t="str">
            <v>共同印刷（株）</v>
          </cell>
          <cell r="AZ144">
            <v>175000</v>
          </cell>
          <cell r="BA144">
            <v>183750</v>
          </cell>
          <cell r="BB144">
            <v>8750</v>
          </cell>
          <cell r="BC144" t="str">
            <v>発注書</v>
          </cell>
          <cell r="BE144">
            <v>38889</v>
          </cell>
          <cell r="BF144" t="str">
            <v>しない</v>
          </cell>
          <cell r="BG144" t="str">
            <v>見積</v>
          </cell>
          <cell r="BH144">
            <v>0.98870056497175141</v>
          </cell>
          <cell r="BK144">
            <v>177000</v>
          </cell>
          <cell r="BL144">
            <v>37.17</v>
          </cell>
          <cell r="BM144">
            <v>2100</v>
          </cell>
          <cell r="BN144">
            <v>0.98870056497175141</v>
          </cell>
        </row>
        <row r="145">
          <cell r="A145">
            <v>2015</v>
          </cell>
          <cell r="B145" t="str">
            <v>製造請負</v>
          </cell>
          <cell r="C145" t="str">
            <v>記念共通ウィズユーカード【映画「仮面ライダーカブト」】</v>
          </cell>
          <cell r="D145">
            <v>38884</v>
          </cell>
          <cell r="E145" t="str">
            <v>特命</v>
          </cell>
          <cell r="G145">
            <v>183750</v>
          </cell>
          <cell r="I145">
            <v>5000</v>
          </cell>
          <cell r="J145" t="str">
            <v>枚</v>
          </cell>
          <cell r="K145" t="str">
            <v/>
          </cell>
          <cell r="L145">
            <v>183750</v>
          </cell>
          <cell r="M145" t="str">
            <v>特命</v>
          </cell>
          <cell r="N145" t="str">
            <v>軌・営　高・営</v>
          </cell>
          <cell r="P145">
            <v>38929</v>
          </cell>
          <cell r="Q145" t="str">
            <v>壱</v>
          </cell>
          <cell r="R145" t="str">
            <v>無</v>
          </cell>
          <cell r="S145" t="str">
            <v>経営企画課</v>
          </cell>
          <cell r="T145" t="str">
            <v>今野　吉隆</v>
          </cell>
          <cell r="U145">
            <v>2123</v>
          </cell>
          <cell r="V145" t="str">
            <v>課長</v>
          </cell>
          <cell r="W145" t="str">
            <v>なか１日</v>
          </cell>
          <cell r="X145" t="str">
            <v>特命</v>
          </cell>
          <cell r="Y145">
            <v>38889</v>
          </cell>
          <cell r="Z145">
            <v>38889</v>
          </cell>
          <cell r="AA145">
            <v>1500</v>
          </cell>
          <cell r="AB145" t="str">
            <v>交通局３階総務課（契約担当）</v>
          </cell>
          <cell r="AD145" t="str">
            <v>平成18年6月21日(水)　15時00分</v>
          </cell>
          <cell r="AI145">
            <v>1</v>
          </cell>
          <cell r="AJ145" t="str">
            <v>凸版印刷（株）北海道事業部</v>
          </cell>
          <cell r="AU145" t="str">
            <v>省略可</v>
          </cell>
          <cell r="AW145">
            <v>183750</v>
          </cell>
          <cell r="AX145">
            <v>1</v>
          </cell>
          <cell r="AY145" t="str">
            <v>凸版印刷（株）北海道事業部</v>
          </cell>
          <cell r="AZ145">
            <v>175000</v>
          </cell>
          <cell r="BA145">
            <v>183750</v>
          </cell>
          <cell r="BB145">
            <v>8750</v>
          </cell>
          <cell r="BC145" t="str">
            <v>発注書</v>
          </cell>
          <cell r="BE145">
            <v>38889</v>
          </cell>
          <cell r="BF145" t="str">
            <v>しない</v>
          </cell>
          <cell r="BG145" t="str">
            <v>見積</v>
          </cell>
          <cell r="BH145">
            <v>1</v>
          </cell>
          <cell r="BK145">
            <v>175000</v>
          </cell>
          <cell r="BL145">
            <v>36.75</v>
          </cell>
          <cell r="BM145">
            <v>0</v>
          </cell>
          <cell r="BN145">
            <v>1</v>
          </cell>
        </row>
        <row r="146">
          <cell r="A146">
            <v>7042</v>
          </cell>
          <cell r="B146" t="str">
            <v>業務委託</v>
          </cell>
          <cell r="C146" t="str">
            <v>東西線地下構造物通常点検業務</v>
          </cell>
          <cell r="D146">
            <v>38884</v>
          </cell>
          <cell r="G146">
            <v>10008600</v>
          </cell>
          <cell r="I146">
            <v>1</v>
          </cell>
          <cell r="J146" t="str">
            <v>式</v>
          </cell>
          <cell r="K146" t="str">
            <v/>
          </cell>
          <cell r="L146">
            <v>10008600</v>
          </cell>
          <cell r="M146" t="str">
            <v>入札</v>
          </cell>
          <cell r="N146" t="str">
            <v>高・営</v>
          </cell>
          <cell r="O146">
            <v>38897</v>
          </cell>
          <cell r="P146">
            <v>39046</v>
          </cell>
          <cell r="Q146" t="str">
            <v>壱</v>
          </cell>
          <cell r="R146" t="str">
            <v>無</v>
          </cell>
          <cell r="S146" t="str">
            <v>施設課</v>
          </cell>
          <cell r="T146" t="str">
            <v>草野　剛一</v>
          </cell>
          <cell r="U146">
            <v>2572</v>
          </cell>
          <cell r="V146" t="str">
            <v>管理者</v>
          </cell>
          <cell r="W146" t="str">
            <v>なか５日</v>
          </cell>
          <cell r="X146" t="str">
            <v>入札</v>
          </cell>
          <cell r="Y146">
            <v>38897</v>
          </cell>
          <cell r="Z146">
            <v>38895</v>
          </cell>
          <cell r="AA146">
            <v>1100</v>
          </cell>
          <cell r="AB146" t="str">
            <v>交通局５階入札室</v>
          </cell>
          <cell r="AD146" t="str">
            <v>平成18年6月27日(火)　11時00分</v>
          </cell>
          <cell r="AE146" t="str">
            <v>建設関連サービス業</v>
          </cell>
          <cell r="AF146" t="str">
            <v>建築設計・監理業</v>
          </cell>
          <cell r="AG146" t="str">
            <v>建築設計・監理業</v>
          </cell>
          <cell r="AH146" t="str">
            <v>等級区分なし</v>
          </cell>
          <cell r="AI146">
            <v>5</v>
          </cell>
          <cell r="AJ146" t="str">
            <v>中央復建コンサルタンツ㈱札幌営業所</v>
          </cell>
          <cell r="AK146" t="str">
            <v>㈱トーニチコンサルタント札幌事務所</v>
          </cell>
          <cell r="AL146" t="str">
            <v>日本建設コンサルタント㈱札幌事務所</v>
          </cell>
          <cell r="AM146" t="str">
            <v>日本交通技術㈱札幌支店</v>
          </cell>
          <cell r="AN146" t="str">
            <v>日本工営㈱札幌支店</v>
          </cell>
          <cell r="AO146" t="str">
            <v>パシフィックコンサルタンツ㈱北海道支社</v>
          </cell>
          <cell r="AP146" t="str">
            <v>㈱復建エンジニヤリング</v>
          </cell>
          <cell r="AU146" t="str">
            <v>要</v>
          </cell>
          <cell r="AV146">
            <v>9530000</v>
          </cell>
          <cell r="AW146">
            <v>10006500</v>
          </cell>
          <cell r="AX146">
            <v>2.0981955518251105E-4</v>
          </cell>
          <cell r="AY146" t="str">
            <v>中央復建コンサルタンツ㈱札幌営業所</v>
          </cell>
          <cell r="AZ146">
            <v>9200000</v>
          </cell>
          <cell r="BA146">
            <v>9660000</v>
          </cell>
          <cell r="BB146">
            <v>460000</v>
          </cell>
          <cell r="BC146" t="str">
            <v>契約書</v>
          </cell>
          <cell r="BE146">
            <v>38896</v>
          </cell>
          <cell r="BF146" t="str">
            <v>しない</v>
          </cell>
          <cell r="BG146" t="str">
            <v>入  札</v>
          </cell>
          <cell r="BH146">
            <v>0.9653725078698846</v>
          </cell>
          <cell r="BK146">
            <v>9532000</v>
          </cell>
          <cell r="BL146" t="str">
            <v xml:space="preserve"> </v>
          </cell>
          <cell r="BM146">
            <v>348600</v>
          </cell>
          <cell r="BN146">
            <v>0.96516995383969784</v>
          </cell>
        </row>
        <row r="147">
          <cell r="A147">
            <v>7043</v>
          </cell>
          <cell r="B147" t="str">
            <v>業務委託</v>
          </cell>
          <cell r="C147" t="str">
            <v>東豊線地下構造物通常点検業務</v>
          </cell>
          <cell r="D147">
            <v>38884</v>
          </cell>
          <cell r="G147">
            <v>6778800</v>
          </cell>
          <cell r="I147">
            <v>1</v>
          </cell>
          <cell r="J147" t="str">
            <v>式</v>
          </cell>
          <cell r="K147" t="str">
            <v/>
          </cell>
          <cell r="L147">
            <v>6778800</v>
          </cell>
          <cell r="M147" t="str">
            <v>入札</v>
          </cell>
          <cell r="N147" t="str">
            <v>高・営</v>
          </cell>
          <cell r="O147">
            <v>38897</v>
          </cell>
          <cell r="P147">
            <v>39046</v>
          </cell>
          <cell r="Q147" t="str">
            <v>壱</v>
          </cell>
          <cell r="R147" t="str">
            <v>無</v>
          </cell>
          <cell r="S147" t="str">
            <v>施設課</v>
          </cell>
          <cell r="T147" t="str">
            <v>草野　剛一</v>
          </cell>
          <cell r="U147">
            <v>2572</v>
          </cell>
          <cell r="V147" t="str">
            <v>管理者</v>
          </cell>
          <cell r="W147" t="str">
            <v>なか５日</v>
          </cell>
          <cell r="X147" t="str">
            <v>入札</v>
          </cell>
          <cell r="Y147">
            <v>38897</v>
          </cell>
          <cell r="Z147">
            <v>38895</v>
          </cell>
          <cell r="AA147">
            <v>1110</v>
          </cell>
          <cell r="AB147" t="str">
            <v>交通局５階入札室</v>
          </cell>
          <cell r="AD147" t="str">
            <v>平成18年6月27日(火)　11時10分</v>
          </cell>
          <cell r="AE147" t="str">
            <v>建設関連サービス業</v>
          </cell>
          <cell r="AF147" t="str">
            <v>建築設計・監理業</v>
          </cell>
          <cell r="AG147" t="str">
            <v>建築設計・監理業</v>
          </cell>
          <cell r="AH147" t="str">
            <v>等級区分なし</v>
          </cell>
          <cell r="AI147">
            <v>4</v>
          </cell>
          <cell r="AJ147" t="str">
            <v>（株）ドーコン</v>
          </cell>
          <cell r="AK147" t="str">
            <v>東洋技研コンサルタント㈱札幌支社</v>
          </cell>
          <cell r="AL147" t="str">
            <v>日本交通技術㈱札幌支店</v>
          </cell>
          <cell r="AM147" t="str">
            <v>日本工営㈱札幌支店</v>
          </cell>
          <cell r="AN147" t="str">
            <v>パシフィックコンサルタンツ㈱北海道支社</v>
          </cell>
          <cell r="AO147" t="str">
            <v>㈱復建エンジニヤリング</v>
          </cell>
          <cell r="AP147" t="str">
            <v>八千代エンジニヤリング㈱北海道事務所</v>
          </cell>
          <cell r="AU147" t="str">
            <v>要</v>
          </cell>
          <cell r="AV147">
            <v>6450000</v>
          </cell>
          <cell r="AW147">
            <v>6772500</v>
          </cell>
          <cell r="AX147">
            <v>9.2936802973975219E-4</v>
          </cell>
          <cell r="AY147" t="str">
            <v>日本交通技術㈱札幌支店</v>
          </cell>
          <cell r="AZ147">
            <v>6400000</v>
          </cell>
          <cell r="BA147">
            <v>6720000</v>
          </cell>
          <cell r="BB147">
            <v>320000</v>
          </cell>
          <cell r="BC147" t="str">
            <v>契約書</v>
          </cell>
          <cell r="BE147">
            <v>38896</v>
          </cell>
          <cell r="BF147" t="str">
            <v>しない</v>
          </cell>
          <cell r="BG147" t="str">
            <v>入  札</v>
          </cell>
          <cell r="BH147">
            <v>0.99224806201550386</v>
          </cell>
          <cell r="BK147">
            <v>6456000</v>
          </cell>
          <cell r="BL147" t="str">
            <v xml:space="preserve"> </v>
          </cell>
          <cell r="BM147">
            <v>58800</v>
          </cell>
          <cell r="BN147">
            <v>0.99132589838909546</v>
          </cell>
        </row>
        <row r="148">
          <cell r="A148">
            <v>7044</v>
          </cell>
          <cell r="B148" t="str">
            <v>業務委託</v>
          </cell>
          <cell r="C148" t="str">
            <v>南北線在線状況モニタ設置</v>
          </cell>
          <cell r="D148">
            <v>38884</v>
          </cell>
          <cell r="E148" t="str">
            <v>特命</v>
          </cell>
          <cell r="G148">
            <v>1885800</v>
          </cell>
          <cell r="I148">
            <v>1</v>
          </cell>
          <cell r="J148" t="str">
            <v>式</v>
          </cell>
          <cell r="K148" t="str">
            <v/>
          </cell>
          <cell r="L148">
            <v>1885800</v>
          </cell>
          <cell r="M148" t="str">
            <v>特命</v>
          </cell>
          <cell r="N148" t="str">
            <v>高・営</v>
          </cell>
          <cell r="O148">
            <v>38896</v>
          </cell>
          <cell r="P148">
            <v>38929</v>
          </cell>
          <cell r="Q148" t="str">
            <v>壱</v>
          </cell>
          <cell r="R148" t="str">
            <v>無</v>
          </cell>
          <cell r="S148" t="str">
            <v>電気課</v>
          </cell>
          <cell r="T148" t="str">
            <v>大久保　孝教</v>
          </cell>
          <cell r="U148">
            <v>2658</v>
          </cell>
          <cell r="V148" t="str">
            <v>部長</v>
          </cell>
          <cell r="W148" t="str">
            <v>なか１日</v>
          </cell>
          <cell r="X148" t="str">
            <v>特命</v>
          </cell>
          <cell r="Y148">
            <v>38890</v>
          </cell>
          <cell r="Z148">
            <v>38894</v>
          </cell>
          <cell r="AA148">
            <v>1500</v>
          </cell>
          <cell r="AB148" t="str">
            <v>交通局３階総務課（契約担当）</v>
          </cell>
          <cell r="AD148" t="str">
            <v>平成18年6月26日(月)　15時00分</v>
          </cell>
          <cell r="AI148">
            <v>1</v>
          </cell>
          <cell r="AJ148" t="str">
            <v>札幌日信電子（株）</v>
          </cell>
          <cell r="AU148" t="str">
            <v>要</v>
          </cell>
          <cell r="AV148">
            <v>1790000</v>
          </cell>
          <cell r="AW148">
            <v>1879500</v>
          </cell>
          <cell r="AX148">
            <v>3.3407572383074013E-3</v>
          </cell>
          <cell r="AY148" t="str">
            <v>札幌日信電子（株）</v>
          </cell>
          <cell r="AZ148">
            <v>1780000</v>
          </cell>
          <cell r="BA148">
            <v>1869000</v>
          </cell>
          <cell r="BB148">
            <v>89000</v>
          </cell>
          <cell r="BC148" t="str">
            <v>契約書</v>
          </cell>
          <cell r="BE148">
            <v>38895</v>
          </cell>
          <cell r="BF148" t="str">
            <v>しない</v>
          </cell>
          <cell r="BG148" t="str">
            <v>見積</v>
          </cell>
          <cell r="BH148">
            <v>0.994413407821229</v>
          </cell>
          <cell r="BK148">
            <v>1796000</v>
          </cell>
          <cell r="BL148" t="str">
            <v xml:space="preserve"> </v>
          </cell>
          <cell r="BM148">
            <v>16800</v>
          </cell>
          <cell r="BN148">
            <v>0.99109131403118045</v>
          </cell>
        </row>
        <row r="149">
          <cell r="A149">
            <v>7045</v>
          </cell>
          <cell r="B149" t="str">
            <v>業務委託</v>
          </cell>
          <cell r="C149" t="str">
            <v>精進川横断桁たわみ量観測装置分解整備業務</v>
          </cell>
          <cell r="D149">
            <v>38884</v>
          </cell>
          <cell r="E149" t="str">
            <v>特命</v>
          </cell>
          <cell r="G149">
            <v>441000</v>
          </cell>
          <cell r="I149">
            <v>1</v>
          </cell>
          <cell r="J149" t="str">
            <v>式</v>
          </cell>
          <cell r="K149" t="str">
            <v/>
          </cell>
          <cell r="L149">
            <v>441000</v>
          </cell>
          <cell r="M149" t="str">
            <v>特命</v>
          </cell>
          <cell r="N149" t="str">
            <v>高・営</v>
          </cell>
          <cell r="O149">
            <v>38896</v>
          </cell>
          <cell r="P149">
            <v>38945</v>
          </cell>
          <cell r="Q149" t="str">
            <v>壱</v>
          </cell>
          <cell r="R149" t="str">
            <v>無</v>
          </cell>
          <cell r="S149" t="str">
            <v>施設課</v>
          </cell>
          <cell r="T149" t="str">
            <v>松山　稔</v>
          </cell>
          <cell r="U149">
            <v>2579</v>
          </cell>
          <cell r="V149" t="str">
            <v>部長</v>
          </cell>
          <cell r="W149" t="str">
            <v>なか１日</v>
          </cell>
          <cell r="X149" t="str">
            <v>特命</v>
          </cell>
          <cell r="Y149">
            <v>38890</v>
          </cell>
          <cell r="Z149">
            <v>38894</v>
          </cell>
          <cell r="AA149">
            <v>1530</v>
          </cell>
          <cell r="AB149" t="str">
            <v>交通局３階総務課（契約担当）</v>
          </cell>
          <cell r="AD149" t="str">
            <v>平成18年6月26日(月)　15時30分</v>
          </cell>
          <cell r="AI149">
            <v>1</v>
          </cell>
          <cell r="AJ149" t="str">
            <v>（株）ケイジーエンジニアリング</v>
          </cell>
          <cell r="AU149" t="str">
            <v>省略可</v>
          </cell>
          <cell r="AW149">
            <v>441000</v>
          </cell>
          <cell r="AX149">
            <v>1</v>
          </cell>
          <cell r="AY149" t="str">
            <v>（株）ケイジーエンジニアリング</v>
          </cell>
          <cell r="AZ149">
            <v>420000</v>
          </cell>
          <cell r="BA149">
            <v>441000</v>
          </cell>
          <cell r="BB149">
            <v>21000</v>
          </cell>
          <cell r="BC149" t="str">
            <v>請書</v>
          </cell>
          <cell r="BE149">
            <v>38895</v>
          </cell>
          <cell r="BF149" t="str">
            <v>しない</v>
          </cell>
          <cell r="BG149" t="str">
            <v>見積</v>
          </cell>
          <cell r="BH149">
            <v>1</v>
          </cell>
          <cell r="BK149">
            <v>420000</v>
          </cell>
          <cell r="BL149" t="str">
            <v xml:space="preserve"> </v>
          </cell>
          <cell r="BM149">
            <v>0</v>
          </cell>
          <cell r="BN149">
            <v>1</v>
          </cell>
        </row>
        <row r="150">
          <cell r="A150">
            <v>7046</v>
          </cell>
          <cell r="B150" t="str">
            <v>業務委託</v>
          </cell>
          <cell r="C150" t="str">
            <v>本局庁舎空調機オーバーホール</v>
          </cell>
          <cell r="D150">
            <v>38884</v>
          </cell>
          <cell r="E150" t="str">
            <v>特命</v>
          </cell>
          <cell r="G150">
            <v>418950</v>
          </cell>
          <cell r="I150">
            <v>1</v>
          </cell>
          <cell r="J150" t="str">
            <v>式</v>
          </cell>
          <cell r="K150" t="str">
            <v/>
          </cell>
          <cell r="L150">
            <v>418950</v>
          </cell>
          <cell r="M150" t="str">
            <v>特命</v>
          </cell>
          <cell r="N150" t="str">
            <v>高・営</v>
          </cell>
          <cell r="O150">
            <v>38898</v>
          </cell>
          <cell r="P150">
            <v>39021</v>
          </cell>
          <cell r="Q150" t="str">
            <v>壱</v>
          </cell>
          <cell r="R150" t="str">
            <v>無</v>
          </cell>
          <cell r="S150" t="str">
            <v>施設課</v>
          </cell>
          <cell r="T150" t="str">
            <v>岡島　昌仁</v>
          </cell>
          <cell r="U150">
            <v>2522</v>
          </cell>
          <cell r="V150" t="str">
            <v>部長</v>
          </cell>
          <cell r="W150" t="str">
            <v>なか１日</v>
          </cell>
          <cell r="X150" t="str">
            <v>特命</v>
          </cell>
          <cell r="Y150">
            <v>38890</v>
          </cell>
          <cell r="Z150">
            <v>38895</v>
          </cell>
          <cell r="AA150">
            <v>1400</v>
          </cell>
          <cell r="AB150" t="str">
            <v>交通局３階総務課（契約担当）</v>
          </cell>
          <cell r="AD150" t="str">
            <v>平成18年6月27日(火)　14時00分</v>
          </cell>
          <cell r="AI150">
            <v>1</v>
          </cell>
          <cell r="AJ150" t="str">
            <v>三菱電機ビルテクノサービス（株）北海道支社</v>
          </cell>
          <cell r="AU150" t="str">
            <v>省略可</v>
          </cell>
          <cell r="AW150">
            <v>418950</v>
          </cell>
          <cell r="AX150">
            <v>1</v>
          </cell>
          <cell r="AY150" t="str">
            <v>三菱電機ビルテクノサービス（株）北海道支社</v>
          </cell>
          <cell r="AZ150">
            <v>390000</v>
          </cell>
          <cell r="BA150">
            <v>409500</v>
          </cell>
          <cell r="BB150">
            <v>19500</v>
          </cell>
          <cell r="BC150" t="str">
            <v>請書</v>
          </cell>
          <cell r="BE150">
            <v>38897</v>
          </cell>
          <cell r="BF150" t="str">
            <v>しない</v>
          </cell>
          <cell r="BG150" t="str">
            <v>見積</v>
          </cell>
          <cell r="BH150">
            <v>0.97744360902255634</v>
          </cell>
          <cell r="BK150">
            <v>399000</v>
          </cell>
          <cell r="BL150" t="str">
            <v xml:space="preserve"> </v>
          </cell>
          <cell r="BM150">
            <v>9450</v>
          </cell>
          <cell r="BN150">
            <v>0.97744360902255634</v>
          </cell>
        </row>
        <row r="151">
          <cell r="A151">
            <v>7047</v>
          </cell>
          <cell r="B151" t="str">
            <v>業務委託</v>
          </cell>
          <cell r="C151" t="str">
            <v>台車分解整備</v>
          </cell>
          <cell r="D151">
            <v>38884</v>
          </cell>
          <cell r="E151" t="str">
            <v>特命</v>
          </cell>
          <cell r="G151">
            <v>619500</v>
          </cell>
          <cell r="I151">
            <v>1</v>
          </cell>
          <cell r="J151" t="str">
            <v>式</v>
          </cell>
          <cell r="K151" t="str">
            <v/>
          </cell>
          <cell r="L151">
            <v>619500</v>
          </cell>
          <cell r="M151" t="str">
            <v>特命</v>
          </cell>
          <cell r="N151" t="str">
            <v>高・営</v>
          </cell>
          <cell r="O151">
            <v>38903</v>
          </cell>
          <cell r="P151">
            <v>38929</v>
          </cell>
          <cell r="Q151" t="str">
            <v>壱</v>
          </cell>
          <cell r="R151" t="str">
            <v>無</v>
          </cell>
          <cell r="S151" t="str">
            <v>車両課(二十四軒)</v>
          </cell>
          <cell r="T151" t="str">
            <v>新井　時博</v>
          </cell>
          <cell r="U151">
            <v>8212</v>
          </cell>
          <cell r="V151" t="str">
            <v>部長</v>
          </cell>
          <cell r="W151" t="str">
            <v>なか１日</v>
          </cell>
          <cell r="X151" t="str">
            <v>特命</v>
          </cell>
          <cell r="Y151">
            <v>38890</v>
          </cell>
          <cell r="Z151">
            <v>38895</v>
          </cell>
          <cell r="AA151">
            <v>1430</v>
          </cell>
          <cell r="AB151" t="str">
            <v>交通局３階総務課（契約担当）</v>
          </cell>
          <cell r="AD151" t="str">
            <v>平成18年6月27日(火)　14時30分</v>
          </cell>
          <cell r="AI151">
            <v>1</v>
          </cell>
          <cell r="AJ151" t="str">
            <v>札幌交通機械（株）</v>
          </cell>
          <cell r="AU151" t="str">
            <v>省略可</v>
          </cell>
          <cell r="AW151">
            <v>619500</v>
          </cell>
          <cell r="AX151">
            <v>1</v>
          </cell>
          <cell r="AY151" t="str">
            <v>札幌交通機械（株）</v>
          </cell>
          <cell r="AZ151">
            <v>588100</v>
          </cell>
          <cell r="BA151">
            <v>617505</v>
          </cell>
          <cell r="BB151">
            <v>29405</v>
          </cell>
          <cell r="BC151" t="str">
            <v>契約書</v>
          </cell>
          <cell r="BE151">
            <v>38896</v>
          </cell>
          <cell r="BF151" t="str">
            <v>しない</v>
          </cell>
          <cell r="BG151" t="str">
            <v>見積</v>
          </cell>
          <cell r="BH151">
            <v>0.99677966101694915</v>
          </cell>
          <cell r="BK151">
            <v>590000</v>
          </cell>
          <cell r="BL151" t="str">
            <v xml:space="preserve"> </v>
          </cell>
          <cell r="BM151">
            <v>1995</v>
          </cell>
          <cell r="BN151">
            <v>0.99677966101694915</v>
          </cell>
        </row>
        <row r="152">
          <cell r="A152">
            <v>7048</v>
          </cell>
          <cell r="B152" t="str">
            <v>業務委託</v>
          </cell>
          <cell r="C152" t="str">
            <v>計器校正</v>
          </cell>
          <cell r="D152">
            <v>38884</v>
          </cell>
          <cell r="G152">
            <v>794850</v>
          </cell>
          <cell r="I152">
            <v>1</v>
          </cell>
          <cell r="J152" t="str">
            <v>式</v>
          </cell>
          <cell r="K152" t="str">
            <v/>
          </cell>
          <cell r="L152">
            <v>794850</v>
          </cell>
          <cell r="M152" t="str">
            <v>見積</v>
          </cell>
          <cell r="N152" t="str">
            <v>高・営</v>
          </cell>
          <cell r="O152">
            <v>38911</v>
          </cell>
          <cell r="P152">
            <v>38989</v>
          </cell>
          <cell r="Q152" t="str">
            <v>壱</v>
          </cell>
          <cell r="R152" t="str">
            <v>無</v>
          </cell>
          <cell r="S152" t="str">
            <v>電気課</v>
          </cell>
          <cell r="T152" t="str">
            <v>平尾　敏文</v>
          </cell>
          <cell r="U152">
            <v>2644</v>
          </cell>
          <cell r="V152" t="str">
            <v>部長</v>
          </cell>
          <cell r="W152" t="str">
            <v>なか１日</v>
          </cell>
          <cell r="X152" t="str">
            <v>見積</v>
          </cell>
          <cell r="Y152">
            <v>38890</v>
          </cell>
          <cell r="Z152">
            <v>38908</v>
          </cell>
          <cell r="AA152">
            <v>1130</v>
          </cell>
          <cell r="AB152" t="str">
            <v>交通局５階入札室</v>
          </cell>
          <cell r="AD152" t="str">
            <v>平成18年7月10日(月)　11時30分</v>
          </cell>
          <cell r="AI152">
            <v>3</v>
          </cell>
          <cell r="AJ152" t="str">
            <v>（株）システムブレイン</v>
          </cell>
          <cell r="AK152" t="str">
            <v>日本電気計器検定所北海道支社</v>
          </cell>
          <cell r="AL152" t="str">
            <v>理興産業（株）</v>
          </cell>
          <cell r="AU152" t="str">
            <v>省略可</v>
          </cell>
          <cell r="AW152">
            <v>794850</v>
          </cell>
          <cell r="AX152">
            <v>1</v>
          </cell>
          <cell r="AY152" t="str">
            <v>日本電気計器検定所北海道支社</v>
          </cell>
          <cell r="AZ152">
            <v>639610</v>
          </cell>
          <cell r="BA152">
            <v>671590</v>
          </cell>
          <cell r="BB152">
            <v>31980</v>
          </cell>
          <cell r="BC152" t="str">
            <v>契約書</v>
          </cell>
          <cell r="BE152">
            <v>38909</v>
          </cell>
          <cell r="BF152" t="str">
            <v>しない</v>
          </cell>
          <cell r="BG152" t="str">
            <v>見積</v>
          </cell>
          <cell r="BH152">
            <v>0.8449267157325282</v>
          </cell>
          <cell r="BK152">
            <v>757000</v>
          </cell>
          <cell r="BL152" t="str">
            <v xml:space="preserve"> </v>
          </cell>
          <cell r="BM152">
            <v>123260</v>
          </cell>
          <cell r="BN152">
            <v>0.8449267157325282</v>
          </cell>
        </row>
        <row r="153">
          <cell r="A153">
            <v>1089</v>
          </cell>
          <cell r="B153" t="str">
            <v>物品購入</v>
          </cell>
          <cell r="C153" t="str">
            <v>マイクロスイッチ</v>
          </cell>
          <cell r="D153">
            <v>38888</v>
          </cell>
          <cell r="G153">
            <v>244440</v>
          </cell>
          <cell r="I153">
            <v>1</v>
          </cell>
          <cell r="J153" t="str">
            <v>式</v>
          </cell>
          <cell r="K153" t="str">
            <v/>
          </cell>
          <cell r="L153">
            <v>244440</v>
          </cell>
          <cell r="M153" t="str">
            <v>公開</v>
          </cell>
          <cell r="N153" t="str">
            <v>高・営</v>
          </cell>
          <cell r="P153">
            <v>38975</v>
          </cell>
          <cell r="Q153" t="str">
            <v>壱</v>
          </cell>
          <cell r="R153" t="str">
            <v>無</v>
          </cell>
          <cell r="S153" t="str">
            <v>車両課(真駒内)</v>
          </cell>
          <cell r="T153" t="str">
            <v>遠藤　順一</v>
          </cell>
          <cell r="U153">
            <v>8313</v>
          </cell>
          <cell r="V153" t="str">
            <v>課長</v>
          </cell>
          <cell r="W153" t="str">
            <v>なか１日</v>
          </cell>
          <cell r="X153" t="str">
            <v>公開</v>
          </cell>
          <cell r="Y153">
            <v>38897</v>
          </cell>
          <cell r="Z153">
            <v>38897</v>
          </cell>
          <cell r="AB153" t="str">
            <v>交通局３階総務課（契約担当）</v>
          </cell>
          <cell r="AD153" t="e">
            <v>#VALUE!</v>
          </cell>
          <cell r="AI153">
            <v>3</v>
          </cell>
          <cell r="AJ153" t="str">
            <v>（株）大興商事</v>
          </cell>
          <cell r="AK153" t="str">
            <v>東芝電材マーケティング（株）</v>
          </cell>
          <cell r="AL153" t="str">
            <v>福田部品（株）</v>
          </cell>
          <cell r="AM153" t="str">
            <v>理興産業（株）</v>
          </cell>
          <cell r="AN153" t="str">
            <v>（株）渡商</v>
          </cell>
          <cell r="AU153" t="str">
            <v>省略可</v>
          </cell>
          <cell r="AW153">
            <v>244440</v>
          </cell>
          <cell r="AX153">
            <v>1</v>
          </cell>
          <cell r="AY153" t="str">
            <v>（株）大興商事</v>
          </cell>
          <cell r="AZ153">
            <v>211750</v>
          </cell>
          <cell r="BA153">
            <v>222337</v>
          </cell>
          <cell r="BB153">
            <v>10587</v>
          </cell>
          <cell r="BC153" t="str">
            <v>発注書</v>
          </cell>
          <cell r="BE153">
            <v>38898</v>
          </cell>
          <cell r="BF153" t="str">
            <v>しない</v>
          </cell>
          <cell r="BG153" t="str">
            <v>見積(公開)</v>
          </cell>
          <cell r="BH153">
            <v>0.90957699230895106</v>
          </cell>
          <cell r="BK153">
            <v>232800</v>
          </cell>
          <cell r="BL153" t="str">
            <v xml:space="preserve"> </v>
          </cell>
          <cell r="BM153">
            <v>22103</v>
          </cell>
          <cell r="BN153">
            <v>0.90957699230895106</v>
          </cell>
        </row>
        <row r="154">
          <cell r="A154">
            <v>1090</v>
          </cell>
          <cell r="B154" t="str">
            <v>物品購入</v>
          </cell>
          <cell r="C154" t="str">
            <v>７０００形車両空制部品</v>
          </cell>
          <cell r="D154">
            <v>38888</v>
          </cell>
          <cell r="E154" t="str">
            <v>特命</v>
          </cell>
          <cell r="G154">
            <v>7993574</v>
          </cell>
          <cell r="I154">
            <v>1</v>
          </cell>
          <cell r="J154" t="str">
            <v>式</v>
          </cell>
          <cell r="K154" t="str">
            <v/>
          </cell>
          <cell r="L154">
            <v>7993574</v>
          </cell>
          <cell r="M154" t="str">
            <v>特命</v>
          </cell>
          <cell r="N154" t="str">
            <v>高・営</v>
          </cell>
          <cell r="P154">
            <v>39141</v>
          </cell>
          <cell r="Q154" t="str">
            <v>壱</v>
          </cell>
          <cell r="R154" t="str">
            <v>無</v>
          </cell>
          <cell r="S154" t="str">
            <v>車両課(二十四軒)</v>
          </cell>
          <cell r="T154" t="str">
            <v>小野　尚喜</v>
          </cell>
          <cell r="U154">
            <v>8209</v>
          </cell>
          <cell r="V154" t="str">
            <v>部長</v>
          </cell>
          <cell r="W154" t="str">
            <v>なか５日</v>
          </cell>
          <cell r="X154" t="str">
            <v>特命</v>
          </cell>
          <cell r="Y154">
            <v>38895</v>
          </cell>
          <cell r="Z154">
            <v>38896</v>
          </cell>
          <cell r="AA154">
            <v>1400</v>
          </cell>
          <cell r="AB154" t="str">
            <v>交通局３階総務課（契約担当）</v>
          </cell>
          <cell r="AD154" t="str">
            <v>平成18年6月28日(水)　14時00分</v>
          </cell>
          <cell r="AI154">
            <v>1</v>
          </cell>
          <cell r="AJ154" t="str">
            <v>ナブテスコ（株）鉄道カンパニー札幌営業所</v>
          </cell>
          <cell r="AU154" t="str">
            <v>要</v>
          </cell>
          <cell r="AV154">
            <v>7600000</v>
          </cell>
          <cell r="AW154">
            <v>7980000</v>
          </cell>
          <cell r="AX154">
            <v>1.6981140100785774E-3</v>
          </cell>
          <cell r="AY154" t="str">
            <v>ナブテスコ（株）鉄道カンパニー札幌営業所</v>
          </cell>
          <cell r="AZ154">
            <v>7600000</v>
          </cell>
          <cell r="BA154">
            <v>7980000</v>
          </cell>
          <cell r="BB154">
            <v>380000</v>
          </cell>
          <cell r="BC154" t="str">
            <v>契約書</v>
          </cell>
          <cell r="BE154">
            <v>38898</v>
          </cell>
          <cell r="BF154" t="str">
            <v>しない</v>
          </cell>
          <cell r="BG154" t="str">
            <v>見積</v>
          </cell>
          <cell r="BH154">
            <v>1</v>
          </cell>
          <cell r="BK154">
            <v>7612927.6190476185</v>
          </cell>
          <cell r="BL154" t="str">
            <v xml:space="preserve"> </v>
          </cell>
          <cell r="BM154">
            <v>13574</v>
          </cell>
          <cell r="BN154">
            <v>0.99830188598992142</v>
          </cell>
        </row>
        <row r="155">
          <cell r="A155">
            <v>7049</v>
          </cell>
          <cell r="B155" t="str">
            <v>業務委託</v>
          </cell>
          <cell r="C155" t="str">
            <v>東西線ホーム非常発報押釦撤去</v>
          </cell>
          <cell r="D155">
            <v>38888</v>
          </cell>
          <cell r="E155" t="str">
            <v>特命</v>
          </cell>
          <cell r="G155">
            <v>998550</v>
          </cell>
          <cell r="I155">
            <v>1</v>
          </cell>
          <cell r="J155" t="str">
            <v>式</v>
          </cell>
          <cell r="K155" t="str">
            <v/>
          </cell>
          <cell r="L155">
            <v>998550</v>
          </cell>
          <cell r="M155" t="str">
            <v>特命</v>
          </cell>
          <cell r="N155" t="str">
            <v>高・営</v>
          </cell>
          <cell r="O155">
            <v>38896</v>
          </cell>
          <cell r="P155">
            <v>38945</v>
          </cell>
          <cell r="Q155" t="str">
            <v>壱</v>
          </cell>
          <cell r="R155" t="str">
            <v>無</v>
          </cell>
          <cell r="S155" t="str">
            <v>電気課</v>
          </cell>
          <cell r="T155" t="str">
            <v>池田　誠</v>
          </cell>
          <cell r="U155">
            <v>2656</v>
          </cell>
          <cell r="V155" t="str">
            <v>部長</v>
          </cell>
          <cell r="W155" t="str">
            <v>なか１日</v>
          </cell>
          <cell r="X155" t="str">
            <v>特命</v>
          </cell>
          <cell r="Y155">
            <v>38894</v>
          </cell>
          <cell r="Z155">
            <v>38894</v>
          </cell>
          <cell r="AA155">
            <v>1515</v>
          </cell>
          <cell r="AB155" t="str">
            <v>交通局３階総務課（契約担当）</v>
          </cell>
          <cell r="AD155" t="str">
            <v>平成18年6月26日(月)　15時15分</v>
          </cell>
          <cell r="AI155">
            <v>1</v>
          </cell>
          <cell r="AJ155" t="str">
            <v>札幌日信電子（株）</v>
          </cell>
          <cell r="AU155" t="str">
            <v>省略可</v>
          </cell>
          <cell r="AW155">
            <v>998550</v>
          </cell>
          <cell r="AX155">
            <v>1</v>
          </cell>
          <cell r="AY155" t="str">
            <v>札幌日信電子（株）</v>
          </cell>
          <cell r="AZ155">
            <v>950000</v>
          </cell>
          <cell r="BA155">
            <v>997500</v>
          </cell>
          <cell r="BB155">
            <v>47500</v>
          </cell>
          <cell r="BC155" t="str">
            <v>契約書</v>
          </cell>
          <cell r="BE155">
            <v>38895</v>
          </cell>
          <cell r="BF155" t="str">
            <v>しない</v>
          </cell>
          <cell r="BG155" t="str">
            <v>見積</v>
          </cell>
          <cell r="BH155">
            <v>0.9989484752891693</v>
          </cell>
          <cell r="BK155">
            <v>951000</v>
          </cell>
          <cell r="BL155" t="str">
            <v xml:space="preserve"> </v>
          </cell>
          <cell r="BM155">
            <v>1050</v>
          </cell>
          <cell r="BN155">
            <v>0.9989484752891693</v>
          </cell>
        </row>
        <row r="156">
          <cell r="A156">
            <v>2016</v>
          </cell>
          <cell r="B156" t="str">
            <v>製造請負</v>
          </cell>
          <cell r="C156" t="str">
            <v>記念共通ウィズユーカード【映画「ナルト」】</v>
          </cell>
          <cell r="D156">
            <v>38889</v>
          </cell>
          <cell r="E156" t="str">
            <v>特命</v>
          </cell>
          <cell r="G156">
            <v>164745</v>
          </cell>
          <cell r="I156">
            <v>1</v>
          </cell>
          <cell r="J156" t="str">
            <v>式</v>
          </cell>
          <cell r="K156" t="str">
            <v/>
          </cell>
          <cell r="L156">
            <v>164745</v>
          </cell>
          <cell r="M156" t="str">
            <v>特命</v>
          </cell>
          <cell r="N156" t="str">
            <v>軌・営　高・営</v>
          </cell>
          <cell r="P156">
            <v>38924</v>
          </cell>
          <cell r="Q156" t="str">
            <v>壱</v>
          </cell>
          <cell r="R156" t="str">
            <v>無</v>
          </cell>
          <cell r="S156" t="str">
            <v>経営企画課</v>
          </cell>
          <cell r="T156" t="str">
            <v>今野　吉隆</v>
          </cell>
          <cell r="U156">
            <v>2123</v>
          </cell>
          <cell r="V156" t="str">
            <v>課長</v>
          </cell>
          <cell r="W156" t="str">
            <v>なか１日</v>
          </cell>
          <cell r="X156" t="str">
            <v>特命</v>
          </cell>
          <cell r="Y156">
            <v>38894</v>
          </cell>
          <cell r="Z156">
            <v>38895</v>
          </cell>
          <cell r="AA156">
            <v>1500</v>
          </cell>
          <cell r="AB156" t="str">
            <v>交通局３階総務課（契約担当）</v>
          </cell>
          <cell r="AD156" t="str">
            <v>平成18年6月27日(火)　15時00分</v>
          </cell>
          <cell r="AI156">
            <v>1</v>
          </cell>
          <cell r="AJ156" t="str">
            <v>凸版印刷（株）北海道事業部</v>
          </cell>
          <cell r="AU156" t="str">
            <v>省略可</v>
          </cell>
          <cell r="AW156">
            <v>164745</v>
          </cell>
          <cell r="AX156">
            <v>1</v>
          </cell>
          <cell r="AY156" t="str">
            <v>凸版印刷（株）北海道事業部</v>
          </cell>
          <cell r="AZ156">
            <v>153000</v>
          </cell>
          <cell r="BA156">
            <v>160650</v>
          </cell>
          <cell r="BB156">
            <v>7650</v>
          </cell>
          <cell r="BC156" t="str">
            <v>発注書</v>
          </cell>
          <cell r="BE156">
            <v>38895</v>
          </cell>
          <cell r="BF156" t="str">
            <v>しない</v>
          </cell>
          <cell r="BG156" t="str">
            <v>見積</v>
          </cell>
          <cell r="BH156">
            <v>0.9751434034416826</v>
          </cell>
          <cell r="BK156">
            <v>156900</v>
          </cell>
          <cell r="BL156" t="str">
            <v xml:space="preserve"> </v>
          </cell>
          <cell r="BM156">
            <v>4095</v>
          </cell>
          <cell r="BN156">
            <v>0.9751434034416826</v>
          </cell>
        </row>
        <row r="157">
          <cell r="A157">
            <v>1091</v>
          </cell>
          <cell r="B157" t="str">
            <v>物品購入</v>
          </cell>
          <cell r="C157" t="str">
            <v>パンタグラフ部品</v>
          </cell>
          <cell r="D157">
            <v>38890</v>
          </cell>
          <cell r="E157" t="str">
            <v>特命</v>
          </cell>
          <cell r="G157">
            <v>421050</v>
          </cell>
          <cell r="I157">
            <v>1</v>
          </cell>
          <cell r="J157" t="str">
            <v>式</v>
          </cell>
          <cell r="K157" t="str">
            <v/>
          </cell>
          <cell r="L157">
            <v>421050</v>
          </cell>
          <cell r="M157" t="str">
            <v>特命</v>
          </cell>
          <cell r="N157" t="str">
            <v>軌・営</v>
          </cell>
          <cell r="P157">
            <v>39051</v>
          </cell>
          <cell r="Q157" t="str">
            <v>壱</v>
          </cell>
          <cell r="R157" t="str">
            <v>無</v>
          </cell>
          <cell r="S157" t="str">
            <v>電車事業所</v>
          </cell>
          <cell r="T157" t="str">
            <v>長田　博司</v>
          </cell>
          <cell r="U157">
            <v>2933</v>
          </cell>
          <cell r="V157" t="str">
            <v>課長</v>
          </cell>
          <cell r="W157" t="str">
            <v>なか１日</v>
          </cell>
          <cell r="X157" t="str">
            <v>特命</v>
          </cell>
          <cell r="Y157">
            <v>38895</v>
          </cell>
          <cell r="Z157">
            <v>38896</v>
          </cell>
          <cell r="AA157">
            <v>1430</v>
          </cell>
          <cell r="AB157" t="str">
            <v>交通局３階総務課（契約担当）</v>
          </cell>
          <cell r="AD157" t="str">
            <v>平成18年6月28日(水)　14時30分</v>
          </cell>
          <cell r="AI157">
            <v>1</v>
          </cell>
          <cell r="AJ157" t="str">
            <v>東洋電機製造（株）北海道支店</v>
          </cell>
          <cell r="AU157" t="str">
            <v>省略可</v>
          </cell>
          <cell r="AW157">
            <v>421050</v>
          </cell>
          <cell r="AX157">
            <v>1</v>
          </cell>
          <cell r="AY157" t="str">
            <v>東洋電機製造（株）北海道支店</v>
          </cell>
          <cell r="AZ157">
            <v>400000</v>
          </cell>
          <cell r="BA157">
            <v>420000</v>
          </cell>
          <cell r="BB157">
            <v>20000</v>
          </cell>
          <cell r="BC157" t="str">
            <v>発注書</v>
          </cell>
          <cell r="BE157">
            <v>38896</v>
          </cell>
          <cell r="BF157" t="str">
            <v>しない</v>
          </cell>
          <cell r="BG157" t="str">
            <v>見積</v>
          </cell>
          <cell r="BH157">
            <v>0.99750623441396513</v>
          </cell>
          <cell r="BK157">
            <v>401000</v>
          </cell>
          <cell r="BL157" t="str">
            <v xml:space="preserve"> </v>
          </cell>
          <cell r="BM157">
            <v>1050</v>
          </cell>
          <cell r="BN157">
            <v>0.99750623441396513</v>
          </cell>
        </row>
        <row r="158">
          <cell r="A158">
            <v>2017</v>
          </cell>
          <cell r="B158" t="str">
            <v>製造請負</v>
          </cell>
          <cell r="C158" t="str">
            <v>東西線電気時計装置更新</v>
          </cell>
          <cell r="D158">
            <v>38890</v>
          </cell>
          <cell r="G158">
            <v>27142500</v>
          </cell>
          <cell r="I158">
            <v>1</v>
          </cell>
          <cell r="J158" t="str">
            <v>式</v>
          </cell>
          <cell r="K158" t="str">
            <v/>
          </cell>
          <cell r="L158">
            <v>27142500</v>
          </cell>
          <cell r="M158" t="str">
            <v>入札</v>
          </cell>
          <cell r="N158" t="str">
            <v>高・建改</v>
          </cell>
          <cell r="P158">
            <v>39141</v>
          </cell>
          <cell r="Q158" t="str">
            <v>壱</v>
          </cell>
          <cell r="R158" t="str">
            <v>無</v>
          </cell>
          <cell r="S158" t="str">
            <v>電気課</v>
          </cell>
          <cell r="T158" t="str">
            <v>平尾　敏文</v>
          </cell>
          <cell r="U158">
            <v>2644</v>
          </cell>
          <cell r="V158" t="str">
            <v>管理者</v>
          </cell>
          <cell r="W158" t="str">
            <v>なか５日</v>
          </cell>
          <cell r="X158" t="str">
            <v>入札</v>
          </cell>
          <cell r="Y158">
            <v>38903</v>
          </cell>
          <cell r="Z158">
            <v>38911</v>
          </cell>
          <cell r="AA158">
            <v>1100</v>
          </cell>
          <cell r="AB158" t="str">
            <v>交通局５階入札室</v>
          </cell>
          <cell r="AD158" t="str">
            <v>平成18年7月13日(木)　11時00分</v>
          </cell>
          <cell r="AE158" t="str">
            <v>製造業</v>
          </cell>
          <cell r="AF158" t="str">
            <v>電気機械器具製造業</v>
          </cell>
          <cell r="AG158" t="str">
            <v>その他電気機械器具</v>
          </cell>
          <cell r="AH158" t="str">
            <v>A</v>
          </cell>
          <cell r="AI158">
            <v>2</v>
          </cell>
          <cell r="AJ158" t="str">
            <v>シチズンＴＩＣ㈱札幌営業所</v>
          </cell>
          <cell r="AK158" t="str">
            <v>パナソニックＳＳエンジニアリング（株）北海道ＰＳＳＥ社</v>
          </cell>
          <cell r="AU158" t="str">
            <v>要</v>
          </cell>
          <cell r="AV158">
            <v>25590000</v>
          </cell>
          <cell r="AW158">
            <v>26869500</v>
          </cell>
          <cell r="AX158">
            <v>1.00580270793037E-2</v>
          </cell>
          <cell r="AY158" t="str">
            <v>シチズンＴＩＣ㈱札幌営業所</v>
          </cell>
          <cell r="AZ158">
            <v>18900000</v>
          </cell>
          <cell r="BA158">
            <v>19845000</v>
          </cell>
          <cell r="BB158">
            <v>945000</v>
          </cell>
          <cell r="BC158" t="str">
            <v>契約書</v>
          </cell>
          <cell r="BE158">
            <v>38911</v>
          </cell>
          <cell r="BF158" t="str">
            <v>する</v>
          </cell>
          <cell r="BG158" t="str">
            <v>入  札</v>
          </cell>
          <cell r="BH158">
            <v>0.73856975381008205</v>
          </cell>
          <cell r="BK158">
            <v>25850000</v>
          </cell>
          <cell r="BL158" t="str">
            <v xml:space="preserve"> </v>
          </cell>
          <cell r="BM158">
            <v>7297500</v>
          </cell>
          <cell r="BN158">
            <v>0.7311411992263056</v>
          </cell>
        </row>
        <row r="159">
          <cell r="A159">
            <v>1092</v>
          </cell>
          <cell r="B159" t="str">
            <v>物品購入</v>
          </cell>
          <cell r="C159" t="str">
            <v>８０００形車両三菱製ＶＶＶＦ制御装置用部品</v>
          </cell>
          <cell r="D159">
            <v>38890</v>
          </cell>
          <cell r="E159" t="str">
            <v>特命</v>
          </cell>
          <cell r="G159">
            <v>2824500</v>
          </cell>
          <cell r="I159">
            <v>1</v>
          </cell>
          <cell r="J159" t="str">
            <v>式</v>
          </cell>
          <cell r="K159" t="str">
            <v/>
          </cell>
          <cell r="L159">
            <v>2824500</v>
          </cell>
          <cell r="M159" t="str">
            <v>特命</v>
          </cell>
          <cell r="N159" t="str">
            <v>高・営</v>
          </cell>
          <cell r="P159">
            <v>39141</v>
          </cell>
          <cell r="Q159" t="str">
            <v>壱</v>
          </cell>
          <cell r="R159" t="str">
            <v>無</v>
          </cell>
          <cell r="S159" t="str">
            <v>車両課(大谷地)</v>
          </cell>
          <cell r="T159" t="str">
            <v>櫻庭　廣満</v>
          </cell>
          <cell r="U159">
            <v>8414</v>
          </cell>
          <cell r="V159" t="str">
            <v>課長</v>
          </cell>
          <cell r="W159" t="str">
            <v>なか１日</v>
          </cell>
          <cell r="X159" t="str">
            <v>特命</v>
          </cell>
          <cell r="Y159">
            <v>38895</v>
          </cell>
          <cell r="Z159">
            <v>38896</v>
          </cell>
          <cell r="AA159">
            <v>1500</v>
          </cell>
          <cell r="AB159" t="str">
            <v>交通局３階総務課（契約担当）</v>
          </cell>
          <cell r="AD159" t="str">
            <v>平成18年6月28日(水)　15時00分</v>
          </cell>
          <cell r="AI159">
            <v>1</v>
          </cell>
          <cell r="AJ159" t="str">
            <v>三菱電機（株）北海道支社</v>
          </cell>
          <cell r="AU159" t="str">
            <v>要</v>
          </cell>
          <cell r="AV159">
            <v>2686000</v>
          </cell>
          <cell r="AW159">
            <v>2820300</v>
          </cell>
          <cell r="AX159">
            <v>1.4869888475836923E-3</v>
          </cell>
          <cell r="AY159" t="str">
            <v>三菱電機（株）北海道支社</v>
          </cell>
          <cell r="AZ159">
            <v>2670000</v>
          </cell>
          <cell r="BA159">
            <v>2803500</v>
          </cell>
          <cell r="BB159">
            <v>133500</v>
          </cell>
          <cell r="BC159" t="str">
            <v>契約書</v>
          </cell>
          <cell r="BE159">
            <v>38897</v>
          </cell>
          <cell r="BF159" t="str">
            <v>しない</v>
          </cell>
          <cell r="BG159" t="str">
            <v>見積</v>
          </cell>
          <cell r="BH159">
            <v>0.99404318689501114</v>
          </cell>
          <cell r="BK159">
            <v>2690000</v>
          </cell>
          <cell r="BL159" t="str">
            <v xml:space="preserve"> </v>
          </cell>
          <cell r="BM159">
            <v>21000</v>
          </cell>
          <cell r="BN159">
            <v>0.99256505576208176</v>
          </cell>
        </row>
        <row r="160">
          <cell r="A160">
            <v>1093</v>
          </cell>
          <cell r="B160" t="str">
            <v>物品購入</v>
          </cell>
          <cell r="C160" t="str">
            <v>パッキン（１）他</v>
          </cell>
          <cell r="D160">
            <v>38890</v>
          </cell>
          <cell r="E160" t="str">
            <v>特命</v>
          </cell>
          <cell r="G160">
            <v>12000933</v>
          </cell>
          <cell r="I160">
            <v>1</v>
          </cell>
          <cell r="J160" t="str">
            <v>式</v>
          </cell>
          <cell r="K160" t="str">
            <v/>
          </cell>
          <cell r="L160">
            <v>12000933</v>
          </cell>
          <cell r="M160" t="str">
            <v>特命</v>
          </cell>
          <cell r="N160" t="str">
            <v>高・営</v>
          </cell>
          <cell r="P160">
            <v>39077</v>
          </cell>
          <cell r="Q160" t="str">
            <v>壱</v>
          </cell>
          <cell r="R160" t="str">
            <v>無</v>
          </cell>
          <cell r="S160" t="str">
            <v>車両課(二十四軒)</v>
          </cell>
          <cell r="T160" t="str">
            <v>及川　博</v>
          </cell>
          <cell r="U160">
            <v>8210</v>
          </cell>
          <cell r="V160" t="str">
            <v>管理者</v>
          </cell>
          <cell r="W160" t="str">
            <v>なか５日</v>
          </cell>
          <cell r="X160" t="str">
            <v>特命</v>
          </cell>
          <cell r="Y160">
            <v>38898</v>
          </cell>
          <cell r="Z160">
            <v>38901</v>
          </cell>
          <cell r="AA160">
            <v>1400</v>
          </cell>
          <cell r="AB160" t="str">
            <v>交通局３階総務課（契約担当）</v>
          </cell>
          <cell r="AD160" t="str">
            <v>平成18年7月3日(月)　14時00分</v>
          </cell>
          <cell r="AI160">
            <v>1</v>
          </cell>
          <cell r="AJ160" t="str">
            <v>札幌川重車両エンジニアリング（株）</v>
          </cell>
          <cell r="AU160" t="str">
            <v>要</v>
          </cell>
          <cell r="AV160">
            <v>11413700</v>
          </cell>
          <cell r="AW160">
            <v>11984385</v>
          </cell>
          <cell r="AX160">
            <v>1.3788927910854953E-3</v>
          </cell>
          <cell r="AY160" t="str">
            <v>札幌川重車両エンジニアリング（株）</v>
          </cell>
          <cell r="AZ160">
            <v>11413000</v>
          </cell>
          <cell r="BA160">
            <v>11983650</v>
          </cell>
          <cell r="BB160">
            <v>570650</v>
          </cell>
          <cell r="BC160" t="str">
            <v>契約書</v>
          </cell>
          <cell r="BE160">
            <v>38903</v>
          </cell>
          <cell r="BF160" t="str">
            <v>しない</v>
          </cell>
          <cell r="BG160" t="str">
            <v>見積</v>
          </cell>
          <cell r="BH160">
            <v>0.99993867019459071</v>
          </cell>
          <cell r="BK160">
            <v>11429460</v>
          </cell>
          <cell r="BL160" t="str">
            <v xml:space="preserve"> </v>
          </cell>
          <cell r="BM160">
            <v>17283</v>
          </cell>
          <cell r="BN160">
            <v>0.99855986197073177</v>
          </cell>
        </row>
        <row r="161">
          <cell r="A161">
            <v>1094</v>
          </cell>
          <cell r="B161" t="str">
            <v>物品購入</v>
          </cell>
          <cell r="C161" t="str">
            <v>フランジ型たわみ軸継手用ゴムブッシュ</v>
          </cell>
          <cell r="D161">
            <v>38891</v>
          </cell>
          <cell r="G161">
            <v>341250</v>
          </cell>
          <cell r="I161">
            <v>1</v>
          </cell>
          <cell r="J161" t="str">
            <v>式</v>
          </cell>
          <cell r="K161" t="str">
            <v/>
          </cell>
          <cell r="L161">
            <v>341250</v>
          </cell>
          <cell r="M161" t="str">
            <v>公開</v>
          </cell>
          <cell r="N161" t="str">
            <v>高・営</v>
          </cell>
          <cell r="P161">
            <v>39003</v>
          </cell>
          <cell r="Q161" t="str">
            <v>壱</v>
          </cell>
          <cell r="R161" t="str">
            <v>無</v>
          </cell>
          <cell r="S161" t="str">
            <v>施設課</v>
          </cell>
          <cell r="T161" t="str">
            <v>丸山　貴弘</v>
          </cell>
          <cell r="U161">
            <v>2592</v>
          </cell>
          <cell r="V161" t="str">
            <v>課長</v>
          </cell>
          <cell r="W161" t="str">
            <v>なか１日</v>
          </cell>
          <cell r="X161" t="str">
            <v>公開</v>
          </cell>
          <cell r="Y161">
            <v>38897</v>
          </cell>
          <cell r="Z161">
            <v>38897</v>
          </cell>
          <cell r="AB161" t="str">
            <v>交通局３階総務課（契約担当）</v>
          </cell>
          <cell r="AD161" t="e">
            <v>#VALUE!</v>
          </cell>
          <cell r="AI161">
            <v>3</v>
          </cell>
          <cell r="AJ161" t="str">
            <v>潮物産（株）札幌支店</v>
          </cell>
          <cell r="AU161" t="str">
            <v>省略可</v>
          </cell>
          <cell r="AW161">
            <v>341250</v>
          </cell>
          <cell r="AX161">
            <v>1</v>
          </cell>
          <cell r="AY161" t="str">
            <v>潮物産（株）札幌支店</v>
          </cell>
          <cell r="AZ161">
            <v>325000</v>
          </cell>
          <cell r="BA161">
            <v>341250</v>
          </cell>
          <cell r="BB161">
            <v>16250</v>
          </cell>
          <cell r="BC161" t="str">
            <v>発注書</v>
          </cell>
          <cell r="BE161">
            <v>38898</v>
          </cell>
          <cell r="BF161" t="str">
            <v>しない</v>
          </cell>
          <cell r="BG161" t="str">
            <v>見積(公開)</v>
          </cell>
          <cell r="BH161">
            <v>1</v>
          </cell>
          <cell r="BK161">
            <v>325000</v>
          </cell>
          <cell r="BL161" t="str">
            <v xml:space="preserve"> </v>
          </cell>
          <cell r="BM161">
            <v>0</v>
          </cell>
          <cell r="BN161">
            <v>1</v>
          </cell>
        </row>
        <row r="162">
          <cell r="A162">
            <v>7050</v>
          </cell>
          <cell r="B162" t="str">
            <v>業務委託</v>
          </cell>
          <cell r="C162" t="str">
            <v>二十四軒庁舎ボイラー熱交換器交換業務</v>
          </cell>
          <cell r="D162">
            <v>38891</v>
          </cell>
          <cell r="E162" t="str">
            <v>特命</v>
          </cell>
          <cell r="G162">
            <v>1197000</v>
          </cell>
          <cell r="I162">
            <v>1</v>
          </cell>
          <cell r="J162" t="str">
            <v>式</v>
          </cell>
          <cell r="K162" t="str">
            <v/>
          </cell>
          <cell r="L162">
            <v>1197000</v>
          </cell>
          <cell r="M162" t="str">
            <v>特命</v>
          </cell>
          <cell r="N162" t="str">
            <v>高・営</v>
          </cell>
          <cell r="O162">
            <v>38903</v>
          </cell>
          <cell r="P162">
            <v>38940</v>
          </cell>
          <cell r="Q162" t="str">
            <v>壱</v>
          </cell>
          <cell r="R162" t="str">
            <v>無</v>
          </cell>
          <cell r="S162" t="str">
            <v>施設課</v>
          </cell>
          <cell r="T162" t="str">
            <v>白勢　信彦</v>
          </cell>
          <cell r="U162">
            <v>2528</v>
          </cell>
          <cell r="V162" t="str">
            <v>部長</v>
          </cell>
          <cell r="W162" t="str">
            <v>なか１日</v>
          </cell>
          <cell r="X162" t="str">
            <v>特命</v>
          </cell>
          <cell r="Y162">
            <v>38897</v>
          </cell>
          <cell r="Z162">
            <v>38901</v>
          </cell>
          <cell r="AA162">
            <v>1430</v>
          </cell>
          <cell r="AB162" t="str">
            <v>交通局３階総務課（契約担当）</v>
          </cell>
          <cell r="AD162" t="str">
            <v>平成18年7月3日(月)　14時30分</v>
          </cell>
          <cell r="AI162">
            <v>1</v>
          </cell>
          <cell r="AJ162" t="str">
            <v>㈱日本サーモエナー</v>
          </cell>
          <cell r="AU162" t="str">
            <v>要</v>
          </cell>
          <cell r="AV162">
            <v>1140000</v>
          </cell>
          <cell r="AW162">
            <v>1197000</v>
          </cell>
          <cell r="AX162">
            <v>0</v>
          </cell>
          <cell r="AY162" t="str">
            <v>㈱日本サーモエナー</v>
          </cell>
          <cell r="AZ162">
            <v>1068000</v>
          </cell>
          <cell r="BA162">
            <v>1121400</v>
          </cell>
          <cell r="BB162">
            <v>53400</v>
          </cell>
          <cell r="BC162" t="str">
            <v>契約書</v>
          </cell>
          <cell r="BE162">
            <v>38902</v>
          </cell>
          <cell r="BF162" t="str">
            <v>しない</v>
          </cell>
          <cell r="BG162" t="str">
            <v>見積</v>
          </cell>
          <cell r="BH162">
            <v>0.93684210526315792</v>
          </cell>
          <cell r="BK162">
            <v>1140000</v>
          </cell>
          <cell r="BL162" t="str">
            <v xml:space="preserve"> </v>
          </cell>
          <cell r="BM162">
            <v>75600</v>
          </cell>
          <cell r="BN162">
            <v>0.93684210526315792</v>
          </cell>
        </row>
        <row r="163">
          <cell r="A163">
            <v>2018</v>
          </cell>
          <cell r="B163" t="str">
            <v>製造請負</v>
          </cell>
          <cell r="C163" t="str">
            <v>定期券購入申込書</v>
          </cell>
          <cell r="D163">
            <v>38895</v>
          </cell>
          <cell r="G163">
            <v>472500</v>
          </cell>
          <cell r="I163">
            <v>500000</v>
          </cell>
          <cell r="J163" t="str">
            <v>枚</v>
          </cell>
          <cell r="K163" t="str">
            <v/>
          </cell>
          <cell r="L163">
            <v>472500</v>
          </cell>
          <cell r="M163" t="str">
            <v>公開</v>
          </cell>
          <cell r="N163" t="str">
            <v>高・営</v>
          </cell>
          <cell r="P163">
            <v>38940</v>
          </cell>
          <cell r="Q163" t="str">
            <v>壱</v>
          </cell>
          <cell r="R163" t="str">
            <v>無</v>
          </cell>
          <cell r="S163" t="str">
            <v>経営企画課</v>
          </cell>
          <cell r="T163" t="str">
            <v>石橋　俊一</v>
          </cell>
          <cell r="U163">
            <v>2117</v>
          </cell>
          <cell r="V163" t="str">
            <v>課長</v>
          </cell>
          <cell r="W163" t="str">
            <v>なか１日</v>
          </cell>
          <cell r="X163" t="str">
            <v>公開</v>
          </cell>
          <cell r="Y163">
            <v>38904</v>
          </cell>
          <cell r="Z163">
            <v>38904</v>
          </cell>
          <cell r="AB163" t="str">
            <v>交通局３階総務課（契約担当）</v>
          </cell>
          <cell r="AD163" t="e">
            <v>#VALUE!</v>
          </cell>
          <cell r="AI163">
            <v>3</v>
          </cell>
          <cell r="AJ163" t="str">
            <v>三条印刷（株）</v>
          </cell>
          <cell r="AK163" t="str">
            <v>（株）そうご印刷</v>
          </cell>
          <cell r="AL163" t="str">
            <v>総合商研（株）</v>
          </cell>
          <cell r="AM163" t="str">
            <v>白馬堂印刷（株）</v>
          </cell>
          <cell r="AU163" t="str">
            <v>省略可</v>
          </cell>
          <cell r="AW163">
            <v>472500</v>
          </cell>
          <cell r="AX163">
            <v>1</v>
          </cell>
          <cell r="AY163" t="str">
            <v>三条印刷（株）</v>
          </cell>
          <cell r="AZ163">
            <v>295000</v>
          </cell>
          <cell r="BA163">
            <v>309750</v>
          </cell>
          <cell r="BB163">
            <v>14750</v>
          </cell>
          <cell r="BC163" t="str">
            <v>発注書</v>
          </cell>
          <cell r="BE163">
            <v>38905</v>
          </cell>
          <cell r="BF163" t="str">
            <v>しない</v>
          </cell>
          <cell r="BG163" t="str">
            <v>見積(公開)</v>
          </cell>
          <cell r="BH163">
            <v>0.65555555555555556</v>
          </cell>
          <cell r="BK163">
            <v>450000</v>
          </cell>
          <cell r="BL163">
            <v>0.94499999999999995</v>
          </cell>
          <cell r="BM163">
            <v>162750</v>
          </cell>
          <cell r="BN163">
            <v>0.65555555555555556</v>
          </cell>
        </row>
        <row r="164">
          <cell r="A164">
            <v>1095</v>
          </cell>
          <cell r="B164" t="str">
            <v>物品購入</v>
          </cell>
          <cell r="C164" t="str">
            <v>信号保安装置保守部品その２</v>
          </cell>
          <cell r="D164">
            <v>38895</v>
          </cell>
          <cell r="E164" t="str">
            <v>特命</v>
          </cell>
          <cell r="G164">
            <v>3959550</v>
          </cell>
          <cell r="I164">
            <v>1</v>
          </cell>
          <cell r="J164" t="str">
            <v>式</v>
          </cell>
          <cell r="K164" t="str">
            <v/>
          </cell>
          <cell r="L164">
            <v>3959550</v>
          </cell>
          <cell r="M164" t="str">
            <v>特命</v>
          </cell>
          <cell r="N164" t="str">
            <v>高・営</v>
          </cell>
          <cell r="P164">
            <v>39113</v>
          </cell>
          <cell r="Q164" t="str">
            <v>壱</v>
          </cell>
          <cell r="R164" t="str">
            <v>無</v>
          </cell>
          <cell r="S164" t="str">
            <v>電気課</v>
          </cell>
          <cell r="T164" t="str">
            <v>平尾　敏文</v>
          </cell>
          <cell r="U164">
            <v>2644</v>
          </cell>
          <cell r="V164" t="str">
            <v>部長</v>
          </cell>
          <cell r="W164" t="str">
            <v>なか１日</v>
          </cell>
          <cell r="X164" t="str">
            <v>特命</v>
          </cell>
          <cell r="Y164">
            <v>38901</v>
          </cell>
          <cell r="Z164">
            <v>38901</v>
          </cell>
          <cell r="AA164">
            <v>1500</v>
          </cell>
          <cell r="AB164" t="str">
            <v>交通局３階総務課（契約担当）</v>
          </cell>
          <cell r="AD164" t="str">
            <v>平成18年7月3日(月)　15時00分</v>
          </cell>
          <cell r="AI164">
            <v>1</v>
          </cell>
          <cell r="AJ164" t="str">
            <v>日本信号（株）北海道支店</v>
          </cell>
          <cell r="AU164" t="str">
            <v>要</v>
          </cell>
          <cell r="AV164">
            <v>3770000</v>
          </cell>
          <cell r="AW164">
            <v>3958500</v>
          </cell>
          <cell r="AX164">
            <v>2.6518164942990197E-4</v>
          </cell>
          <cell r="AY164" t="str">
            <v>日本信号（株）北海道支店</v>
          </cell>
          <cell r="AZ164">
            <v>3760000</v>
          </cell>
          <cell r="BA164">
            <v>3948000</v>
          </cell>
          <cell r="BB164">
            <v>188000</v>
          </cell>
          <cell r="BC164" t="str">
            <v>契約書</v>
          </cell>
          <cell r="BE164">
            <v>38902</v>
          </cell>
          <cell r="BF164" t="str">
            <v>しない</v>
          </cell>
          <cell r="BG164" t="str">
            <v>見積</v>
          </cell>
          <cell r="BH164">
            <v>0.99734748010610075</v>
          </cell>
          <cell r="BK164">
            <v>3771000</v>
          </cell>
          <cell r="BL164" t="str">
            <v xml:space="preserve"> </v>
          </cell>
          <cell r="BM164">
            <v>11550</v>
          </cell>
          <cell r="BN164">
            <v>0.99708300185627152</v>
          </cell>
        </row>
        <row r="165">
          <cell r="A165">
            <v>1096</v>
          </cell>
          <cell r="B165" t="str">
            <v>物品購入</v>
          </cell>
          <cell r="C165" t="str">
            <v>ダンパモータ</v>
          </cell>
          <cell r="D165">
            <v>38896</v>
          </cell>
          <cell r="E165" t="str">
            <v>特命</v>
          </cell>
          <cell r="G165">
            <v>150570</v>
          </cell>
          <cell r="I165">
            <v>1</v>
          </cell>
          <cell r="J165" t="str">
            <v>式</v>
          </cell>
          <cell r="K165" t="str">
            <v/>
          </cell>
          <cell r="L165">
            <v>150570</v>
          </cell>
          <cell r="M165" t="str">
            <v>特命</v>
          </cell>
          <cell r="N165" t="str">
            <v>高・営</v>
          </cell>
          <cell r="P165">
            <v>38929</v>
          </cell>
          <cell r="Q165" t="str">
            <v>壱</v>
          </cell>
          <cell r="R165" t="str">
            <v>無</v>
          </cell>
          <cell r="S165" t="str">
            <v>施設課</v>
          </cell>
          <cell r="T165" t="str">
            <v>鍔山　和宏</v>
          </cell>
          <cell r="U165">
            <v>2525</v>
          </cell>
          <cell r="V165" t="str">
            <v>課長</v>
          </cell>
          <cell r="W165" t="str">
            <v>なか１日</v>
          </cell>
          <cell r="X165" t="str">
            <v>特命</v>
          </cell>
          <cell r="Y165">
            <v>38901</v>
          </cell>
          <cell r="Z165">
            <v>38902</v>
          </cell>
          <cell r="AA165">
            <v>1430</v>
          </cell>
          <cell r="AB165" t="str">
            <v>交通局３階総務課（契約担当）</v>
          </cell>
          <cell r="AD165" t="str">
            <v>平成18年7月4日(火)　14時30分</v>
          </cell>
          <cell r="AI165">
            <v>1</v>
          </cell>
          <cell r="AJ165" t="str">
            <v>ジョンソンコントロールズ（株）北海道支店</v>
          </cell>
          <cell r="AU165" t="str">
            <v>省略可</v>
          </cell>
          <cell r="AW165">
            <v>150570</v>
          </cell>
          <cell r="AX165">
            <v>1</v>
          </cell>
          <cell r="AY165" t="str">
            <v>ジョンソンコントロールズ（株）北海道支店</v>
          </cell>
          <cell r="AZ165">
            <v>140000</v>
          </cell>
          <cell r="BA165">
            <v>147000</v>
          </cell>
          <cell r="BB165">
            <v>7000</v>
          </cell>
          <cell r="BC165" t="str">
            <v>発注書</v>
          </cell>
          <cell r="BE165">
            <v>38902</v>
          </cell>
          <cell r="BF165" t="str">
            <v>しない</v>
          </cell>
          <cell r="BG165" t="str">
            <v>見積</v>
          </cell>
          <cell r="BH165">
            <v>0.97629009762900976</v>
          </cell>
          <cell r="BK165">
            <v>143400</v>
          </cell>
          <cell r="BL165" t="str">
            <v xml:space="preserve"> </v>
          </cell>
          <cell r="BM165">
            <v>3570</v>
          </cell>
          <cell r="BN165">
            <v>0.97629009762900976</v>
          </cell>
        </row>
        <row r="166">
          <cell r="A166">
            <v>1097</v>
          </cell>
          <cell r="B166" t="str">
            <v>物品購入</v>
          </cell>
          <cell r="C166" t="str">
            <v>７０００形車両Ｏリング各種</v>
          </cell>
          <cell r="D166">
            <v>38901</v>
          </cell>
          <cell r="G166">
            <v>334530</v>
          </cell>
          <cell r="I166">
            <v>1</v>
          </cell>
          <cell r="J166" t="str">
            <v>式</v>
          </cell>
          <cell r="K166" t="str">
            <v/>
          </cell>
          <cell r="L166">
            <v>334530</v>
          </cell>
          <cell r="M166" t="str">
            <v>公開</v>
          </cell>
          <cell r="N166" t="str">
            <v>高・営</v>
          </cell>
          <cell r="P166">
            <v>38974</v>
          </cell>
          <cell r="Q166" t="str">
            <v>壱</v>
          </cell>
          <cell r="R166" t="str">
            <v>無</v>
          </cell>
          <cell r="S166" t="str">
            <v>車両課(二十四軒)</v>
          </cell>
          <cell r="T166" t="str">
            <v>今井　道雄</v>
          </cell>
          <cell r="U166">
            <v>8210</v>
          </cell>
          <cell r="V166" t="str">
            <v>課長</v>
          </cell>
          <cell r="W166" t="str">
            <v>なか１日</v>
          </cell>
          <cell r="X166" t="str">
            <v>公開</v>
          </cell>
          <cell r="Y166">
            <v>38911</v>
          </cell>
          <cell r="Z166">
            <v>38911</v>
          </cell>
          <cell r="AB166" t="str">
            <v>交通局３階総務課（契約担当）</v>
          </cell>
          <cell r="AD166" t="e">
            <v>#VALUE!</v>
          </cell>
          <cell r="AI166">
            <v>3</v>
          </cell>
          <cell r="AJ166" t="str">
            <v>福田実業（株）</v>
          </cell>
          <cell r="AK166" t="str">
            <v>マルキン機鋼（株）</v>
          </cell>
          <cell r="AU166" t="str">
            <v>省略可</v>
          </cell>
          <cell r="AW166">
            <v>334530</v>
          </cell>
          <cell r="AX166">
            <v>1</v>
          </cell>
          <cell r="AY166" t="str">
            <v>福田実業（株）</v>
          </cell>
          <cell r="AZ166">
            <v>318600</v>
          </cell>
          <cell r="BA166">
            <v>334530</v>
          </cell>
          <cell r="BB166">
            <v>15930</v>
          </cell>
          <cell r="BC166" t="str">
            <v>発注書</v>
          </cell>
          <cell r="BE166">
            <v>38912</v>
          </cell>
          <cell r="BF166" t="str">
            <v>しない</v>
          </cell>
          <cell r="BG166" t="str">
            <v>見積(公開)</v>
          </cell>
          <cell r="BH166">
            <v>1</v>
          </cell>
          <cell r="BK166">
            <v>318600</v>
          </cell>
          <cell r="BL166" t="str">
            <v xml:space="preserve"> </v>
          </cell>
          <cell r="BM166">
            <v>0</v>
          </cell>
          <cell r="BN166">
            <v>1</v>
          </cell>
        </row>
        <row r="167">
          <cell r="A167">
            <v>1098</v>
          </cell>
          <cell r="B167" t="str">
            <v>物品購入</v>
          </cell>
          <cell r="C167" t="str">
            <v>継電器ＲＬ７８２Ｅ－１他</v>
          </cell>
          <cell r="D167">
            <v>38901</v>
          </cell>
          <cell r="G167">
            <v>1323525</v>
          </cell>
          <cell r="I167">
            <v>1</v>
          </cell>
          <cell r="J167" t="str">
            <v>式</v>
          </cell>
          <cell r="K167" t="str">
            <v/>
          </cell>
          <cell r="L167">
            <v>1323525</v>
          </cell>
          <cell r="M167" t="str">
            <v>公開</v>
          </cell>
          <cell r="N167" t="str">
            <v>高・営</v>
          </cell>
          <cell r="P167">
            <v>39036</v>
          </cell>
          <cell r="Q167" t="str">
            <v>壱</v>
          </cell>
          <cell r="R167" t="str">
            <v>無</v>
          </cell>
          <cell r="S167" t="str">
            <v>車両課(二十四軒)</v>
          </cell>
          <cell r="T167" t="str">
            <v>今井　道雄</v>
          </cell>
          <cell r="U167">
            <v>8210</v>
          </cell>
          <cell r="V167" t="str">
            <v>課長</v>
          </cell>
          <cell r="W167" t="str">
            <v>なか１日</v>
          </cell>
          <cell r="X167" t="str">
            <v>公開</v>
          </cell>
          <cell r="Y167">
            <v>38911</v>
          </cell>
          <cell r="Z167">
            <v>38911</v>
          </cell>
          <cell r="AB167" t="str">
            <v>交通局３階総務課（契約担当）</v>
          </cell>
          <cell r="AD167" t="e">
            <v>#VALUE!</v>
          </cell>
          <cell r="AI167">
            <v>3</v>
          </cell>
          <cell r="AJ167" t="str">
            <v>（株）イザワ</v>
          </cell>
          <cell r="AK167" t="str">
            <v>（株）大興商事</v>
          </cell>
          <cell r="AL167" t="str">
            <v>理興産業（株）</v>
          </cell>
          <cell r="AM167" t="str">
            <v>（株）渡商</v>
          </cell>
          <cell r="AU167" t="str">
            <v>省略可</v>
          </cell>
          <cell r="AW167">
            <v>1323525</v>
          </cell>
          <cell r="AX167">
            <v>1</v>
          </cell>
          <cell r="AY167" t="str">
            <v>理興産業（株）</v>
          </cell>
          <cell r="AZ167">
            <v>1237500</v>
          </cell>
          <cell r="BA167">
            <v>1299375</v>
          </cell>
          <cell r="BB167">
            <v>61875</v>
          </cell>
          <cell r="BC167" t="str">
            <v>請書</v>
          </cell>
          <cell r="BE167">
            <v>38916</v>
          </cell>
          <cell r="BF167" t="str">
            <v>しない</v>
          </cell>
          <cell r="BG167" t="str">
            <v>見積(公開)</v>
          </cell>
          <cell r="BH167">
            <v>0.98175327251090838</v>
          </cell>
          <cell r="BK167">
            <v>1260500</v>
          </cell>
          <cell r="BL167" t="str">
            <v xml:space="preserve"> </v>
          </cell>
          <cell r="BM167">
            <v>24150</v>
          </cell>
          <cell r="BN167">
            <v>0.98175327251090838</v>
          </cell>
        </row>
        <row r="168">
          <cell r="A168">
            <v>1099</v>
          </cell>
          <cell r="B168" t="str">
            <v>物品購入</v>
          </cell>
          <cell r="C168" t="str">
            <v>プリンターリボンカセット他</v>
          </cell>
          <cell r="D168">
            <v>38902</v>
          </cell>
          <cell r="E168" t="str">
            <v>特命</v>
          </cell>
          <cell r="G168">
            <v>195300</v>
          </cell>
          <cell r="I168">
            <v>1</v>
          </cell>
          <cell r="J168" t="str">
            <v>式</v>
          </cell>
          <cell r="K168" t="str">
            <v/>
          </cell>
          <cell r="L168">
            <v>195300</v>
          </cell>
          <cell r="M168" t="str">
            <v>特命</v>
          </cell>
          <cell r="N168" t="str">
            <v>高・営</v>
          </cell>
          <cell r="P168">
            <v>38933</v>
          </cell>
          <cell r="Q168" t="str">
            <v>壱</v>
          </cell>
          <cell r="R168" t="str">
            <v>無</v>
          </cell>
          <cell r="S168" t="str">
            <v>施設課</v>
          </cell>
          <cell r="T168" t="str">
            <v>岡島　昌仁</v>
          </cell>
          <cell r="U168">
            <v>2522</v>
          </cell>
          <cell r="V168" t="str">
            <v>課長</v>
          </cell>
          <cell r="W168" t="str">
            <v>なか１日</v>
          </cell>
          <cell r="X168" t="str">
            <v>特命</v>
          </cell>
          <cell r="Y168">
            <v>38905</v>
          </cell>
          <cell r="Z168">
            <v>38910</v>
          </cell>
          <cell r="AA168">
            <v>1430</v>
          </cell>
          <cell r="AB168" t="str">
            <v>交通局３階総務課（契約担当）</v>
          </cell>
          <cell r="AD168" t="str">
            <v>平成18年7月12日(水)　14時30分</v>
          </cell>
          <cell r="AI168">
            <v>1</v>
          </cell>
          <cell r="AJ168" t="str">
            <v>ジョンソンコントロールズ（株）北海道支店</v>
          </cell>
          <cell r="AU168" t="str">
            <v>省略可</v>
          </cell>
          <cell r="AW168">
            <v>195300</v>
          </cell>
          <cell r="AX168">
            <v>1</v>
          </cell>
          <cell r="AY168" t="str">
            <v>ジョンソンコントロールズ（株）北海道支店</v>
          </cell>
          <cell r="AZ168">
            <v>180000</v>
          </cell>
          <cell r="BA168">
            <v>189000</v>
          </cell>
          <cell r="BB168">
            <v>9000</v>
          </cell>
          <cell r="BC168" t="str">
            <v>発注書</v>
          </cell>
          <cell r="BE168">
            <v>38910</v>
          </cell>
          <cell r="BF168" t="str">
            <v>しない</v>
          </cell>
          <cell r="BG168" t="str">
            <v>見積</v>
          </cell>
          <cell r="BH168">
            <v>0.967741935483871</v>
          </cell>
          <cell r="BK168">
            <v>186000</v>
          </cell>
          <cell r="BL168" t="str">
            <v xml:space="preserve"> </v>
          </cell>
          <cell r="BM168">
            <v>6300</v>
          </cell>
          <cell r="BN168">
            <v>0.967741935483871</v>
          </cell>
        </row>
        <row r="169">
          <cell r="A169">
            <v>1100</v>
          </cell>
          <cell r="B169" t="str">
            <v>物品購入</v>
          </cell>
          <cell r="C169" t="str">
            <v>７０００形車両用転換器部品他</v>
          </cell>
          <cell r="D169">
            <v>38905</v>
          </cell>
          <cell r="E169" t="str">
            <v>特命</v>
          </cell>
          <cell r="G169">
            <v>273000</v>
          </cell>
          <cell r="I169">
            <v>1</v>
          </cell>
          <cell r="J169" t="str">
            <v>式</v>
          </cell>
          <cell r="K169" t="str">
            <v/>
          </cell>
          <cell r="L169">
            <v>273000</v>
          </cell>
          <cell r="M169" t="str">
            <v>特命</v>
          </cell>
          <cell r="N169" t="str">
            <v>高・営</v>
          </cell>
          <cell r="P169">
            <v>39113</v>
          </cell>
          <cell r="Q169" t="str">
            <v>壱</v>
          </cell>
          <cell r="R169" t="str">
            <v>無</v>
          </cell>
          <cell r="S169" t="str">
            <v>車両課(二十四軒)</v>
          </cell>
          <cell r="T169" t="str">
            <v>工藤　清</v>
          </cell>
          <cell r="U169">
            <v>8204</v>
          </cell>
          <cell r="V169" t="str">
            <v>課長</v>
          </cell>
          <cell r="W169" t="str">
            <v>なか１日</v>
          </cell>
          <cell r="X169" t="str">
            <v>特命</v>
          </cell>
          <cell r="Y169">
            <v>38910</v>
          </cell>
          <cell r="Z169">
            <v>38910</v>
          </cell>
          <cell r="AA169">
            <v>1500</v>
          </cell>
          <cell r="AB169" t="str">
            <v>交通局３階総務課（契約担当）</v>
          </cell>
          <cell r="AD169" t="str">
            <v>平成18年7月12日(水)　15時00分</v>
          </cell>
          <cell r="AI169">
            <v>1</v>
          </cell>
          <cell r="AJ169" t="str">
            <v>三菱電機（株）北海道支社</v>
          </cell>
          <cell r="AU169" t="str">
            <v>省略可</v>
          </cell>
          <cell r="AW169">
            <v>273000</v>
          </cell>
          <cell r="AX169">
            <v>1</v>
          </cell>
          <cell r="AY169" t="str">
            <v>三菱電機（株）北海道支社</v>
          </cell>
          <cell r="AZ169">
            <v>260000</v>
          </cell>
          <cell r="BA169">
            <v>273000</v>
          </cell>
          <cell r="BB169">
            <v>13000</v>
          </cell>
          <cell r="BC169" t="str">
            <v>発注書</v>
          </cell>
          <cell r="BE169">
            <v>38910</v>
          </cell>
          <cell r="BF169" t="str">
            <v>しない</v>
          </cell>
          <cell r="BG169" t="str">
            <v>見積</v>
          </cell>
          <cell r="BH169">
            <v>1</v>
          </cell>
          <cell r="BK169">
            <v>260000</v>
          </cell>
          <cell r="BL169" t="str">
            <v xml:space="preserve"> </v>
          </cell>
          <cell r="BM169">
            <v>0</v>
          </cell>
          <cell r="BN169">
            <v>1</v>
          </cell>
        </row>
        <row r="170">
          <cell r="A170">
            <v>1101</v>
          </cell>
          <cell r="B170" t="str">
            <v>物品購入</v>
          </cell>
          <cell r="C170" t="str">
            <v>ゴムシュート他</v>
          </cell>
          <cell r="D170">
            <v>38905</v>
          </cell>
          <cell r="E170" t="str">
            <v>特命</v>
          </cell>
          <cell r="G170">
            <v>5952777</v>
          </cell>
          <cell r="I170">
            <v>1</v>
          </cell>
          <cell r="J170" t="str">
            <v>式</v>
          </cell>
          <cell r="K170" t="str">
            <v/>
          </cell>
          <cell r="L170">
            <v>5952777</v>
          </cell>
          <cell r="M170" t="str">
            <v>特命</v>
          </cell>
          <cell r="N170" t="str">
            <v>軌・建改</v>
          </cell>
          <cell r="P170">
            <v>38975</v>
          </cell>
          <cell r="Q170" t="str">
            <v>壱</v>
          </cell>
          <cell r="R170" t="str">
            <v>無</v>
          </cell>
          <cell r="S170" t="str">
            <v>電車事業所</v>
          </cell>
          <cell r="T170" t="str">
            <v>須藤　誠一</v>
          </cell>
          <cell r="U170">
            <v>2933</v>
          </cell>
          <cell r="V170" t="str">
            <v>部長</v>
          </cell>
          <cell r="W170" t="str">
            <v>なか５日</v>
          </cell>
          <cell r="X170" t="str">
            <v>特命</v>
          </cell>
          <cell r="Y170">
            <v>38912</v>
          </cell>
          <cell r="Z170">
            <v>38912</v>
          </cell>
          <cell r="AA170">
            <v>1400</v>
          </cell>
          <cell r="AB170" t="str">
            <v>交通局３階総務課（契約担当）</v>
          </cell>
          <cell r="AD170" t="str">
            <v>平成18年7月14日(金)　14時00分</v>
          </cell>
          <cell r="AI170">
            <v>1</v>
          </cell>
          <cell r="AJ170" t="str">
            <v>日本軌道工業（株）札幌営業所</v>
          </cell>
          <cell r="AU170" t="str">
            <v>要</v>
          </cell>
          <cell r="AV170">
            <v>5660000</v>
          </cell>
          <cell r="AW170">
            <v>5943000</v>
          </cell>
          <cell r="AX170">
            <v>1.6424267194957709E-3</v>
          </cell>
          <cell r="AY170" t="str">
            <v>日本軌道工業（株）札幌営業所</v>
          </cell>
          <cell r="AZ170">
            <v>5653760</v>
          </cell>
          <cell r="BA170">
            <v>5936448</v>
          </cell>
          <cell r="BB170">
            <v>282688</v>
          </cell>
          <cell r="BC170" t="str">
            <v>契約書</v>
          </cell>
          <cell r="BE170">
            <v>38916</v>
          </cell>
          <cell r="BF170" t="str">
            <v>する</v>
          </cell>
          <cell r="BG170" t="str">
            <v>見積</v>
          </cell>
          <cell r="BH170">
            <v>0.99889752650176677</v>
          </cell>
          <cell r="BK170">
            <v>5669311.4285714282</v>
          </cell>
          <cell r="BL170" t="str">
            <v xml:space="preserve"> </v>
          </cell>
          <cell r="BM170">
            <v>16329</v>
          </cell>
          <cell r="BN170">
            <v>0.99725691051420207</v>
          </cell>
        </row>
        <row r="171">
          <cell r="A171">
            <v>1102</v>
          </cell>
          <cell r="B171" t="str">
            <v>物品購入</v>
          </cell>
          <cell r="C171" t="str">
            <v>レール用継ぎ目板　他</v>
          </cell>
          <cell r="D171">
            <v>38905</v>
          </cell>
          <cell r="G171">
            <v>5498473</v>
          </cell>
          <cell r="I171">
            <v>1</v>
          </cell>
          <cell r="J171" t="str">
            <v>式</v>
          </cell>
          <cell r="K171" t="str">
            <v/>
          </cell>
          <cell r="L171">
            <v>5498473</v>
          </cell>
          <cell r="M171" t="str">
            <v>入札</v>
          </cell>
          <cell r="N171" t="str">
            <v>軌・建改</v>
          </cell>
          <cell r="P171">
            <v>38947</v>
          </cell>
          <cell r="Q171" t="str">
            <v>壱</v>
          </cell>
          <cell r="R171" t="str">
            <v>無</v>
          </cell>
          <cell r="S171" t="str">
            <v>電車事業所</v>
          </cell>
          <cell r="T171" t="str">
            <v>須藤　誠一</v>
          </cell>
          <cell r="U171">
            <v>2933</v>
          </cell>
          <cell r="V171" t="str">
            <v>部長</v>
          </cell>
          <cell r="W171" t="str">
            <v>なか５日</v>
          </cell>
          <cell r="X171" t="str">
            <v>入札</v>
          </cell>
          <cell r="Y171">
            <v>38918</v>
          </cell>
          <cell r="Z171">
            <v>38912</v>
          </cell>
          <cell r="AA171">
            <v>1100</v>
          </cell>
          <cell r="AB171" t="str">
            <v>交通局５階入札室</v>
          </cell>
          <cell r="AD171" t="str">
            <v>平成18年7月14日(金)　11時00分</v>
          </cell>
          <cell r="AE171" t="str">
            <v>卸小売業</v>
          </cell>
          <cell r="AF171" t="str">
            <v>輸送機械器具卸小売業</v>
          </cell>
          <cell r="AG171" t="str">
            <v>鉄道車両・同部品</v>
          </cell>
          <cell r="AH171" t="str">
            <v>A</v>
          </cell>
          <cell r="AI171">
            <v>4</v>
          </cell>
          <cell r="AJ171" t="str">
            <v>（株）オオウラ</v>
          </cell>
          <cell r="AK171" t="str">
            <v>豊平運輸機工（株）</v>
          </cell>
          <cell r="AL171" t="str">
            <v>（株）北海道ジェイ・アール商事</v>
          </cell>
          <cell r="AM171" t="str">
            <v>理興産業（株）</v>
          </cell>
          <cell r="AU171" t="str">
            <v>要</v>
          </cell>
          <cell r="AV171">
            <v>5200000</v>
          </cell>
          <cell r="AW171">
            <v>5460000</v>
          </cell>
          <cell r="AX171">
            <v>6.9970335400392214E-3</v>
          </cell>
          <cell r="AY171" t="str">
            <v>（株）オオウラ</v>
          </cell>
          <cell r="AZ171">
            <v>5185000</v>
          </cell>
          <cell r="BA171">
            <v>5444250</v>
          </cell>
          <cell r="BB171">
            <v>259250</v>
          </cell>
          <cell r="BC171" t="str">
            <v>契約書</v>
          </cell>
          <cell r="BE171">
            <v>38912</v>
          </cell>
          <cell r="BF171" t="str">
            <v>する</v>
          </cell>
          <cell r="BG171" t="str">
            <v>入  札</v>
          </cell>
          <cell r="BH171">
            <v>0.99711538461538463</v>
          </cell>
          <cell r="BK171">
            <v>5236640.9523809524</v>
          </cell>
          <cell r="BL171" t="str">
            <v xml:space="preserve"> </v>
          </cell>
          <cell r="BM171">
            <v>54223</v>
          </cell>
          <cell r="BN171">
            <v>0.99013853482594172</v>
          </cell>
        </row>
        <row r="172">
          <cell r="A172">
            <v>1103</v>
          </cell>
          <cell r="B172" t="str">
            <v>物品購入</v>
          </cell>
          <cell r="C172" t="str">
            <v>軌道パッド</v>
          </cell>
          <cell r="D172">
            <v>38905</v>
          </cell>
          <cell r="G172">
            <v>1164618</v>
          </cell>
          <cell r="I172">
            <v>1</v>
          </cell>
          <cell r="J172" t="str">
            <v>式</v>
          </cell>
          <cell r="K172" t="str">
            <v/>
          </cell>
          <cell r="L172">
            <v>1164618</v>
          </cell>
          <cell r="M172" t="str">
            <v>公開</v>
          </cell>
          <cell r="N172" t="str">
            <v>軌・建改</v>
          </cell>
          <cell r="P172">
            <v>38947</v>
          </cell>
          <cell r="Q172" t="str">
            <v>壱</v>
          </cell>
          <cell r="R172" t="str">
            <v>無</v>
          </cell>
          <cell r="S172" t="str">
            <v>電車事業所</v>
          </cell>
          <cell r="T172" t="str">
            <v>須藤　誠一</v>
          </cell>
          <cell r="U172">
            <v>2933</v>
          </cell>
          <cell r="V172" t="str">
            <v>課長</v>
          </cell>
          <cell r="W172" t="str">
            <v>なか１日</v>
          </cell>
          <cell r="X172" t="str">
            <v>公開</v>
          </cell>
          <cell r="Y172">
            <v>38911</v>
          </cell>
          <cell r="Z172">
            <v>38911</v>
          </cell>
          <cell r="AB172" t="str">
            <v>交通局３階総務課（契約担当）</v>
          </cell>
          <cell r="AD172" t="e">
            <v>#VALUE!</v>
          </cell>
          <cell r="AI172">
            <v>3</v>
          </cell>
          <cell r="AJ172" t="str">
            <v>潮物産（株）札幌支店</v>
          </cell>
          <cell r="AU172" t="str">
            <v>省略可</v>
          </cell>
          <cell r="AW172">
            <v>1164618</v>
          </cell>
          <cell r="AX172">
            <v>1</v>
          </cell>
          <cell r="AY172" t="str">
            <v>潮物産（株）札幌支店</v>
          </cell>
          <cell r="AZ172">
            <v>1109160</v>
          </cell>
          <cell r="BA172">
            <v>1164618</v>
          </cell>
          <cell r="BB172">
            <v>55458</v>
          </cell>
          <cell r="BC172" t="str">
            <v>請書</v>
          </cell>
          <cell r="BE172">
            <v>38916</v>
          </cell>
          <cell r="BF172" t="str">
            <v>する</v>
          </cell>
          <cell r="BG172" t="str">
            <v>見積(公開)</v>
          </cell>
          <cell r="BH172">
            <v>1</v>
          </cell>
          <cell r="BK172">
            <v>1109160</v>
          </cell>
          <cell r="BL172" t="str">
            <v xml:space="preserve"> </v>
          </cell>
          <cell r="BM172">
            <v>0</v>
          </cell>
          <cell r="BN172">
            <v>1</v>
          </cell>
        </row>
        <row r="173">
          <cell r="A173">
            <v>2019</v>
          </cell>
          <cell r="B173" t="str">
            <v>製造請負</v>
          </cell>
          <cell r="C173" t="str">
            <v>敬老優待乗車証</v>
          </cell>
          <cell r="D173">
            <v>38905</v>
          </cell>
          <cell r="G173">
            <v>21362250</v>
          </cell>
          <cell r="I173">
            <v>650000</v>
          </cell>
          <cell r="J173" t="str">
            <v>枚</v>
          </cell>
          <cell r="K173" t="str">
            <v/>
          </cell>
          <cell r="L173">
            <v>21362250</v>
          </cell>
          <cell r="M173" t="str">
            <v>入札</v>
          </cell>
          <cell r="N173" t="str">
            <v>高・営</v>
          </cell>
          <cell r="P173">
            <v>39036</v>
          </cell>
          <cell r="Q173" t="str">
            <v>壱</v>
          </cell>
          <cell r="R173" t="str">
            <v>無</v>
          </cell>
          <cell r="S173" t="str">
            <v>経営企画課</v>
          </cell>
          <cell r="T173" t="str">
            <v>安藤　友明</v>
          </cell>
          <cell r="U173">
            <v>2115</v>
          </cell>
          <cell r="V173" t="str">
            <v>管理者</v>
          </cell>
          <cell r="W173" t="str">
            <v>なか５日</v>
          </cell>
          <cell r="X173" t="str">
            <v>入札</v>
          </cell>
          <cell r="Y173">
            <v>38919</v>
          </cell>
          <cell r="Z173">
            <v>38912</v>
          </cell>
          <cell r="AA173">
            <v>1110</v>
          </cell>
          <cell r="AB173" t="str">
            <v>交通局５階入札室</v>
          </cell>
          <cell r="AD173" t="str">
            <v>平成18年7月14日(金)　11時10分</v>
          </cell>
          <cell r="AE173" t="str">
            <v>製造業</v>
          </cell>
          <cell r="AF173" t="str">
            <v>出版･印刷業</v>
          </cell>
          <cell r="AG173" t="str">
            <v>印刷</v>
          </cell>
          <cell r="AI173">
            <v>5</v>
          </cell>
          <cell r="AJ173" t="str">
            <v>ＮＥＣトーキン（株）営業本部仙台支店</v>
          </cell>
          <cell r="AK173" t="str">
            <v>共同印刷（株）</v>
          </cell>
          <cell r="AL173" t="str">
            <v>凸版印刷（株）北海道事業部</v>
          </cell>
          <cell r="AM173" t="str">
            <v>日本通信紙（株）札幌支店</v>
          </cell>
          <cell r="AU173" t="str">
            <v>要</v>
          </cell>
          <cell r="AV173">
            <v>20345000</v>
          </cell>
          <cell r="AW173">
            <v>21362250</v>
          </cell>
          <cell r="AX173">
            <v>0</v>
          </cell>
          <cell r="AY173" t="str">
            <v>ＮＥＣトーキン（株）営業本部仙台支店</v>
          </cell>
          <cell r="AZ173">
            <v>20280000</v>
          </cell>
          <cell r="BA173">
            <v>21294000</v>
          </cell>
          <cell r="BB173">
            <v>1014000</v>
          </cell>
          <cell r="BC173" t="str">
            <v>契約書</v>
          </cell>
          <cell r="BE173">
            <v>38917</v>
          </cell>
          <cell r="BF173" t="str">
            <v>しない</v>
          </cell>
          <cell r="BG173" t="str">
            <v>入  札</v>
          </cell>
          <cell r="BH173">
            <v>0.99680511182108622</v>
          </cell>
          <cell r="BK173">
            <v>20345000</v>
          </cell>
          <cell r="BL173">
            <v>32.865000000000002</v>
          </cell>
          <cell r="BM173">
            <v>68250</v>
          </cell>
          <cell r="BN173">
            <v>0.99680511182108622</v>
          </cell>
        </row>
        <row r="174">
          <cell r="A174">
            <v>1104</v>
          </cell>
          <cell r="B174" t="str">
            <v>物品購入</v>
          </cell>
          <cell r="C174" t="str">
            <v>エアードライヤー</v>
          </cell>
          <cell r="D174">
            <v>38905</v>
          </cell>
          <cell r="G174">
            <v>992250</v>
          </cell>
          <cell r="I174">
            <v>1</v>
          </cell>
          <cell r="J174" t="str">
            <v>式</v>
          </cell>
          <cell r="K174" t="str">
            <v/>
          </cell>
          <cell r="L174">
            <v>992250</v>
          </cell>
          <cell r="M174" t="str">
            <v>公開</v>
          </cell>
          <cell r="N174" t="str">
            <v>高・営</v>
          </cell>
          <cell r="P174">
            <v>38980</v>
          </cell>
          <cell r="Q174" t="str">
            <v>壱</v>
          </cell>
          <cell r="R174" t="str">
            <v>無</v>
          </cell>
          <cell r="S174" t="str">
            <v>施設課</v>
          </cell>
          <cell r="T174" t="str">
            <v>鍔山　和宏</v>
          </cell>
          <cell r="U174">
            <v>2525</v>
          </cell>
          <cell r="V174" t="str">
            <v>課長</v>
          </cell>
          <cell r="W174" t="str">
            <v>なか１日</v>
          </cell>
          <cell r="X174" t="str">
            <v>公開</v>
          </cell>
          <cell r="Y174">
            <v>38911</v>
          </cell>
          <cell r="Z174">
            <v>38911</v>
          </cell>
          <cell r="AB174" t="str">
            <v>交通局３階総務課（契約担当）</v>
          </cell>
          <cell r="AD174" t="e">
            <v>#VALUE!</v>
          </cell>
          <cell r="AI174">
            <v>3</v>
          </cell>
          <cell r="AJ174" t="str">
            <v>（株）大興商事</v>
          </cell>
          <cell r="AK174" t="str">
            <v>理興産業（株）</v>
          </cell>
          <cell r="AL174" t="str">
            <v>（株）渡商</v>
          </cell>
          <cell r="AU174" t="str">
            <v>省略可</v>
          </cell>
          <cell r="AW174">
            <v>992250</v>
          </cell>
          <cell r="AX174">
            <v>1</v>
          </cell>
          <cell r="AY174" t="str">
            <v>理興産業（株）</v>
          </cell>
          <cell r="AZ174">
            <v>768000</v>
          </cell>
          <cell r="BA174">
            <v>806400</v>
          </cell>
          <cell r="BB174">
            <v>38400</v>
          </cell>
          <cell r="BC174" t="str">
            <v>請書</v>
          </cell>
          <cell r="BE174">
            <v>38916</v>
          </cell>
          <cell r="BF174" t="str">
            <v>しない</v>
          </cell>
          <cell r="BG174" t="str">
            <v>見積(公開)</v>
          </cell>
          <cell r="BH174">
            <v>0.8126984126984127</v>
          </cell>
          <cell r="BK174">
            <v>945000</v>
          </cell>
          <cell r="BL174" t="str">
            <v xml:space="preserve"> </v>
          </cell>
          <cell r="BM174">
            <v>185850</v>
          </cell>
          <cell r="BN174">
            <v>0.8126984126984127</v>
          </cell>
        </row>
        <row r="175">
          <cell r="A175">
            <v>1105</v>
          </cell>
          <cell r="B175" t="str">
            <v>物品購入</v>
          </cell>
          <cell r="C175" t="str">
            <v>デジタルリレー部品</v>
          </cell>
          <cell r="D175">
            <v>38908</v>
          </cell>
          <cell r="E175" t="str">
            <v>特命</v>
          </cell>
          <cell r="G175">
            <v>6520500</v>
          </cell>
          <cell r="I175">
            <v>1</v>
          </cell>
          <cell r="J175" t="str">
            <v>式</v>
          </cell>
          <cell r="K175" t="str">
            <v/>
          </cell>
          <cell r="L175">
            <v>6520500</v>
          </cell>
          <cell r="M175" t="str">
            <v>特命</v>
          </cell>
          <cell r="N175" t="str">
            <v>高・営</v>
          </cell>
          <cell r="P175">
            <v>39021</v>
          </cell>
          <cell r="Q175" t="str">
            <v>壱</v>
          </cell>
          <cell r="R175" t="str">
            <v>無</v>
          </cell>
          <cell r="S175" t="str">
            <v>電気課</v>
          </cell>
          <cell r="T175" t="str">
            <v>大野　昇</v>
          </cell>
          <cell r="U175">
            <v>2623</v>
          </cell>
          <cell r="V175" t="str">
            <v>部長</v>
          </cell>
          <cell r="W175" t="str">
            <v>なか５日</v>
          </cell>
          <cell r="X175" t="str">
            <v>特命</v>
          </cell>
          <cell r="Y175">
            <v>38916</v>
          </cell>
          <cell r="Z175">
            <v>38912</v>
          </cell>
          <cell r="AA175">
            <v>1430</v>
          </cell>
          <cell r="AB175" t="str">
            <v>交通局３階総務課（契約担当）</v>
          </cell>
          <cell r="AD175" t="str">
            <v>平成18年7月14日(金)　14時30分</v>
          </cell>
          <cell r="AI175">
            <v>1</v>
          </cell>
          <cell r="AJ175" t="str">
            <v>（株）明電舎北海道支店</v>
          </cell>
          <cell r="AU175" t="str">
            <v>要</v>
          </cell>
          <cell r="AV175">
            <v>6140000</v>
          </cell>
          <cell r="AW175">
            <v>6447000</v>
          </cell>
          <cell r="AX175">
            <v>1.1272141706924366E-2</v>
          </cell>
          <cell r="AY175" t="str">
            <v>（株）明電舎北海道支店</v>
          </cell>
          <cell r="AZ175">
            <v>6000000</v>
          </cell>
          <cell r="BA175">
            <v>6300000</v>
          </cell>
          <cell r="BB175">
            <v>300000</v>
          </cell>
          <cell r="BC175" t="str">
            <v>契約書</v>
          </cell>
          <cell r="BE175">
            <v>38916</v>
          </cell>
          <cell r="BF175" t="str">
            <v>しない</v>
          </cell>
          <cell r="BG175" t="str">
            <v>見積</v>
          </cell>
          <cell r="BH175">
            <v>0.9771986970684039</v>
          </cell>
          <cell r="BK175">
            <v>6210000</v>
          </cell>
          <cell r="BL175" t="str">
            <v xml:space="preserve"> </v>
          </cell>
          <cell r="BM175">
            <v>220500</v>
          </cell>
          <cell r="BN175">
            <v>0.96618357487922701</v>
          </cell>
        </row>
        <row r="176">
          <cell r="A176">
            <v>7051</v>
          </cell>
          <cell r="B176" t="str">
            <v>業務委託</v>
          </cell>
          <cell r="C176" t="str">
            <v>自動出改札装置ユニット修理</v>
          </cell>
          <cell r="D176">
            <v>38909</v>
          </cell>
          <cell r="E176" t="str">
            <v>特命</v>
          </cell>
          <cell r="G176">
            <v>782250</v>
          </cell>
          <cell r="I176">
            <v>1</v>
          </cell>
          <cell r="J176" t="str">
            <v>式</v>
          </cell>
          <cell r="K176" t="str">
            <v/>
          </cell>
          <cell r="L176">
            <v>782250</v>
          </cell>
          <cell r="M176" t="str">
            <v>特命</v>
          </cell>
          <cell r="N176" t="str">
            <v>高・営</v>
          </cell>
          <cell r="O176">
            <v>38924</v>
          </cell>
          <cell r="P176">
            <v>38940</v>
          </cell>
          <cell r="Q176" t="str">
            <v>壱</v>
          </cell>
          <cell r="R176" t="str">
            <v>無</v>
          </cell>
          <cell r="S176" t="str">
            <v>電気課</v>
          </cell>
          <cell r="T176" t="str">
            <v>中田　貴也</v>
          </cell>
          <cell r="U176">
            <v>2664</v>
          </cell>
          <cell r="V176" t="str">
            <v>部長</v>
          </cell>
          <cell r="W176" t="str">
            <v>なか１日</v>
          </cell>
          <cell r="X176" t="str">
            <v>特命</v>
          </cell>
          <cell r="Y176">
            <v>38916</v>
          </cell>
          <cell r="Z176">
            <v>38922</v>
          </cell>
          <cell r="AA176">
            <v>1400</v>
          </cell>
          <cell r="AB176" t="str">
            <v>交通局３階総務課（契約担当）</v>
          </cell>
          <cell r="AD176" t="str">
            <v>平成18年7月24日(月)　14時00分</v>
          </cell>
          <cell r="AI176">
            <v>1</v>
          </cell>
          <cell r="AJ176" t="str">
            <v>日本信号（株）北海道支店</v>
          </cell>
          <cell r="AU176" t="str">
            <v>省略可</v>
          </cell>
          <cell r="AW176">
            <v>782250</v>
          </cell>
          <cell r="AX176">
            <v>1</v>
          </cell>
          <cell r="AY176" t="str">
            <v>日本信号（株）北海道支店</v>
          </cell>
          <cell r="AZ176">
            <v>740000</v>
          </cell>
          <cell r="BA176">
            <v>777000</v>
          </cell>
          <cell r="BB176">
            <v>37000</v>
          </cell>
          <cell r="BC176" t="str">
            <v>契約書</v>
          </cell>
          <cell r="BE176">
            <v>38924</v>
          </cell>
          <cell r="BF176" t="str">
            <v>しない</v>
          </cell>
          <cell r="BG176" t="str">
            <v>見積</v>
          </cell>
          <cell r="BH176">
            <v>0.99328859060402686</v>
          </cell>
          <cell r="BK176">
            <v>745000</v>
          </cell>
          <cell r="BL176" t="str">
            <v xml:space="preserve"> </v>
          </cell>
          <cell r="BM176">
            <v>5250</v>
          </cell>
          <cell r="BN176">
            <v>0.99328859060402686</v>
          </cell>
        </row>
        <row r="177">
          <cell r="A177">
            <v>1106</v>
          </cell>
          <cell r="B177" t="str">
            <v>物品購入</v>
          </cell>
          <cell r="C177" t="str">
            <v>マンガンポイント他</v>
          </cell>
          <cell r="D177">
            <v>38909</v>
          </cell>
          <cell r="E177" t="str">
            <v>特命</v>
          </cell>
          <cell r="G177">
            <v>23726850</v>
          </cell>
          <cell r="I177">
            <v>1</v>
          </cell>
          <cell r="J177" t="str">
            <v>式</v>
          </cell>
          <cell r="K177" t="str">
            <v/>
          </cell>
          <cell r="L177">
            <v>23726850</v>
          </cell>
          <cell r="M177" t="str">
            <v>特命</v>
          </cell>
          <cell r="N177" t="str">
            <v>軌・建改</v>
          </cell>
          <cell r="P177">
            <v>39051</v>
          </cell>
          <cell r="Q177" t="str">
            <v>壱</v>
          </cell>
          <cell r="R177" t="str">
            <v>無</v>
          </cell>
          <cell r="S177" t="str">
            <v>電車事業所</v>
          </cell>
          <cell r="T177" t="str">
            <v>須藤　誠一</v>
          </cell>
          <cell r="U177">
            <v>2933</v>
          </cell>
          <cell r="V177" t="str">
            <v>管理者</v>
          </cell>
          <cell r="W177" t="str">
            <v>なか５日</v>
          </cell>
          <cell r="X177" t="str">
            <v>特命</v>
          </cell>
          <cell r="Y177">
            <v>38918</v>
          </cell>
          <cell r="Z177">
            <v>38917</v>
          </cell>
          <cell r="AA177">
            <v>1400</v>
          </cell>
          <cell r="AB177" t="str">
            <v>交通局３階総務課（契約担当）</v>
          </cell>
          <cell r="AD177" t="str">
            <v>平成18年7月19日(水)　14時00分</v>
          </cell>
          <cell r="AI177">
            <v>1</v>
          </cell>
          <cell r="AJ177" t="str">
            <v>（株）オオウラ</v>
          </cell>
          <cell r="AU177" t="str">
            <v>要</v>
          </cell>
          <cell r="AV177">
            <v>22370000</v>
          </cell>
          <cell r="AW177">
            <v>23488500</v>
          </cell>
          <cell r="AX177">
            <v>1.004558127185029E-2</v>
          </cell>
          <cell r="AY177" t="str">
            <v>（株）オオウラ</v>
          </cell>
          <cell r="AZ177">
            <v>22300000</v>
          </cell>
          <cell r="BA177">
            <v>23415000</v>
          </cell>
          <cell r="BB177">
            <v>1115000</v>
          </cell>
          <cell r="BC177" t="str">
            <v>契約書</v>
          </cell>
          <cell r="BE177">
            <v>38917</v>
          </cell>
          <cell r="BF177" t="str">
            <v>する</v>
          </cell>
          <cell r="BG177" t="str">
            <v>見積</v>
          </cell>
          <cell r="BH177">
            <v>0.99687080911935633</v>
          </cell>
          <cell r="BK177">
            <v>22597000</v>
          </cell>
          <cell r="BL177" t="str">
            <v xml:space="preserve"> </v>
          </cell>
          <cell r="BM177">
            <v>311850</v>
          </cell>
          <cell r="BN177">
            <v>0.98685666238881264</v>
          </cell>
        </row>
        <row r="178">
          <cell r="A178">
            <v>2020</v>
          </cell>
          <cell r="B178" t="str">
            <v>製造請負</v>
          </cell>
          <cell r="C178" t="str">
            <v>東豊線ＣＴＣ・ＩＲ装置改良</v>
          </cell>
          <cell r="D178">
            <v>38910</v>
          </cell>
          <cell r="E178" t="str">
            <v>特命</v>
          </cell>
          <cell r="G178">
            <v>91171500</v>
          </cell>
          <cell r="I178">
            <v>1</v>
          </cell>
          <cell r="J178" t="str">
            <v>式</v>
          </cell>
          <cell r="K178" t="str">
            <v/>
          </cell>
          <cell r="L178">
            <v>91171500</v>
          </cell>
          <cell r="M178" t="str">
            <v>特命</v>
          </cell>
          <cell r="N178" t="str">
            <v>高・建改</v>
          </cell>
          <cell r="P178">
            <v>39525</v>
          </cell>
          <cell r="Q178" t="str">
            <v>壱</v>
          </cell>
          <cell r="R178" t="str">
            <v>無</v>
          </cell>
          <cell r="S178" t="str">
            <v>電気課</v>
          </cell>
          <cell r="T178" t="str">
            <v>佐藤　公俊</v>
          </cell>
          <cell r="U178">
            <v>2653</v>
          </cell>
          <cell r="V178" t="str">
            <v>管理者</v>
          </cell>
          <cell r="W178" t="str">
            <v>なか１０日</v>
          </cell>
          <cell r="X178" t="str">
            <v>特命</v>
          </cell>
          <cell r="Y178">
            <v>38922</v>
          </cell>
          <cell r="Z178">
            <v>38937</v>
          </cell>
          <cell r="AA178">
            <v>1400</v>
          </cell>
          <cell r="AB178" t="str">
            <v>交通局３階総務課（契約担当）</v>
          </cell>
          <cell r="AD178" t="str">
            <v>平成18年8月8日(火)　14時00分</v>
          </cell>
          <cell r="AI178">
            <v>1</v>
          </cell>
          <cell r="AJ178" t="str">
            <v>日本信号（株）北海道支店</v>
          </cell>
          <cell r="AU178" t="str">
            <v>要</v>
          </cell>
          <cell r="AV178">
            <v>86000000</v>
          </cell>
          <cell r="AW178">
            <v>90300000</v>
          </cell>
          <cell r="AX178">
            <v>9.5589082114476698E-3</v>
          </cell>
          <cell r="AY178" t="str">
            <v>日本信号（株）北海道支店</v>
          </cell>
          <cell r="AZ178">
            <v>85000000</v>
          </cell>
          <cell r="BA178">
            <v>89250000</v>
          </cell>
          <cell r="BB178">
            <v>4250000</v>
          </cell>
          <cell r="BC178" t="str">
            <v>契約書</v>
          </cell>
          <cell r="BE178">
            <v>38939</v>
          </cell>
          <cell r="BF178" t="str">
            <v>する</v>
          </cell>
          <cell r="BG178" t="str">
            <v>見積</v>
          </cell>
          <cell r="BH178">
            <v>0.98837209302325579</v>
          </cell>
          <cell r="BK178">
            <v>86830000</v>
          </cell>
          <cell r="BL178" t="str">
            <v xml:space="preserve"> </v>
          </cell>
          <cell r="BM178">
            <v>1921500</v>
          </cell>
          <cell r="BN178">
            <v>0.97892433490729014</v>
          </cell>
        </row>
        <row r="179">
          <cell r="A179">
            <v>7052</v>
          </cell>
          <cell r="B179" t="str">
            <v>業務委託</v>
          </cell>
          <cell r="C179" t="str">
            <v>東車両基地エレベーター修理業務</v>
          </cell>
          <cell r="D179">
            <v>38911</v>
          </cell>
          <cell r="E179" t="str">
            <v>特命</v>
          </cell>
          <cell r="G179">
            <v>140700</v>
          </cell>
          <cell r="I179">
            <v>1</v>
          </cell>
          <cell r="J179" t="str">
            <v>式</v>
          </cell>
          <cell r="K179" t="str">
            <v/>
          </cell>
          <cell r="L179">
            <v>140700</v>
          </cell>
          <cell r="M179" t="str">
            <v>特命</v>
          </cell>
          <cell r="N179" t="str">
            <v>高・営</v>
          </cell>
          <cell r="O179">
            <v>38924</v>
          </cell>
          <cell r="P179">
            <v>38954</v>
          </cell>
          <cell r="Q179" t="str">
            <v>壱</v>
          </cell>
          <cell r="R179" t="str">
            <v>無</v>
          </cell>
          <cell r="S179" t="str">
            <v>車両課(大谷地)</v>
          </cell>
          <cell r="T179" t="str">
            <v>木村　敏秋</v>
          </cell>
          <cell r="U179">
            <v>8407</v>
          </cell>
          <cell r="V179" t="str">
            <v>課長</v>
          </cell>
          <cell r="W179" t="str">
            <v>なか１日</v>
          </cell>
          <cell r="X179" t="str">
            <v>特命</v>
          </cell>
          <cell r="Y179">
            <v>38917</v>
          </cell>
          <cell r="Z179">
            <v>38922</v>
          </cell>
          <cell r="AA179">
            <v>1430</v>
          </cell>
          <cell r="AB179" t="str">
            <v>交通局３階総務課（契約担当）</v>
          </cell>
          <cell r="AD179" t="str">
            <v>平成18年7月24日(月)　14時30分</v>
          </cell>
          <cell r="AI179">
            <v>1</v>
          </cell>
          <cell r="AJ179" t="str">
            <v>三菱電機ビルテクノサービス（株）北海道支社</v>
          </cell>
          <cell r="AU179" t="str">
            <v>省略可</v>
          </cell>
          <cell r="AW179">
            <v>140700</v>
          </cell>
          <cell r="AX179">
            <v>1</v>
          </cell>
          <cell r="AY179" t="str">
            <v>三菱電機ビルテクノサービス（株）北海道支社</v>
          </cell>
          <cell r="AZ179">
            <v>120000</v>
          </cell>
          <cell r="BA179">
            <v>126000</v>
          </cell>
          <cell r="BB179">
            <v>6000</v>
          </cell>
          <cell r="BC179" t="str">
            <v>請書</v>
          </cell>
          <cell r="BE179">
            <v>38923</v>
          </cell>
          <cell r="BF179" t="str">
            <v>しない</v>
          </cell>
          <cell r="BG179" t="str">
            <v>見積</v>
          </cell>
          <cell r="BH179">
            <v>0.89552238805970152</v>
          </cell>
          <cell r="BK179">
            <v>134000</v>
          </cell>
          <cell r="BL179" t="str">
            <v xml:space="preserve"> </v>
          </cell>
          <cell r="BM179">
            <v>14700</v>
          </cell>
          <cell r="BN179">
            <v>0.89552238805970152</v>
          </cell>
        </row>
        <row r="180">
          <cell r="A180">
            <v>1107</v>
          </cell>
          <cell r="B180" t="str">
            <v>物品購入</v>
          </cell>
          <cell r="C180" t="str">
            <v>７０００形車両用リアクトルブロワー部品他</v>
          </cell>
          <cell r="D180">
            <v>38911</v>
          </cell>
          <cell r="E180" t="str">
            <v>特命</v>
          </cell>
          <cell r="G180">
            <v>233100</v>
          </cell>
          <cell r="I180">
            <v>1</v>
          </cell>
          <cell r="J180" t="str">
            <v>式</v>
          </cell>
          <cell r="K180" t="str">
            <v/>
          </cell>
          <cell r="L180">
            <v>233100</v>
          </cell>
          <cell r="M180" t="str">
            <v>特命</v>
          </cell>
          <cell r="N180" t="str">
            <v>高・営</v>
          </cell>
          <cell r="P180">
            <v>39129</v>
          </cell>
          <cell r="Q180" t="str">
            <v>壱</v>
          </cell>
          <cell r="R180" t="str">
            <v>無</v>
          </cell>
          <cell r="S180" t="str">
            <v>車両課(二十四軒)</v>
          </cell>
          <cell r="T180" t="str">
            <v>工藤　清</v>
          </cell>
          <cell r="U180">
            <v>8204</v>
          </cell>
          <cell r="V180" t="str">
            <v>課長</v>
          </cell>
          <cell r="W180" t="str">
            <v>なか１日</v>
          </cell>
          <cell r="X180" t="str">
            <v>特命</v>
          </cell>
          <cell r="Y180">
            <v>38917</v>
          </cell>
          <cell r="Z180">
            <v>38922</v>
          </cell>
          <cell r="AA180">
            <v>1500</v>
          </cell>
          <cell r="AB180" t="str">
            <v>交通局３階総務課（契約担当）</v>
          </cell>
          <cell r="AD180" t="str">
            <v>平成18年7月24日(月)　15時00分</v>
          </cell>
          <cell r="AI180">
            <v>1</v>
          </cell>
          <cell r="AJ180" t="str">
            <v>（株）日立製作所北海道支社</v>
          </cell>
          <cell r="AU180" t="str">
            <v>省略可</v>
          </cell>
          <cell r="AW180">
            <v>233100</v>
          </cell>
          <cell r="AX180">
            <v>1</v>
          </cell>
          <cell r="AY180" t="str">
            <v>（株）日立製作所北海道支社</v>
          </cell>
          <cell r="AZ180">
            <v>215500</v>
          </cell>
          <cell r="BA180">
            <v>226275</v>
          </cell>
          <cell r="BB180">
            <v>10775</v>
          </cell>
          <cell r="BC180" t="str">
            <v>発注書</v>
          </cell>
          <cell r="BE180">
            <v>38922</v>
          </cell>
          <cell r="BF180" t="str">
            <v>しない</v>
          </cell>
          <cell r="BG180" t="str">
            <v>見積</v>
          </cell>
          <cell r="BH180">
            <v>0.97072072072072069</v>
          </cell>
          <cell r="BK180">
            <v>222000</v>
          </cell>
          <cell r="BL180" t="str">
            <v xml:space="preserve"> </v>
          </cell>
          <cell r="BM180">
            <v>6825</v>
          </cell>
          <cell r="BN180">
            <v>0.97072072072072069</v>
          </cell>
        </row>
        <row r="181">
          <cell r="A181">
            <v>1108</v>
          </cell>
          <cell r="B181" t="str">
            <v>物品購入</v>
          </cell>
          <cell r="C181" t="str">
            <v>ショックアブソーバー他</v>
          </cell>
          <cell r="D181">
            <v>38911</v>
          </cell>
          <cell r="E181" t="str">
            <v>特命</v>
          </cell>
          <cell r="G181">
            <v>4207050</v>
          </cell>
          <cell r="I181">
            <v>1</v>
          </cell>
          <cell r="J181" t="str">
            <v>式</v>
          </cell>
          <cell r="K181" t="str">
            <v/>
          </cell>
          <cell r="L181">
            <v>4207050</v>
          </cell>
          <cell r="M181" t="str">
            <v>特命</v>
          </cell>
          <cell r="N181" t="str">
            <v>高・営</v>
          </cell>
          <cell r="P181">
            <v>39107</v>
          </cell>
          <cell r="Q181" t="str">
            <v>壱</v>
          </cell>
          <cell r="R181" t="str">
            <v>無</v>
          </cell>
          <cell r="S181" t="str">
            <v>車両課(真駒内)</v>
          </cell>
          <cell r="T181" t="str">
            <v>中出　実</v>
          </cell>
          <cell r="U181">
            <v>8316</v>
          </cell>
          <cell r="V181" t="str">
            <v>部長</v>
          </cell>
          <cell r="W181" t="str">
            <v>なか１日</v>
          </cell>
          <cell r="X181" t="str">
            <v>特命</v>
          </cell>
          <cell r="Y181">
            <v>38918</v>
          </cell>
          <cell r="Z181">
            <v>38923</v>
          </cell>
          <cell r="AA181">
            <v>1400</v>
          </cell>
          <cell r="AB181" t="str">
            <v>交通局３階総務課（契約担当）</v>
          </cell>
          <cell r="AD181" t="str">
            <v>平成18年7月25日(火)　14時00分</v>
          </cell>
          <cell r="AI181">
            <v>1</v>
          </cell>
          <cell r="AJ181" t="str">
            <v>札幌川重車両エンジニアリング（株）</v>
          </cell>
          <cell r="AU181" t="str">
            <v>要</v>
          </cell>
          <cell r="AV181">
            <v>4000000</v>
          </cell>
          <cell r="AW181">
            <v>4200000</v>
          </cell>
          <cell r="AX181">
            <v>1.6757585481512738E-3</v>
          </cell>
          <cell r="AY181" t="str">
            <v>札幌川重車両エンジニアリング（株）</v>
          </cell>
          <cell r="AZ181">
            <v>4000000</v>
          </cell>
          <cell r="BA181">
            <v>4200000</v>
          </cell>
          <cell r="BB181">
            <v>200000</v>
          </cell>
          <cell r="BC181" t="str">
            <v>契約書</v>
          </cell>
          <cell r="BE181">
            <v>38924</v>
          </cell>
          <cell r="BF181" t="str">
            <v>しない</v>
          </cell>
          <cell r="BG181" t="str">
            <v>見積</v>
          </cell>
          <cell r="BH181">
            <v>1</v>
          </cell>
          <cell r="BK181">
            <v>4006714.2857142854</v>
          </cell>
          <cell r="BL181" t="str">
            <v xml:space="preserve"> </v>
          </cell>
          <cell r="BM181">
            <v>7050</v>
          </cell>
          <cell r="BN181">
            <v>0.99832424145184873</v>
          </cell>
        </row>
        <row r="182">
          <cell r="A182">
            <v>1109</v>
          </cell>
          <cell r="B182" t="str">
            <v>物品購入</v>
          </cell>
          <cell r="C182" t="str">
            <v>２３６号リレー</v>
          </cell>
          <cell r="D182">
            <v>38911</v>
          </cell>
          <cell r="G182">
            <v>601125</v>
          </cell>
          <cell r="I182">
            <v>1</v>
          </cell>
          <cell r="J182" t="str">
            <v>式</v>
          </cell>
          <cell r="K182" t="str">
            <v/>
          </cell>
          <cell r="L182">
            <v>601125</v>
          </cell>
          <cell r="M182" t="str">
            <v>公開</v>
          </cell>
          <cell r="N182" t="str">
            <v>高・営</v>
          </cell>
          <cell r="P182">
            <v>39141</v>
          </cell>
          <cell r="Q182" t="str">
            <v>壱</v>
          </cell>
          <cell r="R182" t="str">
            <v>無</v>
          </cell>
          <cell r="S182" t="str">
            <v>車両課(真駒内)</v>
          </cell>
          <cell r="T182" t="str">
            <v>佐藤　正明</v>
          </cell>
          <cell r="U182">
            <v>8314</v>
          </cell>
          <cell r="V182" t="str">
            <v>課長</v>
          </cell>
          <cell r="W182" t="str">
            <v>なか１日</v>
          </cell>
          <cell r="X182" t="str">
            <v>公開</v>
          </cell>
          <cell r="Y182">
            <v>38918</v>
          </cell>
          <cell r="Z182">
            <v>38918</v>
          </cell>
          <cell r="AB182" t="str">
            <v>交通局３階総務課（契約担当）</v>
          </cell>
          <cell r="AD182" t="e">
            <v>#VALUE!</v>
          </cell>
          <cell r="AI182">
            <v>3</v>
          </cell>
          <cell r="AJ182" t="str">
            <v>（株）渡商</v>
          </cell>
          <cell r="AK182" t="str">
            <v>（株）イザワ</v>
          </cell>
          <cell r="AL182" t="str">
            <v>理興産業（株）</v>
          </cell>
          <cell r="AU182" t="str">
            <v>省略可</v>
          </cell>
          <cell r="AW182">
            <v>601125</v>
          </cell>
          <cell r="AX182">
            <v>1</v>
          </cell>
          <cell r="AY182" t="str">
            <v>（株）渡商</v>
          </cell>
          <cell r="AZ182">
            <v>563750</v>
          </cell>
          <cell r="BA182">
            <v>591937</v>
          </cell>
          <cell r="BB182">
            <v>28187</v>
          </cell>
          <cell r="BC182" t="str">
            <v>請書</v>
          </cell>
          <cell r="BE182">
            <v>38923</v>
          </cell>
          <cell r="BF182" t="str">
            <v>しない</v>
          </cell>
          <cell r="BG182" t="str">
            <v>見積(公開)</v>
          </cell>
          <cell r="BH182">
            <v>0.98471532543148266</v>
          </cell>
          <cell r="BK182">
            <v>572500</v>
          </cell>
          <cell r="BL182" t="str">
            <v xml:space="preserve"> </v>
          </cell>
          <cell r="BM182">
            <v>9188</v>
          </cell>
          <cell r="BN182">
            <v>0.98471532543148266</v>
          </cell>
        </row>
        <row r="183">
          <cell r="A183">
            <v>1110</v>
          </cell>
          <cell r="B183" t="str">
            <v>物品購入</v>
          </cell>
          <cell r="C183" t="str">
            <v>配管材料</v>
          </cell>
          <cell r="D183">
            <v>38911</v>
          </cell>
          <cell r="G183">
            <v>674240</v>
          </cell>
          <cell r="I183">
            <v>1</v>
          </cell>
          <cell r="J183" t="str">
            <v>式</v>
          </cell>
          <cell r="K183" t="str">
            <v/>
          </cell>
          <cell r="L183">
            <v>674240</v>
          </cell>
          <cell r="M183" t="str">
            <v>公開</v>
          </cell>
          <cell r="N183" t="str">
            <v>高・営</v>
          </cell>
          <cell r="P183">
            <v>38960</v>
          </cell>
          <cell r="Q183" t="str">
            <v>壱</v>
          </cell>
          <cell r="R183" t="str">
            <v>無</v>
          </cell>
          <cell r="S183" t="str">
            <v>施設課</v>
          </cell>
          <cell r="T183" t="str">
            <v>岡島　昌仁</v>
          </cell>
          <cell r="U183">
            <v>2522</v>
          </cell>
          <cell r="V183" t="str">
            <v>課長</v>
          </cell>
          <cell r="W183" t="str">
            <v>なか１日</v>
          </cell>
          <cell r="X183" t="str">
            <v>公開</v>
          </cell>
          <cell r="Y183">
            <v>38918</v>
          </cell>
          <cell r="Z183">
            <v>38918</v>
          </cell>
          <cell r="AB183" t="str">
            <v>交通局３階総務課（契約担当）</v>
          </cell>
          <cell r="AD183" t="e">
            <v>#VALUE!</v>
          </cell>
          <cell r="AI183">
            <v>3</v>
          </cell>
          <cell r="AJ183" t="str">
            <v>（株）新六商店</v>
          </cell>
          <cell r="AK183" t="str">
            <v>（株）大興商事</v>
          </cell>
          <cell r="AL183" t="str">
            <v>（株）渡商</v>
          </cell>
          <cell r="AU183" t="str">
            <v>省略可</v>
          </cell>
          <cell r="AW183">
            <v>674240</v>
          </cell>
          <cell r="AX183">
            <v>1</v>
          </cell>
          <cell r="AY183" t="str">
            <v>（株）新六商店</v>
          </cell>
          <cell r="AZ183">
            <v>544654</v>
          </cell>
          <cell r="BA183">
            <v>571886</v>
          </cell>
          <cell r="BB183">
            <v>27232</v>
          </cell>
          <cell r="BC183" t="str">
            <v>請書</v>
          </cell>
          <cell r="BE183">
            <v>38923</v>
          </cell>
          <cell r="BF183" t="str">
            <v>しない</v>
          </cell>
          <cell r="BG183" t="str">
            <v>見積(公開)</v>
          </cell>
          <cell r="BH183">
            <v>0.84819352159468442</v>
          </cell>
          <cell r="BK183">
            <v>642133.33333333326</v>
          </cell>
          <cell r="BL183" t="str">
            <v xml:space="preserve"> </v>
          </cell>
          <cell r="BM183">
            <v>102354</v>
          </cell>
          <cell r="BN183">
            <v>0.84819352159468442</v>
          </cell>
        </row>
        <row r="184">
          <cell r="A184">
            <v>2021</v>
          </cell>
          <cell r="B184" t="str">
            <v>製造請負</v>
          </cell>
          <cell r="C184" t="str">
            <v>回り止め座金他</v>
          </cell>
          <cell r="D184">
            <v>38912</v>
          </cell>
          <cell r="G184">
            <v>442155</v>
          </cell>
          <cell r="I184">
            <v>1</v>
          </cell>
          <cell r="J184" t="str">
            <v>式</v>
          </cell>
          <cell r="K184" t="str">
            <v/>
          </cell>
          <cell r="L184">
            <v>442155</v>
          </cell>
          <cell r="M184" t="str">
            <v>公開</v>
          </cell>
          <cell r="N184" t="str">
            <v>高・営</v>
          </cell>
          <cell r="P184">
            <v>38985</v>
          </cell>
          <cell r="Q184" t="str">
            <v>壱</v>
          </cell>
          <cell r="R184" t="str">
            <v>無</v>
          </cell>
          <cell r="S184" t="str">
            <v>車両課(真駒内)</v>
          </cell>
          <cell r="T184" t="str">
            <v>茂呂　泰伸</v>
          </cell>
          <cell r="U184">
            <v>8318</v>
          </cell>
          <cell r="V184" t="str">
            <v>課長</v>
          </cell>
          <cell r="W184" t="str">
            <v>なか１日</v>
          </cell>
          <cell r="X184" t="str">
            <v>公開</v>
          </cell>
          <cell r="Y184">
            <v>38918</v>
          </cell>
          <cell r="Z184">
            <v>38918</v>
          </cell>
          <cell r="AB184" t="str">
            <v>交通局３階総務課（契約担当）</v>
          </cell>
          <cell r="AD184" t="e">
            <v>#VALUE!</v>
          </cell>
          <cell r="AI184">
            <v>3</v>
          </cell>
          <cell r="AJ184" t="str">
            <v>マルキン機鋼（株）</v>
          </cell>
          <cell r="AK184" t="str">
            <v>潮物産（株）札幌支店</v>
          </cell>
          <cell r="AL184" t="str">
            <v>理興産業（株）</v>
          </cell>
          <cell r="AU184" t="str">
            <v>省略可</v>
          </cell>
          <cell r="AW184">
            <v>442155</v>
          </cell>
          <cell r="AX184">
            <v>1</v>
          </cell>
          <cell r="AY184" t="str">
            <v>マルキン機鋼（株）</v>
          </cell>
          <cell r="AZ184">
            <v>421100</v>
          </cell>
          <cell r="BA184">
            <v>442155</v>
          </cell>
          <cell r="BB184">
            <v>21055</v>
          </cell>
          <cell r="BC184" t="str">
            <v>発注書</v>
          </cell>
          <cell r="BE184">
            <v>38919</v>
          </cell>
          <cell r="BF184" t="str">
            <v>しない</v>
          </cell>
          <cell r="BG184" t="str">
            <v>見積(公開)</v>
          </cell>
          <cell r="BH184">
            <v>1</v>
          </cell>
          <cell r="BK184">
            <v>421100</v>
          </cell>
          <cell r="BL184" t="str">
            <v xml:space="preserve"> </v>
          </cell>
          <cell r="BM184">
            <v>0</v>
          </cell>
          <cell r="BN184">
            <v>1</v>
          </cell>
        </row>
        <row r="185">
          <cell r="A185">
            <v>1111</v>
          </cell>
          <cell r="B185" t="str">
            <v>物品購入</v>
          </cell>
          <cell r="C185" t="str">
            <v>タイマーリレー</v>
          </cell>
          <cell r="D185">
            <v>38912</v>
          </cell>
          <cell r="G185">
            <v>614250</v>
          </cell>
          <cell r="I185">
            <v>1</v>
          </cell>
          <cell r="J185" t="str">
            <v>式</v>
          </cell>
          <cell r="K185" t="str">
            <v/>
          </cell>
          <cell r="L185">
            <v>614250</v>
          </cell>
          <cell r="M185" t="str">
            <v>公開</v>
          </cell>
          <cell r="N185" t="str">
            <v>高・営</v>
          </cell>
          <cell r="P185">
            <v>39136</v>
          </cell>
          <cell r="Q185" t="str">
            <v>壱</v>
          </cell>
          <cell r="R185" t="str">
            <v>無</v>
          </cell>
          <cell r="S185" t="str">
            <v>車両課(真駒内)</v>
          </cell>
          <cell r="T185" t="str">
            <v>高橋　一美</v>
          </cell>
          <cell r="U185">
            <v>8315</v>
          </cell>
          <cell r="V185" t="str">
            <v>課長</v>
          </cell>
          <cell r="W185" t="str">
            <v>なか１日</v>
          </cell>
          <cell r="X185" t="str">
            <v>公開</v>
          </cell>
          <cell r="Y185">
            <v>38918</v>
          </cell>
          <cell r="Z185">
            <v>38918</v>
          </cell>
          <cell r="AA185">
            <v>1515</v>
          </cell>
          <cell r="AB185" t="str">
            <v>交通局３階総務課（契約担当）</v>
          </cell>
          <cell r="AD185" t="str">
            <v>平成18年7月20日(木)　15時15分</v>
          </cell>
          <cell r="AI185">
            <v>3</v>
          </cell>
          <cell r="AJ185" t="str">
            <v>（株）東芝北海道支社</v>
          </cell>
          <cell r="AU185" t="str">
            <v>省略可</v>
          </cell>
          <cell r="AW185">
            <v>614250</v>
          </cell>
          <cell r="AX185">
            <v>1</v>
          </cell>
          <cell r="AY185" t="str">
            <v>（株）東芝北海道支社</v>
          </cell>
          <cell r="AZ185">
            <v>585000</v>
          </cell>
          <cell r="BA185">
            <v>614250</v>
          </cell>
          <cell r="BB185">
            <v>29250</v>
          </cell>
          <cell r="BC185" t="str">
            <v>請書</v>
          </cell>
          <cell r="BE185">
            <v>38922</v>
          </cell>
          <cell r="BF185" t="str">
            <v>しない</v>
          </cell>
          <cell r="BG185" t="str">
            <v>見積(公開)</v>
          </cell>
          <cell r="BH185">
            <v>1</v>
          </cell>
          <cell r="BK185">
            <v>585000</v>
          </cell>
          <cell r="BL185" t="str">
            <v xml:space="preserve"> </v>
          </cell>
          <cell r="BM185">
            <v>0</v>
          </cell>
          <cell r="BN185">
            <v>1</v>
          </cell>
        </row>
        <row r="186">
          <cell r="A186">
            <v>1112</v>
          </cell>
          <cell r="B186" t="str">
            <v>物品購入</v>
          </cell>
          <cell r="C186" t="str">
            <v>トーションバー組立品他</v>
          </cell>
          <cell r="D186">
            <v>38912</v>
          </cell>
          <cell r="E186" t="str">
            <v>特命</v>
          </cell>
          <cell r="G186">
            <v>6128220</v>
          </cell>
          <cell r="I186">
            <v>1</v>
          </cell>
          <cell r="J186" t="str">
            <v>式</v>
          </cell>
          <cell r="K186" t="str">
            <v/>
          </cell>
          <cell r="L186">
            <v>6128220</v>
          </cell>
          <cell r="M186" t="str">
            <v>特命</v>
          </cell>
          <cell r="N186" t="str">
            <v>高・営</v>
          </cell>
          <cell r="P186">
            <v>39164</v>
          </cell>
          <cell r="Q186" t="str">
            <v>壱</v>
          </cell>
          <cell r="R186" t="str">
            <v>無</v>
          </cell>
          <cell r="S186" t="str">
            <v>施設課</v>
          </cell>
          <cell r="T186" t="str">
            <v>丸山　貴弘</v>
          </cell>
          <cell r="U186">
            <v>2592</v>
          </cell>
          <cell r="V186" t="str">
            <v>部長</v>
          </cell>
          <cell r="W186" t="str">
            <v>なか５日</v>
          </cell>
          <cell r="X186" t="str">
            <v>特命</v>
          </cell>
          <cell r="Y186">
            <v>38922</v>
          </cell>
          <cell r="Z186">
            <v>38929</v>
          </cell>
          <cell r="AA186">
            <v>1400</v>
          </cell>
          <cell r="AB186" t="str">
            <v>交通局３階総務課（契約担当）</v>
          </cell>
          <cell r="AD186" t="str">
            <v>平成18年7月31日(月)　14時00分</v>
          </cell>
          <cell r="AI186">
            <v>1</v>
          </cell>
          <cell r="AJ186" t="str">
            <v>札幌川重車両エンジニアリング（株）</v>
          </cell>
          <cell r="AU186" t="str">
            <v>要</v>
          </cell>
          <cell r="AV186">
            <v>5770000</v>
          </cell>
          <cell r="AW186">
            <v>6058500</v>
          </cell>
          <cell r="AX186">
            <v>1.1376876156534821E-2</v>
          </cell>
          <cell r="AY186" t="str">
            <v>札幌川重車両エンジニアリング（株）</v>
          </cell>
          <cell r="AZ186">
            <v>5757000</v>
          </cell>
          <cell r="BA186">
            <v>6044850</v>
          </cell>
          <cell r="BB186">
            <v>287850</v>
          </cell>
          <cell r="BC186" t="str">
            <v>契約書</v>
          </cell>
          <cell r="BE186">
            <v>38930</v>
          </cell>
          <cell r="BF186" t="str">
            <v>しない</v>
          </cell>
          <cell r="BG186" t="str">
            <v>見積</v>
          </cell>
          <cell r="BH186">
            <v>0.99774696707105714</v>
          </cell>
          <cell r="BK186">
            <v>5836400</v>
          </cell>
          <cell r="BL186" t="str">
            <v xml:space="preserve"> </v>
          </cell>
          <cell r="BM186">
            <v>83370</v>
          </cell>
          <cell r="BN186">
            <v>0.98639572339113157</v>
          </cell>
        </row>
        <row r="187">
          <cell r="A187">
            <v>1113</v>
          </cell>
          <cell r="B187" t="str">
            <v>物品購入</v>
          </cell>
          <cell r="C187" t="str">
            <v>エアーフィルター</v>
          </cell>
          <cell r="D187">
            <v>38912</v>
          </cell>
          <cell r="G187">
            <v>4570419</v>
          </cell>
          <cell r="I187">
            <v>1</v>
          </cell>
          <cell r="J187" t="str">
            <v>式</v>
          </cell>
          <cell r="K187" t="str">
            <v/>
          </cell>
          <cell r="L187">
            <v>4570419</v>
          </cell>
          <cell r="M187" t="str">
            <v>入札</v>
          </cell>
          <cell r="N187" t="str">
            <v>高・営</v>
          </cell>
          <cell r="P187">
            <v>39031</v>
          </cell>
          <cell r="Q187" t="str">
            <v>壱</v>
          </cell>
          <cell r="R187" t="str">
            <v>無</v>
          </cell>
          <cell r="S187" t="str">
            <v>施設課</v>
          </cell>
          <cell r="T187" t="str">
            <v>北川　博教</v>
          </cell>
          <cell r="U187">
            <v>2528</v>
          </cell>
          <cell r="V187" t="str">
            <v>部長</v>
          </cell>
          <cell r="W187" t="str">
            <v>なか１日</v>
          </cell>
          <cell r="X187" t="str">
            <v>入札</v>
          </cell>
          <cell r="Y187">
            <v>38919</v>
          </cell>
          <cell r="Z187">
            <v>38966</v>
          </cell>
          <cell r="AA187">
            <v>1100</v>
          </cell>
          <cell r="AB187" t="str">
            <v>交通局５階入札室</v>
          </cell>
          <cell r="AD187" t="str">
            <v>平成18年9月6日(水)　11時00分</v>
          </cell>
          <cell r="AE187" t="str">
            <v>卸小売業</v>
          </cell>
          <cell r="AF187" t="str">
            <v>一般機械器具卸小売業</v>
          </cell>
          <cell r="AG187" t="str">
            <v>その他一般機械器具</v>
          </cell>
          <cell r="AH187" t="str">
            <v>A</v>
          </cell>
          <cell r="AI187">
            <v>4</v>
          </cell>
          <cell r="AJ187" t="str">
            <v>潮物産（株）札幌支店</v>
          </cell>
          <cell r="AK187" t="str">
            <v>（株）北弘電社</v>
          </cell>
          <cell r="AL187" t="str">
            <v>東和電商（株）</v>
          </cell>
          <cell r="AM187" t="str">
            <v>（株）ビオフレックス</v>
          </cell>
          <cell r="AN187" t="str">
            <v>ミドリ安全北海道（株）</v>
          </cell>
          <cell r="AO187" t="str">
            <v>（有）モリミツ</v>
          </cell>
          <cell r="AU187" t="str">
            <v>要</v>
          </cell>
          <cell r="AV187">
            <v>4300000</v>
          </cell>
          <cell r="AW187">
            <v>4515000</v>
          </cell>
          <cell r="AX187">
            <v>1.2125584109465626E-2</v>
          </cell>
          <cell r="AY187" t="str">
            <v>（有）モリミツ</v>
          </cell>
          <cell r="AZ187">
            <v>3352760</v>
          </cell>
          <cell r="BA187">
            <v>3520398</v>
          </cell>
          <cell r="BB187">
            <v>167638</v>
          </cell>
          <cell r="BC187" t="str">
            <v>契約書</v>
          </cell>
          <cell r="BE187">
            <v>38967</v>
          </cell>
          <cell r="BF187" t="str">
            <v>しない</v>
          </cell>
          <cell r="BG187" t="str">
            <v>入  札</v>
          </cell>
          <cell r="BH187">
            <v>0.77971162790697679</v>
          </cell>
          <cell r="BK187">
            <v>4352780</v>
          </cell>
          <cell r="BL187" t="str">
            <v xml:space="preserve"> </v>
          </cell>
          <cell r="BM187">
            <v>1050021</v>
          </cell>
          <cell r="BN187">
            <v>0.7702571689816623</v>
          </cell>
        </row>
        <row r="188">
          <cell r="A188">
            <v>1114</v>
          </cell>
          <cell r="B188" t="str">
            <v>物品購入</v>
          </cell>
          <cell r="C188" t="str">
            <v>５０００形車両用座席モケット</v>
          </cell>
          <cell r="D188">
            <v>38912</v>
          </cell>
          <cell r="G188">
            <v>5187000</v>
          </cell>
          <cell r="I188">
            <v>1</v>
          </cell>
          <cell r="J188" t="str">
            <v>式</v>
          </cell>
          <cell r="K188" t="str">
            <v/>
          </cell>
          <cell r="L188">
            <v>5187000</v>
          </cell>
          <cell r="M188" t="str">
            <v>入札</v>
          </cell>
          <cell r="N188" t="str">
            <v>高・営</v>
          </cell>
          <cell r="P188">
            <v>39058</v>
          </cell>
          <cell r="Q188" t="str">
            <v>壱</v>
          </cell>
          <cell r="R188" t="str">
            <v>無</v>
          </cell>
          <cell r="S188" t="str">
            <v>車両課(真駒内)</v>
          </cell>
          <cell r="T188" t="str">
            <v>阿部　光男</v>
          </cell>
          <cell r="U188">
            <v>8317</v>
          </cell>
          <cell r="V188" t="str">
            <v>部長</v>
          </cell>
          <cell r="W188" t="str">
            <v>なか５日</v>
          </cell>
          <cell r="X188" t="str">
            <v>入札</v>
          </cell>
          <cell r="Y188">
            <v>38925</v>
          </cell>
          <cell r="Z188">
            <v>38936</v>
          </cell>
          <cell r="AA188">
            <v>1110</v>
          </cell>
          <cell r="AB188" t="str">
            <v>交通局５階入札室</v>
          </cell>
          <cell r="AD188" t="str">
            <v>平成18年8月7日(月)　11時10分</v>
          </cell>
          <cell r="AE188" t="str">
            <v>卸小売業</v>
          </cell>
          <cell r="AF188" t="str">
            <v>繊維製品卸小売業</v>
          </cell>
          <cell r="AG188" t="str">
            <v>繊維製品</v>
          </cell>
          <cell r="AH188" t="str">
            <v>B</v>
          </cell>
          <cell r="AI188">
            <v>4</v>
          </cell>
          <cell r="AJ188" t="str">
            <v>（株）ササキ札幌営業所</v>
          </cell>
          <cell r="AK188" t="str">
            <v>三和商行（株）</v>
          </cell>
          <cell r="AL188" t="str">
            <v>福田実業（株）</v>
          </cell>
          <cell r="AM188" t="str">
            <v>（株）ムラカミ</v>
          </cell>
          <cell r="AU188" t="str">
            <v>要</v>
          </cell>
          <cell r="AV188">
            <v>4900000</v>
          </cell>
          <cell r="AW188">
            <v>5145000</v>
          </cell>
          <cell r="AX188">
            <v>8.0971659919027994E-3</v>
          </cell>
          <cell r="AY188" t="str">
            <v>福田実業（株）</v>
          </cell>
          <cell r="AZ188">
            <v>4875000</v>
          </cell>
          <cell r="BA188">
            <v>5118750</v>
          </cell>
          <cell r="BB188">
            <v>243750</v>
          </cell>
          <cell r="BC188" t="str">
            <v>契約書</v>
          </cell>
          <cell r="BE188">
            <v>38937</v>
          </cell>
          <cell r="BF188" t="str">
            <v>しない</v>
          </cell>
          <cell r="BG188" t="str">
            <v>入  札</v>
          </cell>
          <cell r="BH188">
            <v>0.99489795918367352</v>
          </cell>
          <cell r="BK188">
            <v>4940000</v>
          </cell>
          <cell r="BL188" t="str">
            <v xml:space="preserve"> </v>
          </cell>
          <cell r="BM188">
            <v>68250</v>
          </cell>
          <cell r="BN188">
            <v>0.98684210526315785</v>
          </cell>
        </row>
        <row r="189">
          <cell r="A189">
            <v>7053</v>
          </cell>
          <cell r="B189" t="str">
            <v>業務委託</v>
          </cell>
          <cell r="C189" t="str">
            <v>故障監視装置オーバーホール</v>
          </cell>
          <cell r="D189">
            <v>38912</v>
          </cell>
          <cell r="E189" t="str">
            <v>特命</v>
          </cell>
          <cell r="G189">
            <v>1656900</v>
          </cell>
          <cell r="I189">
            <v>1</v>
          </cell>
          <cell r="J189" t="str">
            <v>式</v>
          </cell>
          <cell r="K189" t="str">
            <v/>
          </cell>
          <cell r="L189">
            <v>1656900</v>
          </cell>
          <cell r="M189" t="str">
            <v>特命</v>
          </cell>
          <cell r="N189" t="str">
            <v>高・営</v>
          </cell>
          <cell r="O189">
            <v>38936</v>
          </cell>
          <cell r="P189">
            <v>38989</v>
          </cell>
          <cell r="Q189" t="str">
            <v>壱</v>
          </cell>
          <cell r="R189" t="str">
            <v>無</v>
          </cell>
          <cell r="S189" t="str">
            <v>電気課</v>
          </cell>
          <cell r="T189" t="str">
            <v>伊藤　弘</v>
          </cell>
          <cell r="U189">
            <v>2646</v>
          </cell>
          <cell r="V189" t="str">
            <v>部長</v>
          </cell>
          <cell r="W189" t="str">
            <v>なか１日</v>
          </cell>
          <cell r="X189" t="str">
            <v>特命</v>
          </cell>
          <cell r="Y189">
            <v>38919</v>
          </cell>
          <cell r="Z189">
            <v>38932</v>
          </cell>
          <cell r="AA189">
            <v>1100</v>
          </cell>
          <cell r="AB189" t="str">
            <v>交通局３階総務課（契約担当）</v>
          </cell>
          <cell r="AD189" t="str">
            <v>平成18年8月3日(木)　11時00分</v>
          </cell>
          <cell r="AI189">
            <v>1</v>
          </cell>
          <cell r="AJ189" t="str">
            <v>富士通サポートアンドサービス（株）北海道支社</v>
          </cell>
          <cell r="AU189" t="str">
            <v>要</v>
          </cell>
          <cell r="AV189">
            <v>1570000</v>
          </cell>
          <cell r="AW189">
            <v>1648500</v>
          </cell>
          <cell r="AX189">
            <v>5.069708491761693E-3</v>
          </cell>
          <cell r="AY189" t="str">
            <v>富士通サポートアンドサービス（株）北海道支社</v>
          </cell>
          <cell r="AZ189">
            <v>1560000</v>
          </cell>
          <cell r="BA189">
            <v>1638000</v>
          </cell>
          <cell r="BB189">
            <v>78000</v>
          </cell>
          <cell r="BC189" t="str">
            <v>契約書</v>
          </cell>
          <cell r="BE189">
            <v>38933</v>
          </cell>
          <cell r="BF189" t="str">
            <v>しない</v>
          </cell>
          <cell r="BG189" t="str">
            <v>見積</v>
          </cell>
          <cell r="BH189">
            <v>0.99363057324840764</v>
          </cell>
          <cell r="BK189">
            <v>1578000</v>
          </cell>
          <cell r="BL189" t="str">
            <v xml:space="preserve"> </v>
          </cell>
          <cell r="BM189">
            <v>18900</v>
          </cell>
          <cell r="BN189">
            <v>0.98859315589353614</v>
          </cell>
        </row>
        <row r="190">
          <cell r="A190">
            <v>7054</v>
          </cell>
          <cell r="B190" t="str">
            <v>業務委託</v>
          </cell>
          <cell r="C190" t="str">
            <v>南車両基地ボイラー耐火材交換業務</v>
          </cell>
          <cell r="D190">
            <v>38912</v>
          </cell>
          <cell r="E190" t="str">
            <v>特命</v>
          </cell>
          <cell r="G190">
            <v>3391500</v>
          </cell>
          <cell r="I190">
            <v>1</v>
          </cell>
          <cell r="J190" t="str">
            <v>式</v>
          </cell>
          <cell r="K190" t="str">
            <v/>
          </cell>
          <cell r="L190">
            <v>3391500</v>
          </cell>
          <cell r="M190" t="str">
            <v>特命</v>
          </cell>
          <cell r="N190" t="str">
            <v>高・営</v>
          </cell>
          <cell r="O190">
            <v>38930</v>
          </cell>
          <cell r="P190">
            <v>38974</v>
          </cell>
          <cell r="Q190" t="str">
            <v>壱</v>
          </cell>
          <cell r="R190" t="str">
            <v>無</v>
          </cell>
          <cell r="S190" t="str">
            <v>施設課</v>
          </cell>
          <cell r="T190" t="str">
            <v>白勢　信彦</v>
          </cell>
          <cell r="U190">
            <v>2528</v>
          </cell>
          <cell r="V190" t="str">
            <v>管理者</v>
          </cell>
          <cell r="W190" t="str">
            <v>なか１日</v>
          </cell>
          <cell r="X190" t="str">
            <v>特命</v>
          </cell>
          <cell r="Y190">
            <v>38922</v>
          </cell>
          <cell r="Z190">
            <v>38929</v>
          </cell>
          <cell r="AA190">
            <v>1430</v>
          </cell>
          <cell r="AB190" t="str">
            <v>交通局３階総務課（契約担当）</v>
          </cell>
          <cell r="AD190" t="str">
            <v>平成18年7月31日(月)　14時30分</v>
          </cell>
          <cell r="AI190">
            <v>1</v>
          </cell>
          <cell r="AJ190" t="str">
            <v>川重冷熱工業（株）札幌支店</v>
          </cell>
          <cell r="AU190" t="str">
            <v>要</v>
          </cell>
          <cell r="AV190">
            <v>3230000</v>
          </cell>
          <cell r="AW190">
            <v>3391500</v>
          </cell>
          <cell r="AX190">
            <v>0</v>
          </cell>
          <cell r="AY190" t="str">
            <v>川重冷熱工業（株）札幌支店</v>
          </cell>
          <cell r="AZ190">
            <v>3000000</v>
          </cell>
          <cell r="BA190">
            <v>3150000</v>
          </cell>
          <cell r="BB190">
            <v>150000</v>
          </cell>
          <cell r="BC190" t="str">
            <v>契約書</v>
          </cell>
          <cell r="BE190">
            <v>38929</v>
          </cell>
          <cell r="BF190" t="str">
            <v>しない</v>
          </cell>
          <cell r="BG190" t="str">
            <v>見積</v>
          </cell>
          <cell r="BH190">
            <v>0.92879256965944268</v>
          </cell>
          <cell r="BK190">
            <v>3230000</v>
          </cell>
          <cell r="BL190" t="str">
            <v xml:space="preserve"> </v>
          </cell>
          <cell r="BM190">
            <v>241500</v>
          </cell>
          <cell r="BN190">
            <v>0.92879256965944268</v>
          </cell>
        </row>
        <row r="191">
          <cell r="A191">
            <v>7055</v>
          </cell>
          <cell r="B191" t="str">
            <v>業務委託</v>
          </cell>
          <cell r="C191" t="str">
            <v>誘導無線装置ユニットオーバーホール</v>
          </cell>
          <cell r="D191">
            <v>38912</v>
          </cell>
          <cell r="E191" t="str">
            <v>特命</v>
          </cell>
          <cell r="G191">
            <v>1504650</v>
          </cell>
          <cell r="I191">
            <v>1</v>
          </cell>
          <cell r="J191" t="str">
            <v>式</v>
          </cell>
          <cell r="K191" t="str">
            <v/>
          </cell>
          <cell r="L191">
            <v>1504650</v>
          </cell>
          <cell r="M191" t="str">
            <v>特命</v>
          </cell>
          <cell r="N191" t="str">
            <v>高・営</v>
          </cell>
          <cell r="O191">
            <v>38931</v>
          </cell>
          <cell r="P191">
            <v>39157</v>
          </cell>
          <cell r="Q191" t="str">
            <v>壱</v>
          </cell>
          <cell r="R191" t="str">
            <v>無</v>
          </cell>
          <cell r="S191" t="str">
            <v>電気課</v>
          </cell>
          <cell r="T191" t="str">
            <v>鎌田　浩伸</v>
          </cell>
          <cell r="U191">
            <v>2658</v>
          </cell>
          <cell r="V191" t="str">
            <v>部長</v>
          </cell>
          <cell r="W191" t="str">
            <v>なか１日</v>
          </cell>
          <cell r="X191" t="str">
            <v>特命</v>
          </cell>
          <cell r="Y191">
            <v>38919</v>
          </cell>
          <cell r="Z191">
            <v>38929</v>
          </cell>
          <cell r="AA191">
            <v>1445</v>
          </cell>
          <cell r="AB191" t="str">
            <v>交通局３階総務課（契約担当）</v>
          </cell>
          <cell r="AD191" t="str">
            <v>平成18年7月31日(月)　14時45分</v>
          </cell>
          <cell r="AI191">
            <v>1</v>
          </cell>
          <cell r="AJ191" t="str">
            <v>札幌日信電子（株）</v>
          </cell>
          <cell r="AU191" t="str">
            <v>要</v>
          </cell>
          <cell r="AV191">
            <v>1418000</v>
          </cell>
          <cell r="AW191">
            <v>1488900</v>
          </cell>
          <cell r="AX191">
            <v>1.0467550593161179E-2</v>
          </cell>
          <cell r="AY191" t="str">
            <v>札幌日信電子（株）</v>
          </cell>
          <cell r="AZ191">
            <v>1410000</v>
          </cell>
          <cell r="BA191">
            <v>1480500</v>
          </cell>
          <cell r="BB191">
            <v>70500</v>
          </cell>
          <cell r="BC191" t="str">
            <v>契約書</v>
          </cell>
          <cell r="BE191">
            <v>38930</v>
          </cell>
          <cell r="BF191" t="str">
            <v>しない</v>
          </cell>
          <cell r="BG191" t="str">
            <v>見積</v>
          </cell>
          <cell r="BH191">
            <v>0.99435825105782794</v>
          </cell>
          <cell r="BK191">
            <v>1433000</v>
          </cell>
          <cell r="BL191" t="str">
            <v xml:space="preserve"> </v>
          </cell>
          <cell r="BM191">
            <v>24150</v>
          </cell>
          <cell r="BN191">
            <v>0.98394975575715282</v>
          </cell>
        </row>
        <row r="192">
          <cell r="A192">
            <v>2022</v>
          </cell>
          <cell r="B192" t="str">
            <v>製造請負</v>
          </cell>
          <cell r="C192" t="str">
            <v>券売機用「共通ウィズユーカード」２回目発注分</v>
          </cell>
          <cell r="D192">
            <v>38912</v>
          </cell>
          <cell r="G192">
            <v>68187000</v>
          </cell>
          <cell r="I192">
            <v>2000000</v>
          </cell>
          <cell r="J192" t="str">
            <v>枚</v>
          </cell>
          <cell r="K192" t="str">
            <v/>
          </cell>
          <cell r="L192">
            <v>68187000</v>
          </cell>
          <cell r="M192" t="str">
            <v>入札</v>
          </cell>
          <cell r="N192" t="str">
            <v>軌・営　高・営</v>
          </cell>
          <cell r="P192">
            <v>39002</v>
          </cell>
          <cell r="Q192" t="str">
            <v>壱</v>
          </cell>
          <cell r="R192" t="str">
            <v>無</v>
          </cell>
          <cell r="S192" t="str">
            <v>経営企画課</v>
          </cell>
          <cell r="T192" t="str">
            <v>安藤　友明</v>
          </cell>
          <cell r="U192">
            <v>2115</v>
          </cell>
          <cell r="V192" t="str">
            <v>管理者</v>
          </cell>
          <cell r="W192" t="str">
            <v>なか１０日</v>
          </cell>
          <cell r="X192" t="str">
            <v>入札</v>
          </cell>
          <cell r="Y192">
            <v>38933</v>
          </cell>
          <cell r="Z192">
            <v>38937</v>
          </cell>
          <cell r="AA192">
            <v>1100</v>
          </cell>
          <cell r="AB192" t="str">
            <v>交通局５階入札室</v>
          </cell>
          <cell r="AD192" t="str">
            <v>平成18年8月8日(火)　11時00分</v>
          </cell>
          <cell r="AE192" t="str">
            <v>製造業</v>
          </cell>
          <cell r="AF192" t="str">
            <v>出版･印刷業</v>
          </cell>
          <cell r="AG192" t="str">
            <v>印刷</v>
          </cell>
          <cell r="AI192">
            <v>6</v>
          </cell>
          <cell r="AJ192" t="str">
            <v>ＮＥＣトーキン（株）営業本部仙台支店</v>
          </cell>
          <cell r="AK192" t="str">
            <v>共同印刷（株）</v>
          </cell>
          <cell r="AL192" t="str">
            <v>凸版印刷（株）北海道事業部</v>
          </cell>
          <cell r="AM192" t="str">
            <v>日本通信紙（株）札幌支店</v>
          </cell>
          <cell r="AU192" t="str">
            <v>要</v>
          </cell>
          <cell r="AV192">
            <v>64900000</v>
          </cell>
          <cell r="AW192">
            <v>68145000</v>
          </cell>
          <cell r="AX192">
            <v>6.1595318755769402E-4</v>
          </cell>
          <cell r="AY192" t="str">
            <v>ＮＥＣトーキン（株）営業本部仙台支店</v>
          </cell>
          <cell r="AZ192">
            <v>64900000</v>
          </cell>
          <cell r="BA192">
            <v>68145000</v>
          </cell>
          <cell r="BB192">
            <v>3245000</v>
          </cell>
          <cell r="BC192" t="str">
            <v>契約書</v>
          </cell>
          <cell r="BE192">
            <v>38940</v>
          </cell>
          <cell r="BF192" t="str">
            <v>しない</v>
          </cell>
          <cell r="BG192" t="str">
            <v>入  札</v>
          </cell>
          <cell r="BH192">
            <v>1</v>
          </cell>
          <cell r="BK192">
            <v>64940000</v>
          </cell>
          <cell r="BL192">
            <v>34.093499999999999</v>
          </cell>
          <cell r="BM192">
            <v>42000</v>
          </cell>
          <cell r="BN192">
            <v>0.99938404681244231</v>
          </cell>
        </row>
        <row r="193">
          <cell r="A193">
            <v>1115</v>
          </cell>
          <cell r="B193" t="str">
            <v>物品購入</v>
          </cell>
          <cell r="C193" t="str">
            <v>リレー他</v>
          </cell>
          <cell r="D193">
            <v>38917</v>
          </cell>
          <cell r="G193">
            <v>1466640</v>
          </cell>
          <cell r="I193">
            <v>1</v>
          </cell>
          <cell r="J193" t="str">
            <v>式</v>
          </cell>
          <cell r="K193" t="str">
            <v/>
          </cell>
          <cell r="L193">
            <v>1466640</v>
          </cell>
          <cell r="M193" t="str">
            <v>公開</v>
          </cell>
          <cell r="N193" t="str">
            <v>高・営</v>
          </cell>
          <cell r="P193">
            <v>39010</v>
          </cell>
          <cell r="Q193" t="str">
            <v>壱</v>
          </cell>
          <cell r="R193" t="str">
            <v>無</v>
          </cell>
          <cell r="S193" t="str">
            <v>施設課</v>
          </cell>
          <cell r="T193" t="str">
            <v>水口　博</v>
          </cell>
          <cell r="U193">
            <v>2594</v>
          </cell>
          <cell r="V193" t="str">
            <v>課長</v>
          </cell>
          <cell r="W193" t="str">
            <v>なか１日</v>
          </cell>
          <cell r="X193" t="str">
            <v>公開</v>
          </cell>
          <cell r="Y193">
            <v>38925</v>
          </cell>
          <cell r="Z193">
            <v>38925</v>
          </cell>
          <cell r="AB193" t="str">
            <v>交通局３階総務課（契約担当）</v>
          </cell>
          <cell r="AD193" t="e">
            <v>#VALUE!</v>
          </cell>
          <cell r="AI193">
            <v>3</v>
          </cell>
          <cell r="AJ193" t="str">
            <v>（株）イザワ</v>
          </cell>
          <cell r="AK193" t="str">
            <v>（株）エミヤ</v>
          </cell>
          <cell r="AL193" t="str">
            <v>向野商事（株）</v>
          </cell>
          <cell r="AM193" t="str">
            <v>理興産業（株）</v>
          </cell>
          <cell r="AU193" t="str">
            <v>省略可</v>
          </cell>
          <cell r="AW193">
            <v>1466640</v>
          </cell>
          <cell r="AX193">
            <v>1</v>
          </cell>
          <cell r="AY193" t="str">
            <v>理興産業（株）</v>
          </cell>
          <cell r="AZ193">
            <v>1143070</v>
          </cell>
          <cell r="BA193">
            <v>1200223</v>
          </cell>
          <cell r="BB193">
            <v>57153</v>
          </cell>
          <cell r="BC193" t="str">
            <v>請書</v>
          </cell>
          <cell r="BE193">
            <v>38930</v>
          </cell>
          <cell r="BF193" t="str">
            <v>しない</v>
          </cell>
          <cell r="BG193" t="str">
            <v>見積(公開)</v>
          </cell>
          <cell r="BH193">
            <v>0.81834874270441282</v>
          </cell>
          <cell r="BK193">
            <v>1396800</v>
          </cell>
          <cell r="BL193" t="str">
            <v xml:space="preserve"> </v>
          </cell>
          <cell r="BM193">
            <v>266417</v>
          </cell>
          <cell r="BN193">
            <v>0.81834874270441282</v>
          </cell>
        </row>
        <row r="194">
          <cell r="A194">
            <v>1116</v>
          </cell>
          <cell r="B194" t="str">
            <v>物品購入</v>
          </cell>
          <cell r="C194" t="str">
            <v>紙幣計算機</v>
          </cell>
          <cell r="D194">
            <v>38917</v>
          </cell>
          <cell r="G194">
            <v>274050</v>
          </cell>
          <cell r="I194">
            <v>1</v>
          </cell>
          <cell r="J194" t="str">
            <v>式</v>
          </cell>
          <cell r="K194" t="str">
            <v/>
          </cell>
          <cell r="L194">
            <v>274050</v>
          </cell>
          <cell r="M194" t="str">
            <v>公開</v>
          </cell>
          <cell r="N194" t="str">
            <v>高・営</v>
          </cell>
          <cell r="P194">
            <v>38960</v>
          </cell>
          <cell r="Q194" t="str">
            <v>壱</v>
          </cell>
          <cell r="R194" t="str">
            <v>無</v>
          </cell>
          <cell r="S194" t="str">
            <v>駅務課</v>
          </cell>
          <cell r="T194" t="str">
            <v>山本　剛</v>
          </cell>
          <cell r="U194">
            <v>5713</v>
          </cell>
          <cell r="V194" t="str">
            <v>課長</v>
          </cell>
          <cell r="W194" t="str">
            <v>なか１日</v>
          </cell>
          <cell r="X194" t="str">
            <v>公開</v>
          </cell>
          <cell r="Y194">
            <v>38925</v>
          </cell>
          <cell r="Z194">
            <v>38925</v>
          </cell>
          <cell r="AB194" t="str">
            <v>交通局３階総務課（契約担当）</v>
          </cell>
          <cell r="AD194" t="e">
            <v>#VALUE!</v>
          </cell>
          <cell r="AI194">
            <v>3</v>
          </cell>
          <cell r="AJ194" t="str">
            <v>（株）北海道電子計算センター</v>
          </cell>
          <cell r="AK194" t="str">
            <v>ローレルバンクマシン（株）札幌支店</v>
          </cell>
          <cell r="AU194" t="str">
            <v>省略可</v>
          </cell>
          <cell r="AW194">
            <v>274050</v>
          </cell>
          <cell r="AX194">
            <v>1</v>
          </cell>
          <cell r="AY194" t="str">
            <v>ローレルバンクマシン（株）札幌支店</v>
          </cell>
          <cell r="AZ194">
            <v>252000</v>
          </cell>
          <cell r="BA194">
            <v>264600</v>
          </cell>
          <cell r="BB194">
            <v>12600</v>
          </cell>
          <cell r="BC194" t="str">
            <v>発注書</v>
          </cell>
          <cell r="BE194">
            <v>38929</v>
          </cell>
          <cell r="BF194" t="str">
            <v>しない</v>
          </cell>
          <cell r="BG194" t="str">
            <v>見積(公開)</v>
          </cell>
          <cell r="BH194">
            <v>0.96551724137931039</v>
          </cell>
          <cell r="BK194">
            <v>261000</v>
          </cell>
          <cell r="BL194" t="str">
            <v xml:space="preserve"> </v>
          </cell>
          <cell r="BM194">
            <v>9450</v>
          </cell>
          <cell r="BN194">
            <v>0.96551724137931039</v>
          </cell>
        </row>
        <row r="195">
          <cell r="A195">
            <v>1117</v>
          </cell>
          <cell r="B195" t="str">
            <v>物品購入</v>
          </cell>
          <cell r="C195" t="str">
            <v>集電器用部品</v>
          </cell>
          <cell r="D195">
            <v>38917</v>
          </cell>
          <cell r="G195">
            <v>945000</v>
          </cell>
          <cell r="I195">
            <v>1</v>
          </cell>
          <cell r="J195" t="str">
            <v>式</v>
          </cell>
          <cell r="K195" t="str">
            <v/>
          </cell>
          <cell r="L195">
            <v>945000</v>
          </cell>
          <cell r="M195" t="str">
            <v>公開</v>
          </cell>
          <cell r="N195" t="str">
            <v>高・営</v>
          </cell>
          <cell r="P195">
            <v>39006</v>
          </cell>
          <cell r="Q195" t="str">
            <v>壱</v>
          </cell>
          <cell r="R195" t="str">
            <v>無</v>
          </cell>
          <cell r="S195" t="str">
            <v>車両課(真駒内)</v>
          </cell>
          <cell r="T195" t="str">
            <v>遠藤　順一</v>
          </cell>
          <cell r="U195">
            <v>8313</v>
          </cell>
          <cell r="V195" t="str">
            <v>課長</v>
          </cell>
          <cell r="W195" t="str">
            <v>なか１日</v>
          </cell>
          <cell r="X195" t="str">
            <v>公開</v>
          </cell>
          <cell r="Y195">
            <v>38925</v>
          </cell>
          <cell r="Z195">
            <v>38925</v>
          </cell>
          <cell r="AB195" t="str">
            <v>交通局３階総務課（契約担当）</v>
          </cell>
          <cell r="AD195" t="e">
            <v>#VALUE!</v>
          </cell>
          <cell r="AI195">
            <v>3</v>
          </cell>
          <cell r="AJ195" t="str">
            <v>福田実業（株）</v>
          </cell>
          <cell r="AU195" t="str">
            <v>省略可</v>
          </cell>
          <cell r="AW195">
            <v>945000</v>
          </cell>
          <cell r="AX195">
            <v>1</v>
          </cell>
          <cell r="AY195" t="str">
            <v>福田実業（株）</v>
          </cell>
          <cell r="AZ195">
            <v>900000</v>
          </cell>
          <cell r="BA195">
            <v>945000</v>
          </cell>
          <cell r="BB195">
            <v>45000</v>
          </cell>
          <cell r="BC195" t="str">
            <v>請書</v>
          </cell>
          <cell r="BE195">
            <v>38930</v>
          </cell>
          <cell r="BF195" t="str">
            <v>しない</v>
          </cell>
          <cell r="BG195" t="str">
            <v>見積(公開)</v>
          </cell>
          <cell r="BH195">
            <v>1</v>
          </cell>
          <cell r="BK195">
            <v>900000</v>
          </cell>
          <cell r="BL195" t="str">
            <v xml:space="preserve"> </v>
          </cell>
          <cell r="BM195">
            <v>0</v>
          </cell>
          <cell r="BN195">
            <v>1</v>
          </cell>
        </row>
        <row r="196">
          <cell r="A196">
            <v>1118</v>
          </cell>
          <cell r="B196" t="str">
            <v>物品購入</v>
          </cell>
          <cell r="C196" t="str">
            <v>エアーフィルター</v>
          </cell>
          <cell r="D196">
            <v>38917</v>
          </cell>
          <cell r="G196">
            <v>236250</v>
          </cell>
          <cell r="I196">
            <v>1</v>
          </cell>
          <cell r="J196" t="str">
            <v>式</v>
          </cell>
          <cell r="K196" t="str">
            <v/>
          </cell>
          <cell r="L196">
            <v>236250</v>
          </cell>
          <cell r="M196" t="str">
            <v>公開</v>
          </cell>
          <cell r="N196" t="str">
            <v>高・営</v>
          </cell>
          <cell r="P196">
            <v>39015</v>
          </cell>
          <cell r="Q196" t="str">
            <v>壱</v>
          </cell>
          <cell r="R196" t="str">
            <v>無</v>
          </cell>
          <cell r="S196" t="str">
            <v>車両課(真駒内)</v>
          </cell>
          <cell r="T196" t="str">
            <v>山内　光男</v>
          </cell>
          <cell r="U196">
            <v>8312</v>
          </cell>
          <cell r="V196" t="str">
            <v>課長</v>
          </cell>
          <cell r="W196" t="str">
            <v>なか１日</v>
          </cell>
          <cell r="X196" t="str">
            <v>公開</v>
          </cell>
          <cell r="Y196">
            <v>38925</v>
          </cell>
          <cell r="Z196">
            <v>38925</v>
          </cell>
          <cell r="AB196" t="str">
            <v>交通局３階総務課（契約担当）</v>
          </cell>
          <cell r="AD196" t="e">
            <v>#VALUE!</v>
          </cell>
          <cell r="AI196">
            <v>3</v>
          </cell>
          <cell r="AJ196" t="str">
            <v>（株）イザワ</v>
          </cell>
          <cell r="AK196" t="str">
            <v>（株）大興商事</v>
          </cell>
          <cell r="AL196" t="str">
            <v>福田実業（株）</v>
          </cell>
          <cell r="AM196" t="str">
            <v>（株）渡商</v>
          </cell>
          <cell r="AU196" t="str">
            <v>省略可</v>
          </cell>
          <cell r="AW196">
            <v>236250</v>
          </cell>
          <cell r="AX196">
            <v>1</v>
          </cell>
          <cell r="AY196" t="str">
            <v>（株）大興商事</v>
          </cell>
          <cell r="AZ196">
            <v>209000</v>
          </cell>
          <cell r="BA196">
            <v>219450</v>
          </cell>
          <cell r="BB196">
            <v>10450</v>
          </cell>
          <cell r="BC196" t="str">
            <v>発注書</v>
          </cell>
          <cell r="BE196">
            <v>38929</v>
          </cell>
          <cell r="BF196" t="str">
            <v>しない</v>
          </cell>
          <cell r="BG196" t="str">
            <v>見積(公開)</v>
          </cell>
          <cell r="BH196">
            <v>0.92888888888888888</v>
          </cell>
          <cell r="BI196" t="str">
            <v>渡商は宛先誤り（水道局長）により無効</v>
          </cell>
          <cell r="BK196">
            <v>225000</v>
          </cell>
          <cell r="BL196" t="str">
            <v xml:space="preserve"> </v>
          </cell>
          <cell r="BM196">
            <v>16800</v>
          </cell>
          <cell r="BN196">
            <v>0.92888888888888888</v>
          </cell>
        </row>
        <row r="197">
          <cell r="A197">
            <v>1119</v>
          </cell>
          <cell r="B197" t="str">
            <v>物品購入</v>
          </cell>
          <cell r="C197" t="str">
            <v>東西線車両主電動機用Ｏリング</v>
          </cell>
          <cell r="D197">
            <v>38922</v>
          </cell>
          <cell r="G197">
            <v>189945</v>
          </cell>
          <cell r="I197">
            <v>1</v>
          </cell>
          <cell r="J197" t="str">
            <v>式</v>
          </cell>
          <cell r="K197" t="str">
            <v/>
          </cell>
          <cell r="L197">
            <v>189945</v>
          </cell>
          <cell r="M197" t="str">
            <v>公開</v>
          </cell>
          <cell r="N197" t="str">
            <v>高・営</v>
          </cell>
          <cell r="P197">
            <v>39051</v>
          </cell>
          <cell r="Q197" t="str">
            <v>壱</v>
          </cell>
          <cell r="R197" t="str">
            <v>無</v>
          </cell>
          <cell r="S197" t="str">
            <v>車両課(大谷地)</v>
          </cell>
          <cell r="T197" t="str">
            <v>岩田　幸夫</v>
          </cell>
          <cell r="U197">
            <v>8413</v>
          </cell>
          <cell r="V197" t="str">
            <v>課長</v>
          </cell>
          <cell r="W197" t="str">
            <v>なか１日</v>
          </cell>
          <cell r="X197" t="str">
            <v>公開</v>
          </cell>
          <cell r="Y197">
            <v>38925</v>
          </cell>
          <cell r="Z197">
            <v>38925</v>
          </cell>
          <cell r="AB197" t="str">
            <v>交通局３階総務課（契約担当）</v>
          </cell>
          <cell r="AD197" t="e">
            <v>#VALUE!</v>
          </cell>
          <cell r="AI197">
            <v>3</v>
          </cell>
          <cell r="AJ197" t="str">
            <v>福田実業（株）</v>
          </cell>
          <cell r="AU197" t="str">
            <v>省略可</v>
          </cell>
          <cell r="AW197">
            <v>189945</v>
          </cell>
          <cell r="AX197">
            <v>1</v>
          </cell>
          <cell r="AY197" t="str">
            <v>福田実業（株）</v>
          </cell>
          <cell r="AZ197">
            <v>180900</v>
          </cell>
          <cell r="BA197">
            <v>189945</v>
          </cell>
          <cell r="BB197">
            <v>9045</v>
          </cell>
          <cell r="BC197" t="str">
            <v>発注書</v>
          </cell>
          <cell r="BE197">
            <v>38929</v>
          </cell>
          <cell r="BF197" t="str">
            <v>しない</v>
          </cell>
          <cell r="BG197" t="str">
            <v>見積(公開)</v>
          </cell>
          <cell r="BH197">
            <v>1</v>
          </cell>
          <cell r="BK197">
            <v>180900</v>
          </cell>
          <cell r="BL197" t="str">
            <v xml:space="preserve"> </v>
          </cell>
          <cell r="BM197">
            <v>0</v>
          </cell>
          <cell r="BN197">
            <v>1</v>
          </cell>
        </row>
        <row r="198">
          <cell r="A198">
            <v>1120</v>
          </cell>
          <cell r="B198" t="str">
            <v>物品購入</v>
          </cell>
          <cell r="C198" t="str">
            <v>フランジ型たわみ軸継手他</v>
          </cell>
          <cell r="D198">
            <v>38922</v>
          </cell>
          <cell r="G198">
            <v>628267</v>
          </cell>
          <cell r="I198">
            <v>1</v>
          </cell>
          <cell r="J198" t="str">
            <v>式</v>
          </cell>
          <cell r="K198" t="str">
            <v/>
          </cell>
          <cell r="L198">
            <v>628267</v>
          </cell>
          <cell r="M198" t="str">
            <v>公開</v>
          </cell>
          <cell r="N198" t="str">
            <v>高・営</v>
          </cell>
          <cell r="P198">
            <v>39017</v>
          </cell>
          <cell r="Q198" t="str">
            <v>壱</v>
          </cell>
          <cell r="R198" t="str">
            <v>無</v>
          </cell>
          <cell r="S198" t="str">
            <v>施設課</v>
          </cell>
          <cell r="T198" t="str">
            <v>丸山　貴弘</v>
          </cell>
          <cell r="U198">
            <v>2592</v>
          </cell>
          <cell r="V198" t="str">
            <v>課長</v>
          </cell>
          <cell r="W198" t="str">
            <v>なか１日</v>
          </cell>
          <cell r="X198" t="str">
            <v>公開</v>
          </cell>
          <cell r="Y198">
            <v>38932</v>
          </cell>
          <cell r="Z198">
            <v>38932</v>
          </cell>
          <cell r="AB198" t="str">
            <v>交通局３階総務課（契約担当）</v>
          </cell>
          <cell r="AD198" t="e">
            <v>#VALUE!</v>
          </cell>
          <cell r="AI198">
            <v>3</v>
          </cell>
          <cell r="AJ198" t="str">
            <v>向野商事（株）</v>
          </cell>
          <cell r="AK198" t="str">
            <v>（株）大興商事</v>
          </cell>
          <cell r="AL198" t="str">
            <v>理興産業（株）</v>
          </cell>
          <cell r="AU198" t="str">
            <v>省略可</v>
          </cell>
          <cell r="AW198">
            <v>628267</v>
          </cell>
          <cell r="AX198">
            <v>1</v>
          </cell>
          <cell r="AY198" t="str">
            <v>理興産業（株）</v>
          </cell>
          <cell r="AZ198">
            <v>470820</v>
          </cell>
          <cell r="BA198">
            <v>494361</v>
          </cell>
          <cell r="BB198">
            <v>23541</v>
          </cell>
          <cell r="BC198" t="str">
            <v>発注書</v>
          </cell>
          <cell r="BE198">
            <v>38933</v>
          </cell>
          <cell r="BF198" t="str">
            <v>しない</v>
          </cell>
          <cell r="BG198" t="str">
            <v>見積(公開)</v>
          </cell>
          <cell r="BH198">
            <v>0.78686450187579482</v>
          </cell>
          <cell r="BK198">
            <v>598349.52380952379</v>
          </cell>
          <cell r="BL198" t="str">
            <v xml:space="preserve"> </v>
          </cell>
          <cell r="BM198">
            <v>133906</v>
          </cell>
          <cell r="BN198">
            <v>0.78686450187579482</v>
          </cell>
        </row>
        <row r="199">
          <cell r="A199">
            <v>1121</v>
          </cell>
          <cell r="B199" t="str">
            <v>物品購入</v>
          </cell>
          <cell r="C199" t="str">
            <v>南北線車両用電磁接触器他</v>
          </cell>
          <cell r="D199">
            <v>38922</v>
          </cell>
          <cell r="E199" t="str">
            <v>特命</v>
          </cell>
          <cell r="G199">
            <v>2470545</v>
          </cell>
          <cell r="I199">
            <v>1</v>
          </cell>
          <cell r="J199" t="str">
            <v>式</v>
          </cell>
          <cell r="K199" t="str">
            <v/>
          </cell>
          <cell r="L199">
            <v>2470545</v>
          </cell>
          <cell r="M199" t="str">
            <v>特命</v>
          </cell>
          <cell r="N199" t="str">
            <v>高・営</v>
          </cell>
          <cell r="P199">
            <v>39141</v>
          </cell>
          <cell r="Q199" t="str">
            <v>壱</v>
          </cell>
          <cell r="R199" t="str">
            <v>無</v>
          </cell>
          <cell r="S199" t="str">
            <v>車両課(真駒内)</v>
          </cell>
          <cell r="T199" t="str">
            <v>清水　誠一</v>
          </cell>
          <cell r="U199">
            <v>8313</v>
          </cell>
          <cell r="V199" t="str">
            <v>課長</v>
          </cell>
          <cell r="W199" t="str">
            <v>なか１日</v>
          </cell>
          <cell r="X199" t="str">
            <v>特命</v>
          </cell>
          <cell r="Y199">
            <v>38925</v>
          </cell>
          <cell r="Z199">
            <v>38926</v>
          </cell>
          <cell r="AA199">
            <v>1345</v>
          </cell>
          <cell r="AB199" t="str">
            <v>交通局３階総務課（契約担当）</v>
          </cell>
          <cell r="AD199" t="str">
            <v>平成18年7月28日(金)　13時45分</v>
          </cell>
          <cell r="AI199">
            <v>1</v>
          </cell>
          <cell r="AJ199" t="str">
            <v>三菱電機（株）北海道支社</v>
          </cell>
          <cell r="AU199" t="str">
            <v>要</v>
          </cell>
          <cell r="AV199">
            <v>2350000</v>
          </cell>
          <cell r="AW199">
            <v>2467500</v>
          </cell>
          <cell r="AX199">
            <v>1.2325215691274538E-3</v>
          </cell>
          <cell r="AY199" t="str">
            <v>三菱電機（株）北海道支社</v>
          </cell>
          <cell r="AZ199">
            <v>2350000</v>
          </cell>
          <cell r="BA199">
            <v>2467500</v>
          </cell>
          <cell r="BB199">
            <v>117500</v>
          </cell>
          <cell r="BC199" t="str">
            <v>契約書</v>
          </cell>
          <cell r="BE199">
            <v>38929</v>
          </cell>
          <cell r="BF199" t="str">
            <v>しない</v>
          </cell>
          <cell r="BG199" t="str">
            <v>見積</v>
          </cell>
          <cell r="BH199">
            <v>1</v>
          </cell>
          <cell r="BK199">
            <v>2352900</v>
          </cell>
          <cell r="BL199" t="str">
            <v xml:space="preserve"> </v>
          </cell>
          <cell r="BM199">
            <v>3045</v>
          </cell>
          <cell r="BN199">
            <v>0.99876747843087255</v>
          </cell>
        </row>
        <row r="200">
          <cell r="A200">
            <v>1122</v>
          </cell>
          <cell r="B200" t="str">
            <v>物品購入</v>
          </cell>
          <cell r="C200" t="str">
            <v>南北線車両用光ファイバー他</v>
          </cell>
          <cell r="D200">
            <v>38922</v>
          </cell>
          <cell r="E200" t="str">
            <v>特命</v>
          </cell>
          <cell r="G200">
            <v>2123257</v>
          </cell>
          <cell r="I200">
            <v>1</v>
          </cell>
          <cell r="J200" t="str">
            <v>式</v>
          </cell>
          <cell r="K200" t="str">
            <v/>
          </cell>
          <cell r="L200">
            <v>2123257</v>
          </cell>
          <cell r="M200" t="str">
            <v>特命</v>
          </cell>
          <cell r="N200" t="str">
            <v>高・営</v>
          </cell>
          <cell r="P200">
            <v>39141</v>
          </cell>
          <cell r="Q200" t="str">
            <v>壱</v>
          </cell>
          <cell r="R200" t="str">
            <v>無</v>
          </cell>
          <cell r="S200" t="str">
            <v>車両課(真駒内)</v>
          </cell>
          <cell r="T200" t="str">
            <v>清水　誠一</v>
          </cell>
          <cell r="U200">
            <v>8313</v>
          </cell>
          <cell r="V200" t="str">
            <v>課長</v>
          </cell>
          <cell r="W200" t="str">
            <v>なか１日</v>
          </cell>
          <cell r="X200" t="str">
            <v>特命</v>
          </cell>
          <cell r="Y200">
            <v>38925</v>
          </cell>
          <cell r="Z200">
            <v>38925</v>
          </cell>
          <cell r="AA200">
            <v>1415</v>
          </cell>
          <cell r="AB200" t="str">
            <v>交通局３階総務課（契約担当）</v>
          </cell>
          <cell r="AD200" t="str">
            <v>平成18年7月27日(木)　14時15分</v>
          </cell>
          <cell r="AI200">
            <v>1</v>
          </cell>
          <cell r="AJ200" t="str">
            <v>（株）東芝北海道支社</v>
          </cell>
          <cell r="AU200" t="str">
            <v>要</v>
          </cell>
          <cell r="AV200">
            <v>2000000</v>
          </cell>
          <cell r="AW200">
            <v>2100000</v>
          </cell>
          <cell r="AX200">
            <v>1.0953454998617662E-2</v>
          </cell>
          <cell r="AY200" t="str">
            <v>（株）東芝北海道支社</v>
          </cell>
          <cell r="AZ200">
            <v>2000000</v>
          </cell>
          <cell r="BA200">
            <v>2100000</v>
          </cell>
          <cell r="BB200">
            <v>100000</v>
          </cell>
          <cell r="BC200" t="str">
            <v>契約書</v>
          </cell>
          <cell r="BE200">
            <v>38929</v>
          </cell>
          <cell r="BF200" t="str">
            <v>しない</v>
          </cell>
          <cell r="BG200" t="str">
            <v>見積</v>
          </cell>
          <cell r="BH200">
            <v>1</v>
          </cell>
          <cell r="BK200">
            <v>2022149.5238095238</v>
          </cell>
          <cell r="BL200" t="str">
            <v xml:space="preserve"> </v>
          </cell>
          <cell r="BM200">
            <v>23257</v>
          </cell>
          <cell r="BN200">
            <v>0.98904654500138234</v>
          </cell>
        </row>
        <row r="201">
          <cell r="A201">
            <v>1123</v>
          </cell>
          <cell r="B201" t="str">
            <v>物品購入</v>
          </cell>
          <cell r="C201" t="str">
            <v>南北線車両用可動接触子他</v>
          </cell>
          <cell r="D201">
            <v>38922</v>
          </cell>
          <cell r="E201" t="str">
            <v>特命</v>
          </cell>
          <cell r="G201">
            <v>2004555</v>
          </cell>
          <cell r="I201">
            <v>1</v>
          </cell>
          <cell r="J201" t="str">
            <v>式</v>
          </cell>
          <cell r="K201" t="str">
            <v/>
          </cell>
          <cell r="L201">
            <v>2004555</v>
          </cell>
          <cell r="M201" t="str">
            <v>特命</v>
          </cell>
          <cell r="N201" t="str">
            <v>高・営</v>
          </cell>
          <cell r="P201">
            <v>39141</v>
          </cell>
          <cell r="Q201" t="str">
            <v>壱</v>
          </cell>
          <cell r="R201" t="str">
            <v>無</v>
          </cell>
          <cell r="S201" t="str">
            <v>車両課(真駒内)</v>
          </cell>
          <cell r="T201" t="str">
            <v>清水　誠一</v>
          </cell>
          <cell r="U201">
            <v>8313</v>
          </cell>
          <cell r="V201" t="str">
            <v>課長</v>
          </cell>
          <cell r="W201" t="str">
            <v>なか１日</v>
          </cell>
          <cell r="X201" t="str">
            <v>特命</v>
          </cell>
          <cell r="Y201">
            <v>38925</v>
          </cell>
          <cell r="Z201">
            <v>38929</v>
          </cell>
          <cell r="AA201">
            <v>1500</v>
          </cell>
          <cell r="AB201" t="str">
            <v>交通局３階総務課（契約担当）</v>
          </cell>
          <cell r="AD201" t="str">
            <v>平成18年7月31日(月)　15時00分</v>
          </cell>
          <cell r="AI201">
            <v>1</v>
          </cell>
          <cell r="AJ201" t="str">
            <v>（株）日立製作所北海道支社</v>
          </cell>
          <cell r="AU201" t="str">
            <v>要</v>
          </cell>
          <cell r="AV201">
            <v>1890000</v>
          </cell>
          <cell r="AW201">
            <v>1984500</v>
          </cell>
          <cell r="AX201">
            <v>1.0004714263265435E-2</v>
          </cell>
          <cell r="AY201" t="str">
            <v>（株）日立製作所北海道支社</v>
          </cell>
          <cell r="AZ201">
            <v>1877000</v>
          </cell>
          <cell r="BA201">
            <v>1970850</v>
          </cell>
          <cell r="BB201">
            <v>93850</v>
          </cell>
          <cell r="BC201" t="str">
            <v>契約書</v>
          </cell>
          <cell r="BE201">
            <v>38931</v>
          </cell>
          <cell r="BF201" t="str">
            <v>しない</v>
          </cell>
          <cell r="BG201" t="str">
            <v>見積</v>
          </cell>
          <cell r="BH201">
            <v>0.99312169312169307</v>
          </cell>
          <cell r="BK201">
            <v>1909100</v>
          </cell>
          <cell r="BL201" t="str">
            <v xml:space="preserve"> </v>
          </cell>
          <cell r="BM201">
            <v>33705</v>
          </cell>
          <cell r="BN201">
            <v>0.98318579435336018</v>
          </cell>
        </row>
        <row r="202">
          <cell r="A202">
            <v>1124</v>
          </cell>
          <cell r="B202" t="str">
            <v>物品購入</v>
          </cell>
          <cell r="C202" t="str">
            <v>側引戸戸車他</v>
          </cell>
          <cell r="D202">
            <v>38922</v>
          </cell>
          <cell r="E202" t="str">
            <v>特命</v>
          </cell>
          <cell r="G202">
            <v>2125294</v>
          </cell>
          <cell r="I202">
            <v>1</v>
          </cell>
          <cell r="J202" t="str">
            <v>式</v>
          </cell>
          <cell r="K202" t="str">
            <v/>
          </cell>
          <cell r="L202">
            <v>2125294</v>
          </cell>
          <cell r="M202" t="str">
            <v>特命</v>
          </cell>
          <cell r="N202" t="str">
            <v>高・営</v>
          </cell>
          <cell r="P202">
            <v>39051</v>
          </cell>
          <cell r="Q202" t="str">
            <v>壱</v>
          </cell>
          <cell r="R202" t="str">
            <v>無</v>
          </cell>
          <cell r="S202" t="str">
            <v>車両課(大谷地)</v>
          </cell>
          <cell r="T202" t="str">
            <v>佐藤　幹雄</v>
          </cell>
          <cell r="U202">
            <v>8417</v>
          </cell>
          <cell r="V202" t="str">
            <v>課長</v>
          </cell>
          <cell r="W202" t="str">
            <v>なか１日</v>
          </cell>
          <cell r="X202" t="str">
            <v>特命</v>
          </cell>
          <cell r="Y202">
            <v>38925</v>
          </cell>
          <cell r="Z202">
            <v>38926</v>
          </cell>
          <cell r="AA202">
            <v>1445</v>
          </cell>
          <cell r="AB202" t="str">
            <v>交通局３階総務課（契約担当）</v>
          </cell>
          <cell r="AD202" t="str">
            <v>平成18年7月28日(金)　14時45分</v>
          </cell>
          <cell r="AI202">
            <v>1</v>
          </cell>
          <cell r="AJ202" t="str">
            <v>札幌川重車両エンジニアリング（株）</v>
          </cell>
          <cell r="AU202" t="str">
            <v>要</v>
          </cell>
          <cell r="AV202">
            <v>2000000</v>
          </cell>
          <cell r="AW202">
            <v>2100000</v>
          </cell>
          <cell r="AX202">
            <v>1.1901412228143449E-2</v>
          </cell>
          <cell r="AY202" t="str">
            <v>札幌川重車両エンジニアリング（株）</v>
          </cell>
          <cell r="AZ202">
            <v>2000000</v>
          </cell>
          <cell r="BA202">
            <v>2100000</v>
          </cell>
          <cell r="BB202">
            <v>100000</v>
          </cell>
          <cell r="BC202" t="str">
            <v>契約書</v>
          </cell>
          <cell r="BE202">
            <v>38929</v>
          </cell>
          <cell r="BF202" t="str">
            <v>しない</v>
          </cell>
          <cell r="BG202" t="str">
            <v>見積</v>
          </cell>
          <cell r="BH202">
            <v>1</v>
          </cell>
          <cell r="BK202">
            <v>2024089.5238095238</v>
          </cell>
          <cell r="BL202" t="str">
            <v xml:space="preserve"> </v>
          </cell>
          <cell r="BM202">
            <v>25294</v>
          </cell>
          <cell r="BN202">
            <v>0.98809858777185655</v>
          </cell>
        </row>
        <row r="203">
          <cell r="A203">
            <v>1125</v>
          </cell>
          <cell r="B203" t="str">
            <v>物品購入</v>
          </cell>
          <cell r="C203" t="str">
            <v>戸閉め操作器ハンドル他</v>
          </cell>
          <cell r="D203">
            <v>38922</v>
          </cell>
          <cell r="E203" t="str">
            <v>特命</v>
          </cell>
          <cell r="G203">
            <v>205579</v>
          </cell>
          <cell r="I203">
            <v>1</v>
          </cell>
          <cell r="J203" t="str">
            <v>式</v>
          </cell>
          <cell r="K203" t="str">
            <v/>
          </cell>
          <cell r="L203">
            <v>205579</v>
          </cell>
          <cell r="M203" t="str">
            <v>特命</v>
          </cell>
          <cell r="N203" t="str">
            <v>高・営</v>
          </cell>
          <cell r="P203">
            <v>39059</v>
          </cell>
          <cell r="Q203" t="str">
            <v>壱</v>
          </cell>
          <cell r="R203" t="str">
            <v>無</v>
          </cell>
          <cell r="S203" t="str">
            <v>車両課(真駒内)</v>
          </cell>
          <cell r="T203" t="str">
            <v>遠藤　順一</v>
          </cell>
          <cell r="U203">
            <v>8313</v>
          </cell>
          <cell r="V203" t="str">
            <v>課長</v>
          </cell>
          <cell r="W203" t="str">
            <v>なか１日</v>
          </cell>
          <cell r="X203" t="str">
            <v>特命</v>
          </cell>
          <cell r="Y203">
            <v>38925</v>
          </cell>
          <cell r="Z203">
            <v>38926</v>
          </cell>
          <cell r="AA203">
            <v>1500</v>
          </cell>
          <cell r="AB203" t="str">
            <v>交通局３階総務課（契約担当）</v>
          </cell>
          <cell r="AD203" t="str">
            <v>平成18年7月28日(金)　15時00分</v>
          </cell>
          <cell r="AI203">
            <v>1</v>
          </cell>
          <cell r="AJ203" t="str">
            <v>札幌川重車両エンジニアリング（株）</v>
          </cell>
          <cell r="AU203" t="str">
            <v>省略可</v>
          </cell>
          <cell r="AW203">
            <v>205579</v>
          </cell>
          <cell r="AX203">
            <v>1</v>
          </cell>
          <cell r="AY203" t="str">
            <v>札幌川重車両エンジニアリング（株）</v>
          </cell>
          <cell r="AZ203">
            <v>195460</v>
          </cell>
          <cell r="BA203">
            <v>205233</v>
          </cell>
          <cell r="BB203">
            <v>9773</v>
          </cell>
          <cell r="BC203" t="str">
            <v>発注書</v>
          </cell>
          <cell r="BE203">
            <v>38926</v>
          </cell>
          <cell r="BF203" t="str">
            <v>しない</v>
          </cell>
          <cell r="BG203" t="str">
            <v>見積</v>
          </cell>
          <cell r="BH203">
            <v>0.99831694871557897</v>
          </cell>
          <cell r="BK203">
            <v>195789.52380952379</v>
          </cell>
          <cell r="BL203" t="str">
            <v xml:space="preserve"> </v>
          </cell>
          <cell r="BM203">
            <v>346</v>
          </cell>
          <cell r="BN203">
            <v>0.99831694871557897</v>
          </cell>
        </row>
        <row r="204">
          <cell r="A204">
            <v>1126</v>
          </cell>
          <cell r="B204" t="str">
            <v>物品購入</v>
          </cell>
          <cell r="C204" t="str">
            <v>設備指令システム保守部品その１</v>
          </cell>
          <cell r="D204">
            <v>38922</v>
          </cell>
          <cell r="E204" t="str">
            <v>特命</v>
          </cell>
          <cell r="G204">
            <v>1408050</v>
          </cell>
          <cell r="I204">
            <v>1</v>
          </cell>
          <cell r="J204" t="str">
            <v>式</v>
          </cell>
          <cell r="K204" t="str">
            <v/>
          </cell>
          <cell r="L204">
            <v>1408050</v>
          </cell>
          <cell r="M204" t="str">
            <v>特命</v>
          </cell>
          <cell r="N204" t="str">
            <v>高・営</v>
          </cell>
          <cell r="P204">
            <v>39021</v>
          </cell>
          <cell r="Q204" t="str">
            <v>壱</v>
          </cell>
          <cell r="R204" t="str">
            <v>無</v>
          </cell>
          <cell r="S204" t="str">
            <v>電気課</v>
          </cell>
          <cell r="T204" t="str">
            <v>伊藤　弘</v>
          </cell>
          <cell r="U204">
            <v>2646</v>
          </cell>
          <cell r="V204" t="str">
            <v>課長</v>
          </cell>
          <cell r="W204" t="str">
            <v>なか１日</v>
          </cell>
          <cell r="X204" t="str">
            <v>特命</v>
          </cell>
          <cell r="Y204">
            <v>38925</v>
          </cell>
          <cell r="Z204">
            <v>38926</v>
          </cell>
          <cell r="AA204">
            <v>1515</v>
          </cell>
          <cell r="AB204" t="str">
            <v>交通局３階総務課（契約担当）</v>
          </cell>
          <cell r="AD204" t="str">
            <v>平成18年7月28日(金)　15時15分</v>
          </cell>
          <cell r="AI204">
            <v>1</v>
          </cell>
          <cell r="AJ204" t="str">
            <v>富士電機システムズ（株）北海道支社</v>
          </cell>
          <cell r="AU204" t="str">
            <v>省略可</v>
          </cell>
          <cell r="AW204">
            <v>1408050</v>
          </cell>
          <cell r="AX204">
            <v>1</v>
          </cell>
          <cell r="AY204" t="str">
            <v>富士電機システムズ（株）北海道支社</v>
          </cell>
          <cell r="AZ204">
            <v>1340000</v>
          </cell>
          <cell r="BA204">
            <v>1407000</v>
          </cell>
          <cell r="BB204">
            <v>67000</v>
          </cell>
          <cell r="BC204" t="str">
            <v>請書</v>
          </cell>
          <cell r="BE204">
            <v>38929</v>
          </cell>
          <cell r="BF204" t="str">
            <v>しない</v>
          </cell>
          <cell r="BG204" t="str">
            <v>見積</v>
          </cell>
          <cell r="BH204">
            <v>0.9992542878448919</v>
          </cell>
          <cell r="BK204">
            <v>1341000</v>
          </cell>
          <cell r="BL204" t="str">
            <v xml:space="preserve"> </v>
          </cell>
          <cell r="BM204">
            <v>1050</v>
          </cell>
          <cell r="BN204">
            <v>0.9992542878448919</v>
          </cell>
        </row>
        <row r="205">
          <cell r="A205">
            <v>1127</v>
          </cell>
          <cell r="B205" t="str">
            <v>物品購入</v>
          </cell>
          <cell r="C205" t="str">
            <v>８５００形空制部品</v>
          </cell>
          <cell r="D205">
            <v>38922</v>
          </cell>
          <cell r="E205" t="str">
            <v>特命</v>
          </cell>
          <cell r="G205">
            <v>4568550</v>
          </cell>
          <cell r="I205">
            <v>1</v>
          </cell>
          <cell r="J205" t="str">
            <v>式</v>
          </cell>
          <cell r="K205" t="str">
            <v/>
          </cell>
          <cell r="L205">
            <v>4568550</v>
          </cell>
          <cell r="M205" t="str">
            <v>特命</v>
          </cell>
          <cell r="N205" t="str">
            <v>軌・営</v>
          </cell>
          <cell r="P205">
            <v>39150</v>
          </cell>
          <cell r="Q205" t="str">
            <v>参</v>
          </cell>
          <cell r="R205" t="str">
            <v>無</v>
          </cell>
          <cell r="S205" t="str">
            <v>電車事業所</v>
          </cell>
          <cell r="T205" t="str">
            <v>黒宮　靖樹</v>
          </cell>
          <cell r="U205">
            <v>2933</v>
          </cell>
          <cell r="V205" t="str">
            <v>部長</v>
          </cell>
          <cell r="W205" t="str">
            <v>なか１日</v>
          </cell>
          <cell r="X205" t="str">
            <v>特命</v>
          </cell>
          <cell r="Y205">
            <v>38926</v>
          </cell>
          <cell r="Z205">
            <v>38926</v>
          </cell>
          <cell r="AA205">
            <v>1400</v>
          </cell>
          <cell r="AB205" t="str">
            <v>交通局３階総務課（契約担当）</v>
          </cell>
          <cell r="AD205" t="str">
            <v>平成18年7月28日(金)　14時00分</v>
          </cell>
          <cell r="AI205">
            <v>1</v>
          </cell>
          <cell r="AJ205" t="str">
            <v>三菱電機（株）北海道支社</v>
          </cell>
          <cell r="AU205" t="str">
            <v>要</v>
          </cell>
          <cell r="AV205">
            <v>4300000</v>
          </cell>
          <cell r="AW205">
            <v>4515000</v>
          </cell>
          <cell r="AX205">
            <v>1.1721443346357163E-2</v>
          </cell>
          <cell r="AY205" t="str">
            <v>三菱電機（株）北海道支社</v>
          </cell>
          <cell r="AZ205">
            <v>4300000</v>
          </cell>
          <cell r="BA205">
            <v>4515000</v>
          </cell>
          <cell r="BB205">
            <v>215000</v>
          </cell>
          <cell r="BC205" t="str">
            <v>契約書</v>
          </cell>
          <cell r="BE205">
            <v>38929</v>
          </cell>
          <cell r="BF205" t="str">
            <v>しない</v>
          </cell>
          <cell r="BG205" t="str">
            <v>見積</v>
          </cell>
          <cell r="BH205">
            <v>1</v>
          </cell>
          <cell r="BK205">
            <v>4351000</v>
          </cell>
          <cell r="BL205" t="str">
            <v xml:space="preserve"> </v>
          </cell>
          <cell r="BM205">
            <v>53550</v>
          </cell>
          <cell r="BN205">
            <v>0.98827855665364284</v>
          </cell>
        </row>
        <row r="206">
          <cell r="A206">
            <v>1128</v>
          </cell>
          <cell r="B206" t="str">
            <v>物品購入</v>
          </cell>
          <cell r="C206" t="str">
            <v>高速度遮断器</v>
          </cell>
          <cell r="D206">
            <v>38922</v>
          </cell>
          <cell r="G206">
            <v>4305000</v>
          </cell>
          <cell r="I206">
            <v>1</v>
          </cell>
          <cell r="J206" t="str">
            <v>式</v>
          </cell>
          <cell r="K206" t="str">
            <v/>
          </cell>
          <cell r="L206">
            <v>4305000</v>
          </cell>
          <cell r="M206" t="str">
            <v>入札</v>
          </cell>
          <cell r="N206" t="str">
            <v>高・営</v>
          </cell>
          <cell r="P206">
            <v>39141</v>
          </cell>
          <cell r="Q206" t="str">
            <v>壱</v>
          </cell>
          <cell r="R206" t="str">
            <v>無</v>
          </cell>
          <cell r="S206" t="str">
            <v>車両課(真駒内)</v>
          </cell>
          <cell r="T206" t="str">
            <v>佐藤　正明</v>
          </cell>
          <cell r="U206">
            <v>8314</v>
          </cell>
          <cell r="V206" t="str">
            <v>部長</v>
          </cell>
          <cell r="W206" t="str">
            <v>なか１日</v>
          </cell>
          <cell r="X206" t="str">
            <v>入札</v>
          </cell>
          <cell r="Y206">
            <v>38926</v>
          </cell>
          <cell r="Z206">
            <v>38933</v>
          </cell>
          <cell r="AA206">
            <v>1130</v>
          </cell>
          <cell r="AB206" t="str">
            <v>交通局５階入札室</v>
          </cell>
          <cell r="AD206" t="str">
            <v>平成18年8月4日(金)　11時30分</v>
          </cell>
          <cell r="AE206" t="str">
            <v>製造業</v>
          </cell>
          <cell r="AF206" t="str">
            <v>電気機械器具製造業</v>
          </cell>
          <cell r="AG206" t="str">
            <v>電子機器・通信機器用部品</v>
          </cell>
          <cell r="AH206" t="str">
            <v>A</v>
          </cell>
          <cell r="AI206">
            <v>4</v>
          </cell>
          <cell r="AJ206" t="str">
            <v>（株）東芝北海道支社</v>
          </cell>
          <cell r="AK206" t="str">
            <v>（株）日立製作所北海道支社</v>
          </cell>
          <cell r="AL206" t="str">
            <v>富士電機システムズ（株）北海道支社</v>
          </cell>
          <cell r="AM206" t="str">
            <v>三菱電機（株）北海道支社</v>
          </cell>
          <cell r="AU206" t="str">
            <v>要</v>
          </cell>
          <cell r="AV206">
            <v>3690000</v>
          </cell>
          <cell r="AW206">
            <v>3874500</v>
          </cell>
          <cell r="AX206">
            <v>9.9999999999999978E-2</v>
          </cell>
          <cell r="AY206" t="str">
            <v>（株）東芝北海道支社</v>
          </cell>
          <cell r="AZ206">
            <v>3500000</v>
          </cell>
          <cell r="BA206">
            <v>3675000</v>
          </cell>
          <cell r="BB206">
            <v>175000</v>
          </cell>
          <cell r="BC206" t="str">
            <v>契約書</v>
          </cell>
          <cell r="BE206">
            <v>38933</v>
          </cell>
          <cell r="BF206" t="str">
            <v>しない</v>
          </cell>
          <cell r="BG206" t="str">
            <v>入  札</v>
          </cell>
          <cell r="BH206">
            <v>0.948509485094851</v>
          </cell>
          <cell r="BK206">
            <v>4100000</v>
          </cell>
          <cell r="BL206" t="str">
            <v xml:space="preserve"> </v>
          </cell>
          <cell r="BM206">
            <v>630000</v>
          </cell>
          <cell r="BN206">
            <v>0.85365853658536583</v>
          </cell>
        </row>
        <row r="207">
          <cell r="A207">
            <v>1129</v>
          </cell>
          <cell r="B207" t="str">
            <v>物品購入</v>
          </cell>
          <cell r="C207" t="str">
            <v>東西線車両主電動機用カーボンブラシ</v>
          </cell>
          <cell r="D207">
            <v>38922</v>
          </cell>
          <cell r="G207">
            <v>1611750</v>
          </cell>
          <cell r="I207">
            <v>1</v>
          </cell>
          <cell r="J207" t="str">
            <v>式</v>
          </cell>
          <cell r="K207" t="str">
            <v/>
          </cell>
          <cell r="L207">
            <v>1611750</v>
          </cell>
          <cell r="M207" t="str">
            <v>入札</v>
          </cell>
          <cell r="N207" t="str">
            <v>高・営</v>
          </cell>
          <cell r="P207">
            <v>39051</v>
          </cell>
          <cell r="Q207" t="str">
            <v>壱</v>
          </cell>
          <cell r="R207" t="str">
            <v>無</v>
          </cell>
          <cell r="S207" t="str">
            <v>車両課(大谷地)</v>
          </cell>
          <cell r="T207" t="str">
            <v>岩田　幸夫</v>
          </cell>
          <cell r="U207">
            <v>8413</v>
          </cell>
          <cell r="V207" t="str">
            <v>課長</v>
          </cell>
          <cell r="W207" t="str">
            <v>なか１日</v>
          </cell>
          <cell r="X207" t="str">
            <v>入札</v>
          </cell>
          <cell r="Y207">
            <v>38925</v>
          </cell>
          <cell r="Z207">
            <v>38936</v>
          </cell>
          <cell r="AA207">
            <v>1120</v>
          </cell>
          <cell r="AB207" t="str">
            <v>交通局５階入札室</v>
          </cell>
          <cell r="AD207" t="str">
            <v>平成18年8月7日(月)　11時20分</v>
          </cell>
          <cell r="AE207" t="str">
            <v>卸小売業</v>
          </cell>
          <cell r="AF207" t="str">
            <v>一般機械器具卸小売業</v>
          </cell>
          <cell r="AG207" t="str">
            <v>その他一般機械器具</v>
          </cell>
          <cell r="AH207" t="str">
            <v>B</v>
          </cell>
          <cell r="AI207">
            <v>3</v>
          </cell>
          <cell r="AJ207" t="str">
            <v>三和商行（株）</v>
          </cell>
          <cell r="AK207" t="str">
            <v>福田実業（株）</v>
          </cell>
          <cell r="AL207" t="str">
            <v>理興産業（株）</v>
          </cell>
          <cell r="AU207" t="str">
            <v>要</v>
          </cell>
          <cell r="AV207">
            <v>1535000</v>
          </cell>
          <cell r="AW207">
            <v>1611750</v>
          </cell>
          <cell r="AX207">
            <v>0</v>
          </cell>
          <cell r="AY207" t="str">
            <v>福田実業（株）</v>
          </cell>
          <cell r="AZ207">
            <v>1535000</v>
          </cell>
          <cell r="BA207">
            <v>1611750</v>
          </cell>
          <cell r="BB207">
            <v>76750</v>
          </cell>
          <cell r="BC207" t="str">
            <v>契約書</v>
          </cell>
          <cell r="BE207">
            <v>38937</v>
          </cell>
          <cell r="BF207" t="str">
            <v>しない</v>
          </cell>
          <cell r="BG207" t="str">
            <v>入  札</v>
          </cell>
          <cell r="BH207">
            <v>1</v>
          </cell>
          <cell r="BK207">
            <v>1535000</v>
          </cell>
          <cell r="BL207" t="str">
            <v xml:space="preserve"> </v>
          </cell>
          <cell r="BM207">
            <v>0</v>
          </cell>
          <cell r="BN207">
            <v>1</v>
          </cell>
        </row>
        <row r="208">
          <cell r="A208">
            <v>7056</v>
          </cell>
          <cell r="B208" t="str">
            <v>業務委託</v>
          </cell>
          <cell r="C208" t="str">
            <v>６０００形車両廃車車両運搬</v>
          </cell>
          <cell r="D208">
            <v>38922</v>
          </cell>
          <cell r="E208" t="str">
            <v>特命</v>
          </cell>
          <cell r="G208">
            <v>2413950</v>
          </cell>
          <cell r="I208">
            <v>1</v>
          </cell>
          <cell r="J208" t="str">
            <v>式</v>
          </cell>
          <cell r="K208" t="str">
            <v/>
          </cell>
          <cell r="L208">
            <v>2413950</v>
          </cell>
          <cell r="M208" t="str">
            <v>特命</v>
          </cell>
          <cell r="N208" t="str">
            <v>高・営</v>
          </cell>
          <cell r="O208">
            <v>38937</v>
          </cell>
          <cell r="P208">
            <v>38995</v>
          </cell>
          <cell r="Q208" t="str">
            <v>壱</v>
          </cell>
          <cell r="R208" t="str">
            <v>無</v>
          </cell>
          <cell r="S208" t="str">
            <v>車両課(大谷地)</v>
          </cell>
          <cell r="T208" t="str">
            <v>田島　義雄</v>
          </cell>
          <cell r="U208">
            <v>8417</v>
          </cell>
          <cell r="V208" t="str">
            <v>管理者</v>
          </cell>
          <cell r="W208" t="str">
            <v>なか１日</v>
          </cell>
          <cell r="X208" t="str">
            <v>特命</v>
          </cell>
          <cell r="Y208">
            <v>38929</v>
          </cell>
          <cell r="Z208">
            <v>38931</v>
          </cell>
          <cell r="AA208">
            <v>1400</v>
          </cell>
          <cell r="AB208" t="str">
            <v>交通局３階総務課（契約担当）</v>
          </cell>
          <cell r="AD208" t="str">
            <v>平成18年8月2日(水)　14時00分</v>
          </cell>
          <cell r="AI208">
            <v>1</v>
          </cell>
          <cell r="AJ208" t="str">
            <v>日本通運（株）札幌支店</v>
          </cell>
          <cell r="AU208" t="str">
            <v>要</v>
          </cell>
          <cell r="AV208">
            <v>2070000</v>
          </cell>
          <cell r="AW208">
            <v>2173500</v>
          </cell>
          <cell r="AX208">
            <v>9.9608525445845975E-2</v>
          </cell>
          <cell r="AY208" t="str">
            <v>日本通運（株）札幌支店</v>
          </cell>
          <cell r="AZ208">
            <v>2070000</v>
          </cell>
          <cell r="BA208">
            <v>2173500</v>
          </cell>
          <cell r="BB208">
            <v>103500</v>
          </cell>
          <cell r="BC208" t="str">
            <v>契約書</v>
          </cell>
          <cell r="BE208">
            <v>38936</v>
          </cell>
          <cell r="BF208" t="str">
            <v>しない</v>
          </cell>
          <cell r="BG208" t="str">
            <v>見積</v>
          </cell>
          <cell r="BH208">
            <v>1</v>
          </cell>
          <cell r="BK208">
            <v>2299000</v>
          </cell>
          <cell r="BL208" t="str">
            <v xml:space="preserve"> </v>
          </cell>
          <cell r="BM208">
            <v>240450</v>
          </cell>
          <cell r="BN208">
            <v>0.90039147455415403</v>
          </cell>
        </row>
        <row r="209">
          <cell r="A209">
            <v>7057</v>
          </cell>
          <cell r="B209" t="str">
            <v>業務委託</v>
          </cell>
          <cell r="C209" t="str">
            <v>東基地車上検査ＳＳ無線システム保守</v>
          </cell>
          <cell r="D209">
            <v>38922</v>
          </cell>
          <cell r="E209" t="str">
            <v>特命</v>
          </cell>
          <cell r="G209">
            <v>747600</v>
          </cell>
          <cell r="I209">
            <v>1</v>
          </cell>
          <cell r="J209" t="str">
            <v>式</v>
          </cell>
          <cell r="K209" t="str">
            <v/>
          </cell>
          <cell r="L209">
            <v>747600</v>
          </cell>
          <cell r="M209" t="str">
            <v>特命</v>
          </cell>
          <cell r="N209" t="str">
            <v>高・営</v>
          </cell>
          <cell r="O209">
            <v>38930</v>
          </cell>
          <cell r="P209">
            <v>38989</v>
          </cell>
          <cell r="Q209" t="str">
            <v>壱</v>
          </cell>
          <cell r="R209" t="str">
            <v>無</v>
          </cell>
          <cell r="S209" t="str">
            <v>車両課(大谷地)</v>
          </cell>
          <cell r="T209" t="str">
            <v>井田　貴之</v>
          </cell>
          <cell r="U209">
            <v>8413</v>
          </cell>
          <cell r="V209" t="str">
            <v>部長</v>
          </cell>
          <cell r="W209" t="str">
            <v>なか１日</v>
          </cell>
          <cell r="X209" t="str">
            <v>特命</v>
          </cell>
          <cell r="Y209">
            <v>38926</v>
          </cell>
          <cell r="Z209">
            <v>38926</v>
          </cell>
          <cell r="AA209">
            <v>1330</v>
          </cell>
          <cell r="AB209" t="str">
            <v>交通局３階総務課（契約担当）</v>
          </cell>
          <cell r="AD209" t="str">
            <v>平成18年7月28日(金)　13時30分</v>
          </cell>
          <cell r="AI209">
            <v>1</v>
          </cell>
          <cell r="AJ209" t="str">
            <v>三菱電機（株）北海道支社</v>
          </cell>
          <cell r="AU209" t="str">
            <v>省略可</v>
          </cell>
          <cell r="AW209">
            <v>747600</v>
          </cell>
          <cell r="AX209">
            <v>1</v>
          </cell>
          <cell r="AY209" t="str">
            <v>三菱電機（株）北海道支社</v>
          </cell>
          <cell r="AZ209">
            <v>650000</v>
          </cell>
          <cell r="BA209">
            <v>682500</v>
          </cell>
          <cell r="BB209">
            <v>32500</v>
          </cell>
          <cell r="BC209" t="str">
            <v>契約書</v>
          </cell>
          <cell r="BE209">
            <v>38929</v>
          </cell>
          <cell r="BF209" t="str">
            <v>しない</v>
          </cell>
          <cell r="BG209" t="str">
            <v>見積</v>
          </cell>
          <cell r="BH209">
            <v>0.9129213483146067</v>
          </cell>
          <cell r="BK209">
            <v>712000</v>
          </cell>
          <cell r="BL209" t="str">
            <v xml:space="preserve"> </v>
          </cell>
          <cell r="BM209">
            <v>65100</v>
          </cell>
          <cell r="BN209">
            <v>0.9129213483146067</v>
          </cell>
        </row>
        <row r="210">
          <cell r="A210">
            <v>7058</v>
          </cell>
          <cell r="B210" t="str">
            <v>業務委託</v>
          </cell>
          <cell r="C210" t="str">
            <v>空調機オーバーホール（日立空調システム製）</v>
          </cell>
          <cell r="D210">
            <v>38922</v>
          </cell>
          <cell r="E210" t="str">
            <v>特命</v>
          </cell>
          <cell r="G210">
            <v>6436500</v>
          </cell>
          <cell r="I210">
            <v>1</v>
          </cell>
          <cell r="J210" t="str">
            <v>式</v>
          </cell>
          <cell r="K210" t="str">
            <v/>
          </cell>
          <cell r="L210">
            <v>6436500</v>
          </cell>
          <cell r="M210" t="str">
            <v>特命</v>
          </cell>
          <cell r="N210" t="str">
            <v>高・営</v>
          </cell>
          <cell r="O210">
            <v>38937</v>
          </cell>
          <cell r="P210">
            <v>39051</v>
          </cell>
          <cell r="Q210" t="str">
            <v>壱</v>
          </cell>
          <cell r="R210" t="str">
            <v>無</v>
          </cell>
          <cell r="S210" t="str">
            <v>施設課</v>
          </cell>
          <cell r="T210" t="str">
            <v>北川　博教</v>
          </cell>
          <cell r="U210">
            <v>2528</v>
          </cell>
          <cell r="V210" t="str">
            <v>管理者</v>
          </cell>
          <cell r="W210" t="str">
            <v>なか５日</v>
          </cell>
          <cell r="X210" t="str">
            <v>特命</v>
          </cell>
          <cell r="Y210">
            <v>38930</v>
          </cell>
          <cell r="Z210">
            <v>38931</v>
          </cell>
          <cell r="AA210">
            <v>1430</v>
          </cell>
          <cell r="AB210" t="str">
            <v>交通局３階総務課（契約担当）</v>
          </cell>
          <cell r="AD210" t="str">
            <v>平成18年8月2日(水)　14時30分</v>
          </cell>
          <cell r="AI210">
            <v>1</v>
          </cell>
          <cell r="AJ210" t="str">
            <v>日立アプライアンス㈱北日本支店</v>
          </cell>
          <cell r="AU210" t="str">
            <v>要</v>
          </cell>
          <cell r="AV210">
            <v>6100000</v>
          </cell>
          <cell r="AW210">
            <v>6405000</v>
          </cell>
          <cell r="AX210">
            <v>4.8939641109299048E-3</v>
          </cell>
          <cell r="AY210" t="str">
            <v>日立アプライアンス㈱北日本支店</v>
          </cell>
          <cell r="AZ210">
            <v>6100000</v>
          </cell>
          <cell r="BA210">
            <v>6405000</v>
          </cell>
          <cell r="BB210">
            <v>305000</v>
          </cell>
          <cell r="BC210" t="str">
            <v>契約書</v>
          </cell>
          <cell r="BE210">
            <v>38936</v>
          </cell>
          <cell r="BF210" t="str">
            <v>しない</v>
          </cell>
          <cell r="BG210" t="str">
            <v>見積</v>
          </cell>
          <cell r="BH210">
            <v>1</v>
          </cell>
          <cell r="BK210">
            <v>6130000</v>
          </cell>
          <cell r="BL210" t="str">
            <v xml:space="preserve"> </v>
          </cell>
          <cell r="BM210">
            <v>31500</v>
          </cell>
          <cell r="BN210">
            <v>0.9951060358890701</v>
          </cell>
        </row>
        <row r="211">
          <cell r="A211">
            <v>7059</v>
          </cell>
          <cell r="B211" t="str">
            <v>業務委託</v>
          </cell>
          <cell r="C211" t="str">
            <v>耐電防具耐圧試験その１</v>
          </cell>
          <cell r="D211">
            <v>38922</v>
          </cell>
          <cell r="G211">
            <v>366434</v>
          </cell>
          <cell r="I211">
            <v>1</v>
          </cell>
          <cell r="J211" t="str">
            <v>式</v>
          </cell>
          <cell r="K211" t="str">
            <v/>
          </cell>
          <cell r="L211">
            <v>366434</v>
          </cell>
          <cell r="M211" t="str">
            <v>見積</v>
          </cell>
          <cell r="N211" t="str">
            <v>高・営</v>
          </cell>
          <cell r="O211">
            <v>38936</v>
          </cell>
          <cell r="P211">
            <v>38960</v>
          </cell>
          <cell r="Q211" t="str">
            <v>壱</v>
          </cell>
          <cell r="R211" t="str">
            <v>無</v>
          </cell>
          <cell r="S211" t="str">
            <v>電気課</v>
          </cell>
          <cell r="T211" t="str">
            <v>佐久間　正</v>
          </cell>
          <cell r="U211">
            <v>2627</v>
          </cell>
          <cell r="V211" t="str">
            <v>部長</v>
          </cell>
          <cell r="W211" t="str">
            <v>なか１日</v>
          </cell>
          <cell r="X211" t="str">
            <v>見積</v>
          </cell>
          <cell r="Y211">
            <v>38926</v>
          </cell>
          <cell r="Z211">
            <v>38932</v>
          </cell>
          <cell r="AA211">
            <v>1120</v>
          </cell>
          <cell r="AB211" t="str">
            <v>交通局５階入札室</v>
          </cell>
          <cell r="AD211" t="str">
            <v>平成18年8月3日(木)　11時20分</v>
          </cell>
          <cell r="AI211">
            <v>3</v>
          </cell>
          <cell r="AJ211" t="str">
            <v>北都電機（株）</v>
          </cell>
          <cell r="AK211" t="str">
            <v>北海道計器工業（株）</v>
          </cell>
          <cell r="AL211" t="str">
            <v>理興産業（株）</v>
          </cell>
          <cell r="AU211" t="str">
            <v>省略可</v>
          </cell>
          <cell r="AW211">
            <v>366434</v>
          </cell>
          <cell r="AX211">
            <v>1</v>
          </cell>
          <cell r="AY211" t="str">
            <v>北海道計器工業（株）</v>
          </cell>
          <cell r="AZ211">
            <v>335000</v>
          </cell>
          <cell r="BA211">
            <v>351750</v>
          </cell>
          <cell r="BB211">
            <v>16750</v>
          </cell>
          <cell r="BC211" t="str">
            <v>請書</v>
          </cell>
          <cell r="BE211">
            <v>38933</v>
          </cell>
          <cell r="BF211" t="str">
            <v>しない</v>
          </cell>
          <cell r="BG211" t="str">
            <v>見積</v>
          </cell>
          <cell r="BH211">
            <v>0.95992729932266108</v>
          </cell>
          <cell r="BK211">
            <v>348984.76190476189</v>
          </cell>
          <cell r="BL211" t="str">
            <v xml:space="preserve"> </v>
          </cell>
          <cell r="BM211">
            <v>14684</v>
          </cell>
          <cell r="BN211">
            <v>0.95992729932266108</v>
          </cell>
        </row>
        <row r="212">
          <cell r="A212">
            <v>7060</v>
          </cell>
          <cell r="B212" t="str">
            <v>業務委託</v>
          </cell>
          <cell r="C212" t="str">
            <v>東西線大通駅冷却塔オーバーホール</v>
          </cell>
          <cell r="D212">
            <v>38922</v>
          </cell>
          <cell r="G212">
            <v>5911500</v>
          </cell>
          <cell r="I212">
            <v>1</v>
          </cell>
          <cell r="J212" t="str">
            <v>式</v>
          </cell>
          <cell r="K212" t="str">
            <v/>
          </cell>
          <cell r="L212">
            <v>5911500</v>
          </cell>
          <cell r="M212" t="str">
            <v>入札</v>
          </cell>
          <cell r="N212" t="str">
            <v>高・営</v>
          </cell>
          <cell r="O212">
            <v>38938</v>
          </cell>
          <cell r="P212">
            <v>39051</v>
          </cell>
          <cell r="Q212" t="str">
            <v>壱</v>
          </cell>
          <cell r="R212" t="str">
            <v>無</v>
          </cell>
          <cell r="S212" t="str">
            <v>施設課</v>
          </cell>
          <cell r="T212" t="str">
            <v>岡島　昌仁</v>
          </cell>
          <cell r="U212">
            <v>2522</v>
          </cell>
          <cell r="V212" t="str">
            <v>管理者</v>
          </cell>
          <cell r="W212" t="str">
            <v>なか５日</v>
          </cell>
          <cell r="X212" t="str">
            <v>入札</v>
          </cell>
          <cell r="Y212">
            <v>38933</v>
          </cell>
          <cell r="Z212">
            <v>38936</v>
          </cell>
          <cell r="AA212">
            <v>1100</v>
          </cell>
          <cell r="AB212" t="str">
            <v>交通局５階入札室</v>
          </cell>
          <cell r="AD212" t="str">
            <v>平成18年8月7日(月)　11時00分</v>
          </cell>
          <cell r="AE212" t="str">
            <v>サービス業</v>
          </cell>
          <cell r="AF212" t="str">
            <v>機械・家具等保守・修理業</v>
          </cell>
          <cell r="AG212" t="str">
            <v>機械保守・修理業</v>
          </cell>
          <cell r="AH212" t="str">
            <v>-</v>
          </cell>
          <cell r="AI212">
            <v>4</v>
          </cell>
          <cell r="AJ212" t="str">
            <v>荏原テクノサーブ（株）北海道支店</v>
          </cell>
          <cell r="AK212" t="str">
            <v>札幌日信電子（株）</v>
          </cell>
          <cell r="AL212" t="str">
            <v>㈱昭和プラント</v>
          </cell>
          <cell r="AM212" t="str">
            <v>本多産業（株）札幌支店</v>
          </cell>
          <cell r="AU212" t="str">
            <v>要</v>
          </cell>
          <cell r="AV212">
            <v>5600000</v>
          </cell>
          <cell r="AW212">
            <v>5880000</v>
          </cell>
          <cell r="AX212">
            <v>5.3285968028419228E-3</v>
          </cell>
          <cell r="AY212" t="str">
            <v>本多産業（株）札幌支店</v>
          </cell>
          <cell r="AZ212">
            <v>5500000</v>
          </cell>
          <cell r="BA212">
            <v>5775000</v>
          </cell>
          <cell r="BB212">
            <v>275000</v>
          </cell>
          <cell r="BC212" t="str">
            <v>契約書</v>
          </cell>
          <cell r="BE212">
            <v>38937</v>
          </cell>
          <cell r="BF212" t="str">
            <v>しない</v>
          </cell>
          <cell r="BG212" t="str">
            <v>入  札</v>
          </cell>
          <cell r="BH212">
            <v>0.9821428571428571</v>
          </cell>
          <cell r="BK212">
            <v>5630000</v>
          </cell>
          <cell r="BL212" t="str">
            <v xml:space="preserve"> </v>
          </cell>
          <cell r="BM212">
            <v>136500</v>
          </cell>
          <cell r="BN212">
            <v>0.9769094138543517</v>
          </cell>
        </row>
        <row r="213">
          <cell r="A213">
            <v>7061</v>
          </cell>
          <cell r="B213" t="str">
            <v>業務委託</v>
          </cell>
          <cell r="C213" t="str">
            <v>指令所敷地内緑地管理業務</v>
          </cell>
          <cell r="D213">
            <v>38922</v>
          </cell>
          <cell r="G213">
            <v>530250</v>
          </cell>
          <cell r="I213">
            <v>1</v>
          </cell>
          <cell r="J213" t="str">
            <v>式</v>
          </cell>
          <cell r="K213" t="str">
            <v/>
          </cell>
          <cell r="L213">
            <v>530250</v>
          </cell>
          <cell r="M213" t="str">
            <v>見積</v>
          </cell>
          <cell r="N213" t="str">
            <v>高・営</v>
          </cell>
          <cell r="O213">
            <v>38931</v>
          </cell>
          <cell r="P213">
            <v>38940</v>
          </cell>
          <cell r="Q213" t="str">
            <v>壱</v>
          </cell>
          <cell r="R213" t="str">
            <v>無</v>
          </cell>
          <cell r="S213" t="str">
            <v>運行管理課</v>
          </cell>
          <cell r="T213" t="str">
            <v>大川　栄一</v>
          </cell>
          <cell r="U213">
            <v>8562</v>
          </cell>
          <cell r="V213" t="str">
            <v>部長</v>
          </cell>
          <cell r="W213" t="str">
            <v>なか１日</v>
          </cell>
          <cell r="X213" t="str">
            <v>見積</v>
          </cell>
          <cell r="Y213">
            <v>38926</v>
          </cell>
          <cell r="Z213">
            <v>38929</v>
          </cell>
          <cell r="AA213">
            <v>1100</v>
          </cell>
          <cell r="AB213" t="str">
            <v>交通局５階入札室</v>
          </cell>
          <cell r="AD213" t="str">
            <v>平成18年7月31日(月)　11時00分</v>
          </cell>
          <cell r="AI213">
            <v>3</v>
          </cell>
          <cell r="AJ213" t="str">
            <v>札幌勤労者（企組）</v>
          </cell>
          <cell r="AK213" t="str">
            <v>（株）四宮造園</v>
          </cell>
          <cell r="AL213" t="str">
            <v>（株）水谷組</v>
          </cell>
          <cell r="AU213" t="str">
            <v>省略可</v>
          </cell>
          <cell r="AW213">
            <v>530250</v>
          </cell>
          <cell r="AX213">
            <v>1</v>
          </cell>
          <cell r="AY213" t="str">
            <v>（株）四宮造園</v>
          </cell>
          <cell r="AZ213">
            <v>350000</v>
          </cell>
          <cell r="BA213">
            <v>367500</v>
          </cell>
          <cell r="BB213">
            <v>17500</v>
          </cell>
          <cell r="BC213" t="str">
            <v>請書</v>
          </cell>
          <cell r="BE213">
            <v>38930</v>
          </cell>
          <cell r="BF213" t="str">
            <v>しない</v>
          </cell>
          <cell r="BG213" t="str">
            <v>見積</v>
          </cell>
          <cell r="BH213">
            <v>0.69306930693069302</v>
          </cell>
          <cell r="BK213">
            <v>505000</v>
          </cell>
          <cell r="BL213" t="str">
            <v xml:space="preserve"> </v>
          </cell>
          <cell r="BM213">
            <v>162750</v>
          </cell>
          <cell r="BN213">
            <v>0.69306930693069302</v>
          </cell>
        </row>
        <row r="214">
          <cell r="A214">
            <v>2023</v>
          </cell>
          <cell r="B214" t="str">
            <v>製造請負</v>
          </cell>
          <cell r="C214" t="str">
            <v>南北線上下式転てつ器緩衝装置</v>
          </cell>
          <cell r="D214">
            <v>38922</v>
          </cell>
          <cell r="E214" t="str">
            <v>特命</v>
          </cell>
          <cell r="G214">
            <v>7990500</v>
          </cell>
          <cell r="I214">
            <v>1</v>
          </cell>
          <cell r="J214" t="str">
            <v>式</v>
          </cell>
          <cell r="K214" t="str">
            <v/>
          </cell>
          <cell r="L214">
            <v>7990500</v>
          </cell>
          <cell r="M214" t="str">
            <v>特命</v>
          </cell>
          <cell r="N214" t="str">
            <v>高・営</v>
          </cell>
          <cell r="P214">
            <v>39073</v>
          </cell>
          <cell r="Q214" t="str">
            <v>参</v>
          </cell>
          <cell r="R214" t="str">
            <v>無</v>
          </cell>
          <cell r="S214" t="str">
            <v>施設課</v>
          </cell>
          <cell r="T214" t="str">
            <v>丸山　貴弘</v>
          </cell>
          <cell r="U214">
            <v>2592</v>
          </cell>
          <cell r="V214" t="str">
            <v>部長</v>
          </cell>
          <cell r="W214" t="str">
            <v>なか５日</v>
          </cell>
          <cell r="X214" t="str">
            <v>特命</v>
          </cell>
          <cell r="Y214">
            <v>38929</v>
          </cell>
          <cell r="Z214">
            <v>38931</v>
          </cell>
          <cell r="AA214">
            <v>1500</v>
          </cell>
          <cell r="AB214" t="str">
            <v>交通局３階総務課（契約担当）</v>
          </cell>
          <cell r="AD214" t="str">
            <v>平成18年8月2日(水)　15時00分</v>
          </cell>
          <cell r="AI214">
            <v>1</v>
          </cell>
          <cell r="AJ214" t="str">
            <v>札幌川重車両エンジニアリング（株）</v>
          </cell>
          <cell r="AU214" t="str">
            <v>要</v>
          </cell>
          <cell r="AV214">
            <v>7533000</v>
          </cell>
          <cell r="AW214">
            <v>7909650</v>
          </cell>
          <cell r="AX214">
            <v>1.0118265440210217E-2</v>
          </cell>
          <cell r="AY214" t="str">
            <v>札幌川重車両エンジニアリング（株）</v>
          </cell>
          <cell r="AZ214">
            <v>7520000</v>
          </cell>
          <cell r="BA214">
            <v>7896000</v>
          </cell>
          <cell r="BB214">
            <v>376000</v>
          </cell>
          <cell r="BC214" t="str">
            <v>契約書</v>
          </cell>
          <cell r="BE214">
            <v>38932</v>
          </cell>
          <cell r="BF214" t="str">
            <v>しない</v>
          </cell>
          <cell r="BG214" t="str">
            <v>見積</v>
          </cell>
          <cell r="BH214">
            <v>0.99827425992300545</v>
          </cell>
          <cell r="BK214">
            <v>7610000</v>
          </cell>
          <cell r="BL214" t="str">
            <v xml:space="preserve"> </v>
          </cell>
          <cell r="BM214">
            <v>94500</v>
          </cell>
          <cell r="BN214">
            <v>0.98817345597897499</v>
          </cell>
        </row>
        <row r="215">
          <cell r="A215">
            <v>2024</v>
          </cell>
          <cell r="B215" t="str">
            <v>製造請負</v>
          </cell>
          <cell r="C215" t="str">
            <v>記念共通ウィズユーカード【映画「ウルトラマンメビウス＆ウルトラ兄弟」】</v>
          </cell>
          <cell r="D215">
            <v>38922</v>
          </cell>
          <cell r="E215" t="str">
            <v>特命</v>
          </cell>
          <cell r="G215">
            <v>164745</v>
          </cell>
          <cell r="I215">
            <v>3000</v>
          </cell>
          <cell r="J215" t="str">
            <v>枚</v>
          </cell>
          <cell r="K215" t="str">
            <v/>
          </cell>
          <cell r="L215">
            <v>164745</v>
          </cell>
          <cell r="M215" t="str">
            <v>特命</v>
          </cell>
          <cell r="N215" t="str">
            <v>軌・営　高・営</v>
          </cell>
          <cell r="P215">
            <v>38960</v>
          </cell>
          <cell r="Q215" t="str">
            <v>壱</v>
          </cell>
          <cell r="R215" t="str">
            <v>無</v>
          </cell>
          <cell r="S215" t="str">
            <v>経営企画課</v>
          </cell>
          <cell r="T215" t="str">
            <v>今野　吉隆</v>
          </cell>
          <cell r="U215">
            <v>2123</v>
          </cell>
          <cell r="V215" t="str">
            <v>課長</v>
          </cell>
          <cell r="W215" t="str">
            <v>なか１日</v>
          </cell>
          <cell r="X215" t="str">
            <v>特命</v>
          </cell>
          <cell r="Y215">
            <v>38925</v>
          </cell>
          <cell r="Z215">
            <v>38930</v>
          </cell>
          <cell r="AA215">
            <v>1400</v>
          </cell>
          <cell r="AB215" t="str">
            <v>交通局３階総務課（契約担当）</v>
          </cell>
          <cell r="AD215" t="str">
            <v>平成18年8月1日(火)　14時00分</v>
          </cell>
          <cell r="AI215">
            <v>1</v>
          </cell>
          <cell r="AJ215" t="str">
            <v>凸版印刷（株）北海道事業部</v>
          </cell>
          <cell r="AU215" t="str">
            <v>省略可</v>
          </cell>
          <cell r="AW215">
            <v>164745</v>
          </cell>
          <cell r="AX215">
            <v>1</v>
          </cell>
          <cell r="AY215" t="str">
            <v>凸版印刷（株）北海道事業部</v>
          </cell>
          <cell r="AZ215">
            <v>153000</v>
          </cell>
          <cell r="BA215">
            <v>160650</v>
          </cell>
          <cell r="BB215">
            <v>7650</v>
          </cell>
          <cell r="BC215" t="str">
            <v>発注書</v>
          </cell>
          <cell r="BE215">
            <v>38930</v>
          </cell>
          <cell r="BF215" t="str">
            <v>しない</v>
          </cell>
          <cell r="BG215" t="str">
            <v>見積</v>
          </cell>
          <cell r="BH215">
            <v>0.9751434034416826</v>
          </cell>
          <cell r="BK215">
            <v>156900</v>
          </cell>
          <cell r="BL215">
            <v>54.914999999999999</v>
          </cell>
          <cell r="BM215">
            <v>4095</v>
          </cell>
          <cell r="BN215">
            <v>0.9751434034416826</v>
          </cell>
        </row>
        <row r="216">
          <cell r="A216">
            <v>1130</v>
          </cell>
          <cell r="B216" t="str">
            <v>物品購入</v>
          </cell>
          <cell r="C216" t="str">
            <v>正集電器軸受他</v>
          </cell>
          <cell r="D216">
            <v>38923</v>
          </cell>
          <cell r="E216" t="str">
            <v>特命</v>
          </cell>
          <cell r="G216">
            <v>1883280</v>
          </cell>
          <cell r="I216">
            <v>1</v>
          </cell>
          <cell r="J216" t="str">
            <v>式</v>
          </cell>
          <cell r="K216" t="str">
            <v/>
          </cell>
          <cell r="L216">
            <v>1883280</v>
          </cell>
          <cell r="M216" t="str">
            <v>特命</v>
          </cell>
          <cell r="N216" t="str">
            <v>高・営</v>
          </cell>
          <cell r="P216">
            <v>39113</v>
          </cell>
          <cell r="Q216" t="str">
            <v>壱</v>
          </cell>
          <cell r="R216" t="str">
            <v>無</v>
          </cell>
          <cell r="S216" t="str">
            <v>車両課(真駒内)</v>
          </cell>
          <cell r="T216" t="str">
            <v>加藤　道弘</v>
          </cell>
          <cell r="U216">
            <v>8303</v>
          </cell>
          <cell r="V216" t="str">
            <v>課長</v>
          </cell>
          <cell r="W216" t="str">
            <v>なか１日</v>
          </cell>
          <cell r="X216" t="str">
            <v>特命</v>
          </cell>
          <cell r="Y216">
            <v>38926</v>
          </cell>
          <cell r="Z216">
            <v>38932</v>
          </cell>
          <cell r="AA216">
            <v>1400</v>
          </cell>
          <cell r="AB216" t="str">
            <v>交通局３階総務課（契約担当）</v>
          </cell>
          <cell r="AD216" t="str">
            <v>平成18年8月3日(木)　14時00分</v>
          </cell>
          <cell r="AI216">
            <v>1</v>
          </cell>
          <cell r="AJ216" t="str">
            <v>富士電機システムズ（株）北海道支社</v>
          </cell>
          <cell r="AU216" t="str">
            <v>要</v>
          </cell>
          <cell r="AV216">
            <v>1790000</v>
          </cell>
          <cell r="AW216">
            <v>1879500</v>
          </cell>
          <cell r="AX216">
            <v>2.007136485280947E-3</v>
          </cell>
          <cell r="AY216" t="str">
            <v>富士電機システムズ（株）北海道支社</v>
          </cell>
          <cell r="AZ216">
            <v>1790000</v>
          </cell>
          <cell r="BA216">
            <v>1879500</v>
          </cell>
          <cell r="BB216">
            <v>89500</v>
          </cell>
          <cell r="BC216" t="str">
            <v>契約書</v>
          </cell>
          <cell r="BE216">
            <v>38933</v>
          </cell>
          <cell r="BF216" t="str">
            <v>しない</v>
          </cell>
          <cell r="BG216" t="str">
            <v>見積</v>
          </cell>
          <cell r="BH216">
            <v>1</v>
          </cell>
          <cell r="BK216">
            <v>1793600</v>
          </cell>
          <cell r="BL216" t="str">
            <v xml:space="preserve"> </v>
          </cell>
          <cell r="BM216">
            <v>3780</v>
          </cell>
          <cell r="BN216">
            <v>0.99799286351471905</v>
          </cell>
        </row>
        <row r="217">
          <cell r="A217">
            <v>1131</v>
          </cell>
          <cell r="B217" t="str">
            <v>物品購入</v>
          </cell>
          <cell r="C217" t="str">
            <v>アクセルメタル</v>
          </cell>
          <cell r="D217">
            <v>38924</v>
          </cell>
          <cell r="G217">
            <v>1154160</v>
          </cell>
          <cell r="I217">
            <v>1</v>
          </cell>
          <cell r="J217" t="str">
            <v>式</v>
          </cell>
          <cell r="K217" t="str">
            <v/>
          </cell>
          <cell r="L217">
            <v>1154160</v>
          </cell>
          <cell r="M217" t="str">
            <v>公開</v>
          </cell>
          <cell r="N217" t="str">
            <v>軌・営</v>
          </cell>
          <cell r="P217">
            <v>38989</v>
          </cell>
          <cell r="Q217" t="str">
            <v>壱</v>
          </cell>
          <cell r="R217" t="str">
            <v>無</v>
          </cell>
          <cell r="S217" t="str">
            <v>電車事業所</v>
          </cell>
          <cell r="T217" t="str">
            <v>萩原　徹</v>
          </cell>
          <cell r="U217">
            <v>2933</v>
          </cell>
          <cell r="V217" t="str">
            <v>課長</v>
          </cell>
          <cell r="W217" t="str">
            <v>なか１日</v>
          </cell>
          <cell r="X217" t="str">
            <v>公開</v>
          </cell>
          <cell r="Y217">
            <v>38932</v>
          </cell>
          <cell r="Z217">
            <v>38932</v>
          </cell>
          <cell r="AB217" t="str">
            <v>交通局３階総務課（契約担当）</v>
          </cell>
          <cell r="AD217" t="e">
            <v>#VALUE!</v>
          </cell>
          <cell r="AI217">
            <v>3</v>
          </cell>
          <cell r="AJ217" t="str">
            <v>㈱宮崎製作所</v>
          </cell>
          <cell r="AU217" t="str">
            <v>省略可</v>
          </cell>
          <cell r="AW217">
            <v>1154160</v>
          </cell>
          <cell r="AX217">
            <v>1</v>
          </cell>
          <cell r="AY217" t="str">
            <v>㈱宮崎製作所</v>
          </cell>
          <cell r="AZ217">
            <v>1099200</v>
          </cell>
          <cell r="BA217">
            <v>1154160</v>
          </cell>
          <cell r="BB217">
            <v>54960</v>
          </cell>
          <cell r="BC217" t="str">
            <v>請書</v>
          </cell>
          <cell r="BE217">
            <v>38936</v>
          </cell>
          <cell r="BF217" t="str">
            <v>しない</v>
          </cell>
          <cell r="BG217" t="str">
            <v>見積(公開)</v>
          </cell>
          <cell r="BH217">
            <v>1</v>
          </cell>
          <cell r="BK217">
            <v>1099200</v>
          </cell>
          <cell r="BL217" t="str">
            <v xml:space="preserve"> </v>
          </cell>
          <cell r="BM217">
            <v>0</v>
          </cell>
          <cell r="BN217">
            <v>1</v>
          </cell>
        </row>
        <row r="218">
          <cell r="A218">
            <v>1132</v>
          </cell>
          <cell r="B218" t="str">
            <v>物品購入</v>
          </cell>
          <cell r="C218" t="str">
            <v>錠前</v>
          </cell>
          <cell r="D218">
            <v>38925</v>
          </cell>
          <cell r="E218" t="str">
            <v>特命</v>
          </cell>
          <cell r="G218">
            <v>151767</v>
          </cell>
          <cell r="I218">
            <v>1</v>
          </cell>
          <cell r="J218" t="str">
            <v>式</v>
          </cell>
          <cell r="K218" t="str">
            <v/>
          </cell>
          <cell r="L218">
            <v>151767</v>
          </cell>
          <cell r="M218" t="str">
            <v>特命</v>
          </cell>
          <cell r="N218" t="str">
            <v>高・営</v>
          </cell>
          <cell r="P218">
            <v>38968</v>
          </cell>
          <cell r="Q218" t="str">
            <v>壱</v>
          </cell>
          <cell r="R218" t="str">
            <v>無</v>
          </cell>
          <cell r="S218" t="str">
            <v>施設課</v>
          </cell>
          <cell r="T218" t="str">
            <v>岡島　昌仁</v>
          </cell>
          <cell r="U218">
            <v>2522</v>
          </cell>
          <cell r="V218" t="str">
            <v>課長</v>
          </cell>
          <cell r="W218" t="str">
            <v>なか１日</v>
          </cell>
          <cell r="X218" t="str">
            <v>特命</v>
          </cell>
          <cell r="Y218">
            <v>38930</v>
          </cell>
          <cell r="Z218">
            <v>38933</v>
          </cell>
          <cell r="AA218">
            <v>1400</v>
          </cell>
          <cell r="AB218" t="str">
            <v>交通局３階総務課（契約担当）</v>
          </cell>
          <cell r="AD218" t="str">
            <v>平成18年8月4日(金)　14時00分</v>
          </cell>
          <cell r="AI218">
            <v>1</v>
          </cell>
          <cell r="AJ218" t="str">
            <v>（資）堀商店札幌営業所</v>
          </cell>
          <cell r="AU218" t="str">
            <v>省略可</v>
          </cell>
          <cell r="AW218">
            <v>151767</v>
          </cell>
          <cell r="AX218">
            <v>1</v>
          </cell>
          <cell r="AY218" t="str">
            <v>（資）堀商店札幌営業所</v>
          </cell>
          <cell r="AZ218">
            <v>144540</v>
          </cell>
          <cell r="BA218">
            <v>151767</v>
          </cell>
          <cell r="BB218">
            <v>7227</v>
          </cell>
          <cell r="BC218" t="str">
            <v>発注書</v>
          </cell>
          <cell r="BE218">
            <v>38933</v>
          </cell>
          <cell r="BF218" t="str">
            <v>しない</v>
          </cell>
          <cell r="BG218" t="str">
            <v>見積</v>
          </cell>
          <cell r="BH218">
            <v>1</v>
          </cell>
          <cell r="BK218">
            <v>144540</v>
          </cell>
          <cell r="BL218" t="str">
            <v xml:space="preserve"> </v>
          </cell>
          <cell r="BM218">
            <v>0</v>
          </cell>
          <cell r="BN218">
            <v>1</v>
          </cell>
        </row>
        <row r="219">
          <cell r="A219">
            <v>2025</v>
          </cell>
          <cell r="B219" t="str">
            <v>製造請負</v>
          </cell>
          <cell r="C219" t="str">
            <v>記念共通ウィズユーカード【映画「涙そうそう」】</v>
          </cell>
          <cell r="D219">
            <v>38925</v>
          </cell>
          <cell r="E219" t="str">
            <v>特命</v>
          </cell>
          <cell r="G219">
            <v>164745</v>
          </cell>
          <cell r="I219">
            <v>3000</v>
          </cell>
          <cell r="J219" t="str">
            <v>枚</v>
          </cell>
          <cell r="K219" t="str">
            <v/>
          </cell>
          <cell r="L219">
            <v>164745</v>
          </cell>
          <cell r="M219" t="str">
            <v>特命</v>
          </cell>
          <cell r="N219" t="str">
            <v>高・営</v>
          </cell>
          <cell r="P219">
            <v>38981</v>
          </cell>
          <cell r="Q219" t="str">
            <v>壱</v>
          </cell>
          <cell r="R219" t="str">
            <v>無</v>
          </cell>
          <cell r="S219" t="str">
            <v>経営企画課</v>
          </cell>
          <cell r="T219" t="str">
            <v>今野　吉隆</v>
          </cell>
          <cell r="U219">
            <v>2123</v>
          </cell>
          <cell r="V219" t="str">
            <v>課長</v>
          </cell>
          <cell r="W219" t="str">
            <v>なか１日</v>
          </cell>
          <cell r="X219" t="str">
            <v>特命</v>
          </cell>
          <cell r="Y219">
            <v>38930</v>
          </cell>
          <cell r="Z219">
            <v>38933</v>
          </cell>
          <cell r="AA219">
            <v>1430</v>
          </cell>
          <cell r="AB219" t="str">
            <v>交通局３階総務課（契約担当）</v>
          </cell>
          <cell r="AD219" t="str">
            <v>平成18年8月4日(金)　14時30分</v>
          </cell>
          <cell r="AI219">
            <v>1</v>
          </cell>
          <cell r="AJ219" t="str">
            <v>凸版印刷（株）北海道事業部</v>
          </cell>
          <cell r="AU219" t="str">
            <v>省略可</v>
          </cell>
          <cell r="AW219">
            <v>164745</v>
          </cell>
          <cell r="AX219">
            <v>1</v>
          </cell>
          <cell r="AY219" t="str">
            <v>凸版印刷（株）北海道事業部</v>
          </cell>
          <cell r="AZ219">
            <v>153000</v>
          </cell>
          <cell r="BA219">
            <v>160650</v>
          </cell>
          <cell r="BB219">
            <v>7650</v>
          </cell>
          <cell r="BC219" t="str">
            <v>発注書</v>
          </cell>
          <cell r="BE219">
            <v>38933</v>
          </cell>
          <cell r="BF219" t="str">
            <v>しない</v>
          </cell>
          <cell r="BG219" t="str">
            <v>見積</v>
          </cell>
          <cell r="BH219">
            <v>0.9751434034416826</v>
          </cell>
          <cell r="BK219">
            <v>156900</v>
          </cell>
          <cell r="BL219">
            <v>54.914999999999999</v>
          </cell>
          <cell r="BM219">
            <v>4095</v>
          </cell>
          <cell r="BN219">
            <v>0.9751434034416826</v>
          </cell>
        </row>
        <row r="220">
          <cell r="A220">
            <v>2026</v>
          </cell>
          <cell r="B220" t="str">
            <v>製造請負</v>
          </cell>
          <cell r="C220" t="str">
            <v>８０００形車両用車体・艤装装置付属品その１</v>
          </cell>
          <cell r="D220">
            <v>38926</v>
          </cell>
          <cell r="E220" t="str">
            <v>特命</v>
          </cell>
          <cell r="G220">
            <v>9999024</v>
          </cell>
          <cell r="I220">
            <v>1</v>
          </cell>
          <cell r="J220" t="str">
            <v>式</v>
          </cell>
          <cell r="K220" t="str">
            <v/>
          </cell>
          <cell r="L220">
            <v>9999024</v>
          </cell>
          <cell r="M220" t="str">
            <v>特命</v>
          </cell>
          <cell r="N220" t="str">
            <v>高・建改</v>
          </cell>
          <cell r="P220">
            <v>39171</v>
          </cell>
          <cell r="Q220" t="str">
            <v>参</v>
          </cell>
          <cell r="R220" t="str">
            <v>無</v>
          </cell>
          <cell r="S220" t="str">
            <v>車両課</v>
          </cell>
          <cell r="T220" t="str">
            <v>谷村　明朗</v>
          </cell>
          <cell r="U220">
            <v>2587</v>
          </cell>
          <cell r="V220" t="str">
            <v>部長</v>
          </cell>
          <cell r="W220" t="str">
            <v>なか５日</v>
          </cell>
          <cell r="X220" t="str">
            <v>特命</v>
          </cell>
          <cell r="Y220">
            <v>38933</v>
          </cell>
          <cell r="Z220">
            <v>38933</v>
          </cell>
          <cell r="AA220">
            <v>1500</v>
          </cell>
          <cell r="AB220" t="str">
            <v>交通局３階総務課（契約担当）</v>
          </cell>
          <cell r="AD220" t="str">
            <v>平成18年8月4日(金)　15時00分</v>
          </cell>
          <cell r="AI220">
            <v>1</v>
          </cell>
          <cell r="AJ220" t="str">
            <v>川崎重工業（株）北海道支社</v>
          </cell>
          <cell r="AU220" t="str">
            <v>要</v>
          </cell>
          <cell r="AV220">
            <v>9500000</v>
          </cell>
          <cell r="AW220">
            <v>9975000</v>
          </cell>
          <cell r="AX220">
            <v>2.4026344971269653E-3</v>
          </cell>
          <cell r="AY220" t="str">
            <v>川崎重工業（株）北海道支社</v>
          </cell>
          <cell r="AZ220">
            <v>9500000</v>
          </cell>
          <cell r="BA220">
            <v>9975000</v>
          </cell>
          <cell r="BB220">
            <v>475000</v>
          </cell>
          <cell r="BC220" t="str">
            <v>契約書</v>
          </cell>
          <cell r="BE220">
            <v>38936</v>
          </cell>
          <cell r="BF220" t="str">
            <v>する</v>
          </cell>
          <cell r="BG220" t="str">
            <v>見積</v>
          </cell>
          <cell r="BH220">
            <v>1</v>
          </cell>
          <cell r="BK220">
            <v>9522880</v>
          </cell>
          <cell r="BL220" t="str">
            <v xml:space="preserve"> </v>
          </cell>
          <cell r="BM220">
            <v>24024</v>
          </cell>
          <cell r="BN220">
            <v>0.99759736550287303</v>
          </cell>
        </row>
        <row r="221">
          <cell r="A221">
            <v>2027</v>
          </cell>
          <cell r="B221" t="str">
            <v>製造請負</v>
          </cell>
          <cell r="C221" t="str">
            <v>東西線８０００形車両ワンマン化改造（その２）</v>
          </cell>
          <cell r="D221">
            <v>38926</v>
          </cell>
          <cell r="E221" t="str">
            <v>特命</v>
          </cell>
          <cell r="G221">
            <v>553570500</v>
          </cell>
          <cell r="I221">
            <v>1</v>
          </cell>
          <cell r="J221" t="str">
            <v>式</v>
          </cell>
          <cell r="K221" t="str">
            <v/>
          </cell>
          <cell r="L221">
            <v>553570500</v>
          </cell>
          <cell r="M221" t="str">
            <v>特命</v>
          </cell>
          <cell r="N221" t="str">
            <v>高・建改</v>
          </cell>
          <cell r="P221">
            <v>39538</v>
          </cell>
          <cell r="Q221" t="str">
            <v>壱</v>
          </cell>
          <cell r="R221" t="str">
            <v>無</v>
          </cell>
          <cell r="S221" t="str">
            <v>車両課</v>
          </cell>
          <cell r="T221" t="str">
            <v>藤田　雅彦</v>
          </cell>
          <cell r="U221">
            <v>2587</v>
          </cell>
          <cell r="V221" t="str">
            <v>副市長</v>
          </cell>
          <cell r="W221" t="str">
            <v>なか１０日</v>
          </cell>
          <cell r="X221" t="str">
            <v>特命</v>
          </cell>
          <cell r="Y221">
            <v>38933</v>
          </cell>
          <cell r="Z221">
            <v>38938</v>
          </cell>
          <cell r="AA221">
            <v>1400</v>
          </cell>
          <cell r="AB221" t="str">
            <v>交通局３階総務課（契約担当）</v>
          </cell>
          <cell r="AD221" t="str">
            <v>平成18年8月9日(水)　14時00分</v>
          </cell>
          <cell r="AI221">
            <v>1</v>
          </cell>
          <cell r="AJ221" t="str">
            <v>川崎重工業（株）北海道支社</v>
          </cell>
          <cell r="AU221" t="str">
            <v>要</v>
          </cell>
          <cell r="AV221">
            <v>521900000</v>
          </cell>
          <cell r="AW221">
            <v>547995000</v>
          </cell>
          <cell r="AX221">
            <v>1.0071887862521556E-2</v>
          </cell>
          <cell r="AY221" t="str">
            <v>川崎重工業（株）北海道支社</v>
          </cell>
          <cell r="AZ221">
            <v>521400000</v>
          </cell>
          <cell r="BA221">
            <v>547470000</v>
          </cell>
          <cell r="BB221">
            <v>26070000</v>
          </cell>
          <cell r="BC221" t="str">
            <v>契約書</v>
          </cell>
          <cell r="BE221">
            <v>38939</v>
          </cell>
          <cell r="BF221" t="str">
            <v>する</v>
          </cell>
          <cell r="BG221" t="str">
            <v>見積</v>
          </cell>
          <cell r="BH221">
            <v>0.9990419620616976</v>
          </cell>
          <cell r="BK221">
            <v>527210000</v>
          </cell>
          <cell r="BL221" t="str">
            <v xml:space="preserve"> </v>
          </cell>
          <cell r="BM221">
            <v>6100500</v>
          </cell>
          <cell r="BN221">
            <v>0.98897972344985874</v>
          </cell>
        </row>
        <row r="222">
          <cell r="A222">
            <v>7062</v>
          </cell>
          <cell r="B222" t="str">
            <v>業務委託</v>
          </cell>
          <cell r="C222" t="str">
            <v>ピット清掃業務</v>
          </cell>
          <cell r="D222">
            <v>38926</v>
          </cell>
          <cell r="G222">
            <v>497700</v>
          </cell>
          <cell r="I222">
            <v>1</v>
          </cell>
          <cell r="J222" t="str">
            <v>式</v>
          </cell>
          <cell r="K222" t="str">
            <v/>
          </cell>
          <cell r="L222">
            <v>497700</v>
          </cell>
          <cell r="M222" t="str">
            <v>見積</v>
          </cell>
          <cell r="N222" t="str">
            <v>軌・営</v>
          </cell>
          <cell r="O222">
            <v>38938</v>
          </cell>
          <cell r="P222">
            <v>38968</v>
          </cell>
          <cell r="Q222" t="str">
            <v>壱</v>
          </cell>
          <cell r="R222" t="str">
            <v>無</v>
          </cell>
          <cell r="S222" t="str">
            <v>電車事業所</v>
          </cell>
          <cell r="T222" t="str">
            <v>夏野　良博</v>
          </cell>
          <cell r="U222">
            <v>2933</v>
          </cell>
          <cell r="V222" t="str">
            <v>部長</v>
          </cell>
          <cell r="W222" t="str">
            <v>なか１日</v>
          </cell>
          <cell r="X222" t="str">
            <v>見積</v>
          </cell>
          <cell r="Y222">
            <v>38932</v>
          </cell>
          <cell r="Z222">
            <v>38937</v>
          </cell>
          <cell r="AA222">
            <v>1350</v>
          </cell>
          <cell r="AB222" t="str">
            <v>交通局５階入札室</v>
          </cell>
          <cell r="AD222" t="str">
            <v>平成18年8月8日(火)　13時50分</v>
          </cell>
          <cell r="AI222">
            <v>3</v>
          </cell>
          <cell r="AJ222" t="str">
            <v>環境開発工業（株）</v>
          </cell>
          <cell r="AK222" t="str">
            <v>（協業）公清企業</v>
          </cell>
          <cell r="AU222" t="str">
            <v>省略可</v>
          </cell>
          <cell r="AW222">
            <v>497700</v>
          </cell>
          <cell r="AX222">
            <v>1</v>
          </cell>
          <cell r="AY222" t="str">
            <v>（協業）公清企業</v>
          </cell>
          <cell r="AZ222">
            <v>470000</v>
          </cell>
          <cell r="BA222">
            <v>493500</v>
          </cell>
          <cell r="BB222">
            <v>23500</v>
          </cell>
          <cell r="BC222" t="str">
            <v>請書</v>
          </cell>
          <cell r="BE222">
            <v>38938</v>
          </cell>
          <cell r="BF222" t="str">
            <v>しない</v>
          </cell>
          <cell r="BG222" t="str">
            <v>見積</v>
          </cell>
          <cell r="BH222">
            <v>0.99156118143459915</v>
          </cell>
          <cell r="BK222">
            <v>474000</v>
          </cell>
          <cell r="BL222" t="str">
            <v xml:space="preserve"> </v>
          </cell>
          <cell r="BM222">
            <v>4200</v>
          </cell>
          <cell r="BN222">
            <v>0.99156118143459915</v>
          </cell>
        </row>
        <row r="223">
          <cell r="A223">
            <v>7063</v>
          </cell>
          <cell r="B223" t="str">
            <v>業務委託</v>
          </cell>
          <cell r="C223" t="str">
            <v>車上検査装置バックライト交換業務</v>
          </cell>
          <cell r="D223">
            <v>38926</v>
          </cell>
          <cell r="E223" t="str">
            <v>特命</v>
          </cell>
          <cell r="G223">
            <v>339150</v>
          </cell>
          <cell r="I223">
            <v>1</v>
          </cell>
          <cell r="J223" t="str">
            <v>式</v>
          </cell>
          <cell r="K223" t="str">
            <v/>
          </cell>
          <cell r="L223">
            <v>339150</v>
          </cell>
          <cell r="M223" t="str">
            <v>特命</v>
          </cell>
          <cell r="N223" t="str">
            <v>高・営</v>
          </cell>
          <cell r="O223">
            <v>38936</v>
          </cell>
          <cell r="P223">
            <v>39141</v>
          </cell>
          <cell r="Q223" t="str">
            <v>壱</v>
          </cell>
          <cell r="R223" t="str">
            <v>無</v>
          </cell>
          <cell r="S223" t="str">
            <v>車両課(真駒内)</v>
          </cell>
          <cell r="T223" t="str">
            <v>上野　敦</v>
          </cell>
          <cell r="U223">
            <v>8312</v>
          </cell>
          <cell r="V223" t="str">
            <v>部長</v>
          </cell>
          <cell r="W223" t="str">
            <v>なか１日</v>
          </cell>
          <cell r="X223" t="str">
            <v>特命</v>
          </cell>
          <cell r="Y223">
            <v>38932</v>
          </cell>
          <cell r="Z223">
            <v>38933</v>
          </cell>
          <cell r="AA223">
            <v>1530</v>
          </cell>
          <cell r="AB223" t="str">
            <v>交通局３階総務課（契約担当）</v>
          </cell>
          <cell r="AD223" t="str">
            <v>平成18年8月4日(金)　15時30分</v>
          </cell>
          <cell r="AI223">
            <v>1</v>
          </cell>
          <cell r="AJ223" t="str">
            <v>（株）東芝北海道支社</v>
          </cell>
          <cell r="AU223" t="str">
            <v>省略可</v>
          </cell>
          <cell r="AW223">
            <v>339150</v>
          </cell>
          <cell r="AX223">
            <v>1</v>
          </cell>
          <cell r="AY223" t="str">
            <v>（株）東芝北海道支社</v>
          </cell>
          <cell r="AZ223">
            <v>320000</v>
          </cell>
          <cell r="BA223">
            <v>336000</v>
          </cell>
          <cell r="BB223">
            <v>16000</v>
          </cell>
          <cell r="BC223" t="str">
            <v>請書</v>
          </cell>
          <cell r="BE223">
            <v>38933</v>
          </cell>
          <cell r="BF223" t="str">
            <v>しない</v>
          </cell>
          <cell r="BG223" t="str">
            <v>見積</v>
          </cell>
          <cell r="BH223">
            <v>0.99071207430340558</v>
          </cell>
          <cell r="BK223">
            <v>323000</v>
          </cell>
          <cell r="BL223" t="str">
            <v xml:space="preserve"> </v>
          </cell>
          <cell r="BM223">
            <v>3150</v>
          </cell>
          <cell r="BN223">
            <v>0.99071207430340558</v>
          </cell>
        </row>
        <row r="224">
          <cell r="A224">
            <v>1133</v>
          </cell>
          <cell r="B224" t="str">
            <v>物品購入</v>
          </cell>
          <cell r="C224" t="str">
            <v>ＣＰ戸閉電磁弁他</v>
          </cell>
          <cell r="D224">
            <v>38926</v>
          </cell>
          <cell r="E224" t="str">
            <v>特命</v>
          </cell>
          <cell r="G224">
            <v>11573919</v>
          </cell>
          <cell r="I224">
            <v>1</v>
          </cell>
          <cell r="J224" t="str">
            <v>式</v>
          </cell>
          <cell r="K224" t="str">
            <v/>
          </cell>
          <cell r="L224">
            <v>11573919</v>
          </cell>
          <cell r="M224" t="str">
            <v>特命</v>
          </cell>
          <cell r="N224" t="str">
            <v>高・営</v>
          </cell>
          <cell r="P224">
            <v>39136</v>
          </cell>
          <cell r="Q224" t="str">
            <v>参</v>
          </cell>
          <cell r="R224" t="str">
            <v>無</v>
          </cell>
          <cell r="S224" t="str">
            <v>車両課(大谷地)</v>
          </cell>
          <cell r="T224" t="str">
            <v>鎌田　秀利</v>
          </cell>
          <cell r="U224">
            <v>8417</v>
          </cell>
          <cell r="V224" t="str">
            <v>管理者</v>
          </cell>
          <cell r="W224" t="str">
            <v>なか５日</v>
          </cell>
          <cell r="X224" t="str">
            <v>特命</v>
          </cell>
          <cell r="Y224">
            <v>38936</v>
          </cell>
          <cell r="Z224">
            <v>38938</v>
          </cell>
          <cell r="AA224">
            <v>1430</v>
          </cell>
          <cell r="AB224" t="str">
            <v>交通局３階総務課（契約担当）</v>
          </cell>
          <cell r="AD224" t="str">
            <v>平成18年8月9日(水)　14時30分</v>
          </cell>
          <cell r="AI224">
            <v>1</v>
          </cell>
          <cell r="AJ224" t="str">
            <v>ナブテスコ（株）鉄道カンパニー札幌営業所</v>
          </cell>
          <cell r="AU224" t="str">
            <v>要</v>
          </cell>
          <cell r="AV224">
            <v>11000000</v>
          </cell>
          <cell r="AW224">
            <v>11550000</v>
          </cell>
          <cell r="AX224">
            <v>2.0666292895258342E-3</v>
          </cell>
          <cell r="AY224" t="str">
            <v>ナブテスコ（株）鉄道カンパニー札幌営業所</v>
          </cell>
          <cell r="AZ224">
            <v>11000000</v>
          </cell>
          <cell r="BA224">
            <v>11550000</v>
          </cell>
          <cell r="BB224">
            <v>550000</v>
          </cell>
          <cell r="BC224" t="str">
            <v>契約書</v>
          </cell>
          <cell r="BE224">
            <v>38939</v>
          </cell>
          <cell r="BF224" t="str">
            <v>しない</v>
          </cell>
          <cell r="BG224" t="str">
            <v>見積</v>
          </cell>
          <cell r="BH224">
            <v>1</v>
          </cell>
          <cell r="BK224">
            <v>11022780</v>
          </cell>
          <cell r="BL224" t="str">
            <v xml:space="preserve"> </v>
          </cell>
          <cell r="BM224">
            <v>23919</v>
          </cell>
          <cell r="BN224">
            <v>0.99793337071047417</v>
          </cell>
        </row>
        <row r="225">
          <cell r="A225">
            <v>1134</v>
          </cell>
          <cell r="B225" t="str">
            <v>物品購入</v>
          </cell>
          <cell r="C225" t="str">
            <v>磁気保持リレー他</v>
          </cell>
          <cell r="D225">
            <v>38926</v>
          </cell>
          <cell r="E225" t="str">
            <v>特命</v>
          </cell>
          <cell r="G225">
            <v>681870</v>
          </cell>
          <cell r="I225">
            <v>1</v>
          </cell>
          <cell r="J225" t="str">
            <v>式</v>
          </cell>
          <cell r="K225" t="str">
            <v/>
          </cell>
          <cell r="L225">
            <v>681870</v>
          </cell>
          <cell r="M225" t="str">
            <v>特命</v>
          </cell>
          <cell r="N225" t="str">
            <v>高・営</v>
          </cell>
          <cell r="P225">
            <v>39051</v>
          </cell>
          <cell r="Q225" t="str">
            <v>壱</v>
          </cell>
          <cell r="R225" t="str">
            <v>無</v>
          </cell>
          <cell r="S225" t="str">
            <v>施設課</v>
          </cell>
          <cell r="T225" t="str">
            <v>水口　博</v>
          </cell>
          <cell r="U225">
            <v>2594</v>
          </cell>
          <cell r="V225" t="str">
            <v>課長</v>
          </cell>
          <cell r="W225" t="str">
            <v>なか１日</v>
          </cell>
          <cell r="X225" t="str">
            <v>特命</v>
          </cell>
          <cell r="Y225">
            <v>38931</v>
          </cell>
          <cell r="Z225">
            <v>38933</v>
          </cell>
          <cell r="AA225">
            <v>1330</v>
          </cell>
          <cell r="AB225" t="str">
            <v>交通局３階総務課（契約担当）</v>
          </cell>
          <cell r="AD225" t="str">
            <v>平成18年8月4日(金)　13時30分</v>
          </cell>
          <cell r="AI225">
            <v>1</v>
          </cell>
          <cell r="AJ225" t="str">
            <v>日本信号（株）北海道支店</v>
          </cell>
          <cell r="AU225" t="str">
            <v>省略可</v>
          </cell>
          <cell r="AW225">
            <v>681870</v>
          </cell>
          <cell r="AX225">
            <v>1</v>
          </cell>
          <cell r="AY225" t="str">
            <v>日本信号（株）北海道支店</v>
          </cell>
          <cell r="AZ225">
            <v>648000</v>
          </cell>
          <cell r="BA225">
            <v>680400</v>
          </cell>
          <cell r="BB225">
            <v>32400</v>
          </cell>
          <cell r="BC225" t="str">
            <v>請書</v>
          </cell>
          <cell r="BE225">
            <v>38936</v>
          </cell>
          <cell r="BF225" t="str">
            <v>しない</v>
          </cell>
          <cell r="BG225" t="str">
            <v>見積</v>
          </cell>
          <cell r="BH225">
            <v>0.9978441638435479</v>
          </cell>
          <cell r="BK225">
            <v>649400</v>
          </cell>
          <cell r="BL225" t="str">
            <v xml:space="preserve"> </v>
          </cell>
          <cell r="BM225">
            <v>1470</v>
          </cell>
          <cell r="BN225">
            <v>0.9978441638435479</v>
          </cell>
        </row>
        <row r="226">
          <cell r="A226">
            <v>2028</v>
          </cell>
          <cell r="B226" t="str">
            <v>製造請負</v>
          </cell>
          <cell r="C226" t="str">
            <v>上下式転てつ器制御盤他</v>
          </cell>
          <cell r="D226">
            <v>38929</v>
          </cell>
          <cell r="E226" t="str">
            <v>特命</v>
          </cell>
          <cell r="G226">
            <v>19561500</v>
          </cell>
          <cell r="I226">
            <v>1</v>
          </cell>
          <cell r="J226" t="str">
            <v>式</v>
          </cell>
          <cell r="K226" t="str">
            <v/>
          </cell>
          <cell r="L226">
            <v>19561500</v>
          </cell>
          <cell r="M226" t="str">
            <v>特命</v>
          </cell>
          <cell r="N226" t="str">
            <v>高・営</v>
          </cell>
          <cell r="P226">
            <v>39164</v>
          </cell>
          <cell r="Q226" t="str">
            <v>壱</v>
          </cell>
          <cell r="R226" t="str">
            <v>無</v>
          </cell>
          <cell r="S226" t="str">
            <v>施設課</v>
          </cell>
          <cell r="T226" t="str">
            <v>玉置　靖</v>
          </cell>
          <cell r="U226">
            <v>2592</v>
          </cell>
          <cell r="V226" t="str">
            <v>管理者</v>
          </cell>
          <cell r="W226" t="str">
            <v>なか５日</v>
          </cell>
          <cell r="X226" t="str">
            <v>特命</v>
          </cell>
          <cell r="Y226">
            <v>38937</v>
          </cell>
          <cell r="Z226">
            <v>38938</v>
          </cell>
          <cell r="AA226">
            <v>1500</v>
          </cell>
          <cell r="AB226" t="str">
            <v>交通局３階総務課（契約担当）</v>
          </cell>
          <cell r="AD226" t="str">
            <v>平成18年8月9日(水)　15時00分</v>
          </cell>
          <cell r="AI226">
            <v>1</v>
          </cell>
          <cell r="AJ226" t="str">
            <v>札幌川重車両エンジニアリング（株）</v>
          </cell>
          <cell r="AU226" t="str">
            <v>要</v>
          </cell>
          <cell r="AV226">
            <v>18600000</v>
          </cell>
          <cell r="AW226">
            <v>19530000</v>
          </cell>
          <cell r="AX226">
            <v>1.6103059581320522E-3</v>
          </cell>
          <cell r="AY226" t="str">
            <v>札幌川重車両エンジニアリング（株）</v>
          </cell>
          <cell r="AZ226">
            <v>18600000</v>
          </cell>
          <cell r="BA226">
            <v>19530000</v>
          </cell>
          <cell r="BB226">
            <v>930000</v>
          </cell>
          <cell r="BC226" t="str">
            <v>契約書</v>
          </cell>
          <cell r="BE226">
            <v>38939</v>
          </cell>
          <cell r="BF226" t="str">
            <v>しない</v>
          </cell>
          <cell r="BG226" t="str">
            <v>見積</v>
          </cell>
          <cell r="BH226">
            <v>1</v>
          </cell>
          <cell r="BK226">
            <v>18630000</v>
          </cell>
          <cell r="BL226" t="str">
            <v xml:space="preserve"> </v>
          </cell>
          <cell r="BM226">
            <v>31500</v>
          </cell>
          <cell r="BN226">
            <v>0.99838969404186795</v>
          </cell>
        </row>
        <row r="227">
          <cell r="A227">
            <v>1135</v>
          </cell>
          <cell r="B227" t="str">
            <v>物品購入</v>
          </cell>
          <cell r="C227" t="str">
            <v>廃熱回収他自動制御装置用部品</v>
          </cell>
          <cell r="D227">
            <v>38929</v>
          </cell>
          <cell r="E227" t="str">
            <v>特命</v>
          </cell>
          <cell r="G227">
            <v>1673154</v>
          </cell>
          <cell r="I227">
            <v>1</v>
          </cell>
          <cell r="J227" t="str">
            <v>式</v>
          </cell>
          <cell r="K227" t="str">
            <v/>
          </cell>
          <cell r="L227">
            <v>1673154</v>
          </cell>
          <cell r="M227" t="str">
            <v>特命</v>
          </cell>
          <cell r="N227" t="str">
            <v>高・営</v>
          </cell>
          <cell r="P227">
            <v>39021</v>
          </cell>
          <cell r="Q227" t="str">
            <v>壱</v>
          </cell>
          <cell r="R227" t="str">
            <v>無</v>
          </cell>
          <cell r="S227" t="str">
            <v>施設課</v>
          </cell>
          <cell r="T227" t="str">
            <v>鍔山　和宏</v>
          </cell>
          <cell r="U227">
            <v>2525</v>
          </cell>
          <cell r="V227" t="str">
            <v>課長</v>
          </cell>
          <cell r="W227" t="str">
            <v>なか１日</v>
          </cell>
          <cell r="X227" t="str">
            <v>特命</v>
          </cell>
          <cell r="Y227">
            <v>38932</v>
          </cell>
          <cell r="Z227">
            <v>38933</v>
          </cell>
          <cell r="AA227">
            <v>1415</v>
          </cell>
          <cell r="AB227" t="str">
            <v>交通局３階総務課（契約担当）</v>
          </cell>
          <cell r="AD227" t="str">
            <v>平成18年8月4日(金)　14時15分</v>
          </cell>
          <cell r="AI227">
            <v>1</v>
          </cell>
          <cell r="AJ227" t="str">
            <v>ジョンソンコントロールズ（株）北海道支店</v>
          </cell>
          <cell r="AU227" t="str">
            <v>要</v>
          </cell>
          <cell r="AV227">
            <v>1590000</v>
          </cell>
          <cell r="AW227">
            <v>1669500</v>
          </cell>
          <cell r="AX227">
            <v>2.1838993900142878E-3</v>
          </cell>
          <cell r="AY227" t="str">
            <v>ジョンソンコントロールズ（株）北海道支店</v>
          </cell>
          <cell r="AZ227">
            <v>1590000</v>
          </cell>
          <cell r="BA227">
            <v>1669500</v>
          </cell>
          <cell r="BB227">
            <v>79500</v>
          </cell>
          <cell r="BC227" t="str">
            <v>契約書</v>
          </cell>
          <cell r="BE227">
            <v>38936</v>
          </cell>
          <cell r="BF227" t="str">
            <v>しない</v>
          </cell>
          <cell r="BG227" t="str">
            <v>見積</v>
          </cell>
          <cell r="BH227">
            <v>1</v>
          </cell>
          <cell r="BK227">
            <v>1593480</v>
          </cell>
          <cell r="BL227" t="str">
            <v xml:space="preserve"> </v>
          </cell>
          <cell r="BM227">
            <v>3654</v>
          </cell>
          <cell r="BN227">
            <v>0.99781610060998571</v>
          </cell>
        </row>
        <row r="228">
          <cell r="A228">
            <v>7064</v>
          </cell>
          <cell r="B228" t="str">
            <v>業務委託</v>
          </cell>
          <cell r="C228" t="str">
            <v>空調機オーバーホール（前川製作所製）</v>
          </cell>
          <cell r="D228">
            <v>38929</v>
          </cell>
          <cell r="E228" t="str">
            <v>特命</v>
          </cell>
          <cell r="G228">
            <v>3843000</v>
          </cell>
          <cell r="I228">
            <v>1</v>
          </cell>
          <cell r="J228" t="str">
            <v>式</v>
          </cell>
          <cell r="K228" t="str">
            <v/>
          </cell>
          <cell r="L228">
            <v>3843000</v>
          </cell>
          <cell r="M228" t="str">
            <v>特命</v>
          </cell>
          <cell r="N228" t="str">
            <v>高・営</v>
          </cell>
          <cell r="O228">
            <v>38950</v>
          </cell>
          <cell r="P228">
            <v>39051</v>
          </cell>
          <cell r="Q228" t="str">
            <v>壱</v>
          </cell>
          <cell r="R228" t="str">
            <v>無</v>
          </cell>
          <cell r="S228" t="str">
            <v>施設課</v>
          </cell>
          <cell r="T228" t="str">
            <v>北川　博教</v>
          </cell>
          <cell r="U228">
            <v>2528</v>
          </cell>
          <cell r="V228" t="str">
            <v>管理者</v>
          </cell>
          <cell r="W228" t="str">
            <v>なか１日</v>
          </cell>
          <cell r="X228" t="str">
            <v>特命</v>
          </cell>
          <cell r="Y228">
            <v>38936</v>
          </cell>
          <cell r="Z228">
            <v>38938</v>
          </cell>
          <cell r="AA228">
            <v>1100</v>
          </cell>
          <cell r="AB228" t="str">
            <v>交通局３階総務課（契約担当）</v>
          </cell>
          <cell r="AD228" t="str">
            <v>平成18年8月9日(水)　11時00分</v>
          </cell>
          <cell r="AI228">
            <v>1</v>
          </cell>
          <cell r="AJ228" t="str">
            <v>（株）前川製作所</v>
          </cell>
          <cell r="AU228" t="str">
            <v>要</v>
          </cell>
          <cell r="AV228">
            <v>3620000</v>
          </cell>
          <cell r="AW228">
            <v>3801000</v>
          </cell>
          <cell r="AX228">
            <v>1.0928961748633892E-2</v>
          </cell>
          <cell r="AY228" t="str">
            <v>（株）前川製作所</v>
          </cell>
          <cell r="AZ228">
            <v>3500000</v>
          </cell>
          <cell r="BA228">
            <v>3675000</v>
          </cell>
          <cell r="BB228">
            <v>175000</v>
          </cell>
          <cell r="BC228" t="str">
            <v>契約書</v>
          </cell>
          <cell r="BE228">
            <v>38943</v>
          </cell>
          <cell r="BF228" t="str">
            <v>しない</v>
          </cell>
          <cell r="BG228" t="str">
            <v>見積</v>
          </cell>
          <cell r="BH228">
            <v>0.96685082872928174</v>
          </cell>
          <cell r="BK228">
            <v>3660000</v>
          </cell>
          <cell r="BL228" t="str">
            <v xml:space="preserve"> </v>
          </cell>
          <cell r="BM228">
            <v>168000</v>
          </cell>
          <cell r="BN228">
            <v>0.95628415300546443</v>
          </cell>
        </row>
        <row r="229">
          <cell r="A229">
            <v>7065</v>
          </cell>
          <cell r="B229" t="str">
            <v>業務委託</v>
          </cell>
          <cell r="C229" t="str">
            <v>電車事業所入庫線及び工場のガラス等清掃業務</v>
          </cell>
          <cell r="D229">
            <v>38929</v>
          </cell>
          <cell r="G229">
            <v>228900</v>
          </cell>
          <cell r="I229">
            <v>1</v>
          </cell>
          <cell r="J229" t="str">
            <v>式</v>
          </cell>
          <cell r="K229" t="str">
            <v/>
          </cell>
          <cell r="L229">
            <v>228900</v>
          </cell>
          <cell r="M229" t="str">
            <v>見積</v>
          </cell>
          <cell r="N229" t="str">
            <v>軌・営</v>
          </cell>
          <cell r="O229">
            <v>38939</v>
          </cell>
          <cell r="P229">
            <v>38943</v>
          </cell>
          <cell r="Q229" t="str">
            <v>壱</v>
          </cell>
          <cell r="R229" t="str">
            <v>無</v>
          </cell>
          <cell r="S229" t="str">
            <v>電車事業所</v>
          </cell>
          <cell r="T229" t="str">
            <v>黒宮　靖樹</v>
          </cell>
          <cell r="U229">
            <v>2933</v>
          </cell>
          <cell r="V229" t="str">
            <v>課長</v>
          </cell>
          <cell r="W229" t="str">
            <v>なか１日</v>
          </cell>
          <cell r="X229" t="str">
            <v>見積</v>
          </cell>
          <cell r="Y229">
            <v>38932</v>
          </cell>
          <cell r="Z229">
            <v>38936</v>
          </cell>
          <cell r="AA229">
            <v>1050</v>
          </cell>
          <cell r="AB229" t="str">
            <v>交通局５階入札室</v>
          </cell>
          <cell r="AD229" t="str">
            <v>平成18年8月7日(月)　10時50分</v>
          </cell>
          <cell r="AI229">
            <v>3</v>
          </cell>
          <cell r="AJ229" t="str">
            <v>（株）東洋実業</v>
          </cell>
          <cell r="AK229" t="str">
            <v>日興美装工業（株）</v>
          </cell>
          <cell r="AL229" t="str">
            <v>㈱半田美装</v>
          </cell>
          <cell r="AU229" t="str">
            <v>省略可</v>
          </cell>
          <cell r="AW229">
            <v>228900</v>
          </cell>
          <cell r="AX229">
            <v>1</v>
          </cell>
          <cell r="AY229" t="str">
            <v>（株）東洋実業</v>
          </cell>
          <cell r="AZ229">
            <v>148000</v>
          </cell>
          <cell r="BA229">
            <v>155400</v>
          </cell>
          <cell r="BB229">
            <v>7400</v>
          </cell>
          <cell r="BC229" t="str">
            <v>請書</v>
          </cell>
          <cell r="BE229">
            <v>38937</v>
          </cell>
          <cell r="BF229" t="str">
            <v>しない</v>
          </cell>
          <cell r="BG229" t="str">
            <v>見積</v>
          </cell>
          <cell r="BH229">
            <v>0.67889908256880738</v>
          </cell>
          <cell r="BK229">
            <v>218000</v>
          </cell>
          <cell r="BL229" t="str">
            <v xml:space="preserve"> </v>
          </cell>
          <cell r="BM229">
            <v>73500</v>
          </cell>
          <cell r="BN229">
            <v>0.67889908256880738</v>
          </cell>
        </row>
        <row r="230">
          <cell r="A230">
            <v>7066</v>
          </cell>
          <cell r="B230" t="str">
            <v>業務委託</v>
          </cell>
          <cell r="C230" t="str">
            <v>市電フェスティバル会場外警備業務</v>
          </cell>
          <cell r="D230">
            <v>38930</v>
          </cell>
          <cell r="G230">
            <v>125000</v>
          </cell>
          <cell r="I230">
            <v>1</v>
          </cell>
          <cell r="J230" t="str">
            <v>式</v>
          </cell>
          <cell r="K230" t="str">
            <v/>
          </cell>
          <cell r="L230">
            <v>125000</v>
          </cell>
          <cell r="M230" t="str">
            <v>見積</v>
          </cell>
          <cell r="N230" t="str">
            <v>軌・営</v>
          </cell>
          <cell r="O230">
            <v>38938</v>
          </cell>
          <cell r="P230">
            <v>38948</v>
          </cell>
          <cell r="Q230" t="str">
            <v>壱</v>
          </cell>
          <cell r="R230" t="str">
            <v>無</v>
          </cell>
          <cell r="S230" t="str">
            <v>経営企画課</v>
          </cell>
          <cell r="T230" t="str">
            <v>藤田　和彦</v>
          </cell>
          <cell r="U230">
            <v>2295</v>
          </cell>
          <cell r="V230" t="str">
            <v>課長</v>
          </cell>
          <cell r="W230" t="str">
            <v>なか１日</v>
          </cell>
          <cell r="X230" t="str">
            <v>見積</v>
          </cell>
          <cell r="Y230">
            <v>38933</v>
          </cell>
          <cell r="Z230">
            <v>38936</v>
          </cell>
          <cell r="AA230">
            <v>1040</v>
          </cell>
          <cell r="AB230" t="str">
            <v>交通局５階入札室</v>
          </cell>
          <cell r="AD230" t="str">
            <v>平成18年8月7日(月)　10時40分</v>
          </cell>
          <cell r="AI230">
            <v>3</v>
          </cell>
          <cell r="AJ230" t="str">
            <v>札幌警備（株）</v>
          </cell>
          <cell r="AK230" t="str">
            <v>中央ビルメンテナンス㈱</v>
          </cell>
          <cell r="AL230" t="str">
            <v>㈱ベルックス</v>
          </cell>
          <cell r="AU230" t="str">
            <v>省略可</v>
          </cell>
          <cell r="AW230">
            <v>125000</v>
          </cell>
          <cell r="AX230">
            <v>1</v>
          </cell>
          <cell r="AY230" t="str">
            <v>札幌警備（株）</v>
          </cell>
          <cell r="AZ230">
            <v>115000</v>
          </cell>
          <cell r="BA230">
            <v>120750</v>
          </cell>
          <cell r="BB230">
            <v>5750</v>
          </cell>
          <cell r="BC230" t="str">
            <v>請書</v>
          </cell>
          <cell r="BE230">
            <v>38937</v>
          </cell>
          <cell r="BF230" t="str">
            <v>しない</v>
          </cell>
          <cell r="BG230" t="str">
            <v>見積</v>
          </cell>
          <cell r="BH230">
            <v>0.96599999999999997</v>
          </cell>
          <cell r="BK230">
            <v>119047.61904761904</v>
          </cell>
          <cell r="BL230" t="str">
            <v xml:space="preserve"> </v>
          </cell>
          <cell r="BM230">
            <v>4250</v>
          </cell>
          <cell r="BN230">
            <v>0.96599999999999997</v>
          </cell>
        </row>
        <row r="231">
          <cell r="A231">
            <v>7067</v>
          </cell>
          <cell r="B231" t="str">
            <v>業務委託</v>
          </cell>
          <cell r="C231" t="str">
            <v>東基地区分用電磁弁交換</v>
          </cell>
          <cell r="D231">
            <v>38930</v>
          </cell>
          <cell r="E231" t="str">
            <v>特命</v>
          </cell>
          <cell r="G231">
            <v>631050</v>
          </cell>
          <cell r="I231">
            <v>1</v>
          </cell>
          <cell r="J231" t="str">
            <v>式</v>
          </cell>
          <cell r="K231" t="str">
            <v/>
          </cell>
          <cell r="L231">
            <v>631050</v>
          </cell>
          <cell r="M231" t="str">
            <v>特命</v>
          </cell>
          <cell r="N231" t="str">
            <v>高・営</v>
          </cell>
          <cell r="O231">
            <v>38946</v>
          </cell>
          <cell r="P231">
            <v>38968</v>
          </cell>
          <cell r="Q231" t="str">
            <v>壱</v>
          </cell>
          <cell r="R231" t="str">
            <v>無</v>
          </cell>
          <cell r="S231" t="str">
            <v>電気課</v>
          </cell>
          <cell r="T231" t="str">
            <v>佐久間　正</v>
          </cell>
          <cell r="U231">
            <v>2627</v>
          </cell>
          <cell r="V231" t="str">
            <v>部長</v>
          </cell>
          <cell r="W231" t="str">
            <v>なか１日</v>
          </cell>
          <cell r="X231" t="str">
            <v>特命</v>
          </cell>
          <cell r="Y231">
            <v>38936</v>
          </cell>
          <cell r="Z231">
            <v>38938</v>
          </cell>
          <cell r="AA231">
            <v>1445</v>
          </cell>
          <cell r="AB231" t="str">
            <v>交通局３階総務課（契約担当）</v>
          </cell>
          <cell r="AD231" t="str">
            <v>平成18年8月9日(水)　14時45分</v>
          </cell>
          <cell r="AI231">
            <v>1</v>
          </cell>
          <cell r="AJ231" t="str">
            <v>三菱電機（株）北海道支社</v>
          </cell>
          <cell r="AU231" t="str">
            <v>省略可</v>
          </cell>
          <cell r="AW231">
            <v>631050</v>
          </cell>
          <cell r="AX231">
            <v>1</v>
          </cell>
          <cell r="AY231" t="str">
            <v>三菱電機（株）北海道支社</v>
          </cell>
          <cell r="AZ231">
            <v>600000</v>
          </cell>
          <cell r="BA231">
            <v>630000</v>
          </cell>
          <cell r="BB231">
            <v>30000</v>
          </cell>
          <cell r="BC231" t="str">
            <v>契約書</v>
          </cell>
          <cell r="BE231">
            <v>38939</v>
          </cell>
          <cell r="BF231" t="str">
            <v>しない</v>
          </cell>
          <cell r="BG231" t="str">
            <v>見積</v>
          </cell>
          <cell r="BH231">
            <v>0.99833610648918469</v>
          </cell>
          <cell r="BK231">
            <v>601000</v>
          </cell>
          <cell r="BL231" t="str">
            <v xml:space="preserve"> </v>
          </cell>
          <cell r="BM231">
            <v>1050</v>
          </cell>
          <cell r="BN231">
            <v>0.99833610648918469</v>
          </cell>
        </row>
        <row r="232">
          <cell r="A232">
            <v>1136</v>
          </cell>
          <cell r="B232" t="str">
            <v>物品購入</v>
          </cell>
          <cell r="C232" t="str">
            <v>設備指令システムディスク</v>
          </cell>
          <cell r="D232">
            <v>38931</v>
          </cell>
          <cell r="E232" t="str">
            <v>特命</v>
          </cell>
          <cell r="G232">
            <v>2724750</v>
          </cell>
          <cell r="I232">
            <v>1</v>
          </cell>
          <cell r="J232" t="str">
            <v>式</v>
          </cell>
          <cell r="K232" t="str">
            <v/>
          </cell>
          <cell r="L232">
            <v>2724750</v>
          </cell>
          <cell r="M232" t="str">
            <v>特命</v>
          </cell>
          <cell r="N232" t="str">
            <v>高・営</v>
          </cell>
          <cell r="P232">
            <v>39021</v>
          </cell>
          <cell r="Q232" t="str">
            <v>壱</v>
          </cell>
          <cell r="R232" t="str">
            <v>無</v>
          </cell>
          <cell r="S232" t="str">
            <v>電気課</v>
          </cell>
          <cell r="T232" t="str">
            <v>伊藤　弘</v>
          </cell>
          <cell r="U232">
            <v>2646</v>
          </cell>
          <cell r="V232" t="str">
            <v>課長</v>
          </cell>
          <cell r="W232" t="str">
            <v>なか１日</v>
          </cell>
          <cell r="X232" t="str">
            <v>特命</v>
          </cell>
          <cell r="Y232">
            <v>38936</v>
          </cell>
          <cell r="Z232">
            <v>38938</v>
          </cell>
          <cell r="AA232">
            <v>1530</v>
          </cell>
          <cell r="AB232" t="str">
            <v>交通局３階総務課（契約担当）</v>
          </cell>
          <cell r="AD232" t="str">
            <v>平成18年8月9日(水)　15時30分</v>
          </cell>
          <cell r="AI232">
            <v>1</v>
          </cell>
          <cell r="AJ232" t="str">
            <v>富士電機システムズ（株）北海道支社</v>
          </cell>
          <cell r="AU232" t="str">
            <v>要</v>
          </cell>
          <cell r="AV232">
            <v>2580000</v>
          </cell>
          <cell r="AW232">
            <v>2709000</v>
          </cell>
          <cell r="AX232">
            <v>5.7803468208093012E-3</v>
          </cell>
          <cell r="AY232" t="str">
            <v>富士電機システムズ（株）東日本支社北海道事務所</v>
          </cell>
          <cell r="AZ232">
            <v>2580000</v>
          </cell>
          <cell r="BA232">
            <v>2709000</v>
          </cell>
          <cell r="BB232">
            <v>129000</v>
          </cell>
          <cell r="BC232" t="str">
            <v>契約書</v>
          </cell>
          <cell r="BE232">
            <v>38939</v>
          </cell>
          <cell r="BF232" t="str">
            <v>しない</v>
          </cell>
          <cell r="BG232" t="str">
            <v>見積</v>
          </cell>
          <cell r="BH232">
            <v>1</v>
          </cell>
          <cell r="BK232">
            <v>2595000</v>
          </cell>
          <cell r="BL232" t="str">
            <v xml:space="preserve"> </v>
          </cell>
          <cell r="BM232">
            <v>15750</v>
          </cell>
          <cell r="BN232">
            <v>0.9942196531791907</v>
          </cell>
        </row>
        <row r="233">
          <cell r="A233">
            <v>7068</v>
          </cell>
          <cell r="B233" t="str">
            <v>業務委託</v>
          </cell>
          <cell r="C233" t="str">
            <v>工作車２号車電磁クラッチ交換修理</v>
          </cell>
          <cell r="D233">
            <v>38932</v>
          </cell>
          <cell r="E233" t="str">
            <v>特命</v>
          </cell>
          <cell r="G233">
            <v>252000</v>
          </cell>
          <cell r="I233">
            <v>1</v>
          </cell>
          <cell r="J233" t="str">
            <v>式</v>
          </cell>
          <cell r="K233" t="str">
            <v/>
          </cell>
          <cell r="L233">
            <v>252000</v>
          </cell>
          <cell r="M233" t="str">
            <v>特命</v>
          </cell>
          <cell r="N233" t="str">
            <v>高・営</v>
          </cell>
          <cell r="O233">
            <v>38951</v>
          </cell>
          <cell r="P233">
            <v>38989</v>
          </cell>
          <cell r="Q233" t="str">
            <v>壱</v>
          </cell>
          <cell r="R233" t="str">
            <v>無</v>
          </cell>
          <cell r="S233" t="str">
            <v>施設課</v>
          </cell>
          <cell r="T233" t="str">
            <v>水口　博</v>
          </cell>
          <cell r="U233">
            <v>2594</v>
          </cell>
          <cell r="V233" t="str">
            <v>課長</v>
          </cell>
          <cell r="W233" t="str">
            <v>なか１日</v>
          </cell>
          <cell r="X233" t="str">
            <v>特命</v>
          </cell>
          <cell r="Y233">
            <v>38937</v>
          </cell>
          <cell r="Z233">
            <v>38938</v>
          </cell>
          <cell r="AA233">
            <v>1330</v>
          </cell>
          <cell r="AB233" t="str">
            <v>交通局３階総務課（契約担当）</v>
          </cell>
          <cell r="AD233" t="str">
            <v>平成18年8月9日(水)　13時30分</v>
          </cell>
          <cell r="AI233">
            <v>1</v>
          </cell>
          <cell r="AJ233" t="str">
            <v>札幌交通機械（株）</v>
          </cell>
          <cell r="AU233" t="str">
            <v>省略可</v>
          </cell>
          <cell r="AW233">
            <v>252000</v>
          </cell>
          <cell r="AX233">
            <v>1</v>
          </cell>
          <cell r="AY233" t="str">
            <v>札幌交通機械（株）</v>
          </cell>
          <cell r="AZ233">
            <v>230000</v>
          </cell>
          <cell r="BA233">
            <v>241500</v>
          </cell>
          <cell r="BB233">
            <v>11500</v>
          </cell>
          <cell r="BC233" t="str">
            <v>請書</v>
          </cell>
          <cell r="BE233">
            <v>38938</v>
          </cell>
          <cell r="BF233" t="str">
            <v>しない</v>
          </cell>
          <cell r="BG233" t="str">
            <v>見積</v>
          </cell>
          <cell r="BH233">
            <v>0.95833333333333337</v>
          </cell>
          <cell r="BK233">
            <v>240000</v>
          </cell>
          <cell r="BL233" t="str">
            <v xml:space="preserve"> </v>
          </cell>
          <cell r="BM233">
            <v>10500</v>
          </cell>
          <cell r="BN233">
            <v>0.95833333333333337</v>
          </cell>
        </row>
        <row r="234">
          <cell r="A234">
            <v>2029</v>
          </cell>
          <cell r="B234" t="str">
            <v>製造請負</v>
          </cell>
          <cell r="C234" t="str">
            <v>工作車更新</v>
          </cell>
          <cell r="D234">
            <v>38932</v>
          </cell>
          <cell r="E234" t="str">
            <v>特命</v>
          </cell>
          <cell r="G234">
            <v>63273000</v>
          </cell>
          <cell r="I234">
            <v>1</v>
          </cell>
          <cell r="J234" t="str">
            <v>式</v>
          </cell>
          <cell r="K234" t="str">
            <v/>
          </cell>
          <cell r="L234">
            <v>63273000</v>
          </cell>
          <cell r="M234" t="str">
            <v>特命</v>
          </cell>
          <cell r="N234" t="str">
            <v>高・建改</v>
          </cell>
          <cell r="P234">
            <v>39172</v>
          </cell>
          <cell r="Q234" t="str">
            <v>壱</v>
          </cell>
          <cell r="R234" t="str">
            <v>無</v>
          </cell>
          <cell r="S234" t="str">
            <v>施設課</v>
          </cell>
          <cell r="T234" t="str">
            <v>丸山　貴弘</v>
          </cell>
          <cell r="U234">
            <v>2592</v>
          </cell>
          <cell r="V234" t="str">
            <v>管理者</v>
          </cell>
          <cell r="W234" t="str">
            <v>なか１０日</v>
          </cell>
          <cell r="X234" t="str">
            <v>特命</v>
          </cell>
          <cell r="Y234">
            <v>38943</v>
          </cell>
          <cell r="Z234">
            <v>38951</v>
          </cell>
          <cell r="AA234">
            <v>1400</v>
          </cell>
          <cell r="AB234" t="str">
            <v>交通局３階総務課（契約担当）</v>
          </cell>
          <cell r="AD234" t="str">
            <v>平成18年8月22日(火)　14時00分</v>
          </cell>
          <cell r="AI234">
            <v>1</v>
          </cell>
          <cell r="AJ234" t="str">
            <v>札幌交通機械（株）</v>
          </cell>
          <cell r="AU234" t="str">
            <v>要</v>
          </cell>
          <cell r="AV234">
            <v>59650000</v>
          </cell>
          <cell r="AW234">
            <v>62632500</v>
          </cell>
          <cell r="AX234">
            <v>1.0122801194822451E-2</v>
          </cell>
          <cell r="AY234" t="str">
            <v>札幌交通機械（株）</v>
          </cell>
          <cell r="AZ234">
            <v>59520000</v>
          </cell>
          <cell r="BA234">
            <v>62496000</v>
          </cell>
          <cell r="BB234">
            <v>2976000</v>
          </cell>
          <cell r="BC234" t="str">
            <v>契約書</v>
          </cell>
          <cell r="BE234">
            <v>38953</v>
          </cell>
          <cell r="BF234" t="str">
            <v>する</v>
          </cell>
          <cell r="BG234" t="str">
            <v>見積</v>
          </cell>
          <cell r="BH234">
            <v>0.99782062028499585</v>
          </cell>
          <cell r="BK234">
            <v>60260000</v>
          </cell>
          <cell r="BL234" t="str">
            <v xml:space="preserve"> </v>
          </cell>
          <cell r="BM234">
            <v>777000</v>
          </cell>
          <cell r="BN234">
            <v>0.98771988051775639</v>
          </cell>
        </row>
        <row r="235">
          <cell r="A235">
            <v>7069</v>
          </cell>
          <cell r="B235" t="str">
            <v>業務委託</v>
          </cell>
          <cell r="C235" t="str">
            <v>運転関係標識等の点検・補修</v>
          </cell>
          <cell r="D235">
            <v>38932</v>
          </cell>
          <cell r="G235">
            <v>857472</v>
          </cell>
          <cell r="I235">
            <v>1</v>
          </cell>
          <cell r="J235" t="str">
            <v>式</v>
          </cell>
          <cell r="K235" t="str">
            <v/>
          </cell>
          <cell r="L235">
            <v>857472</v>
          </cell>
          <cell r="M235" t="str">
            <v>見積</v>
          </cell>
          <cell r="N235" t="str">
            <v>高・営</v>
          </cell>
          <cell r="O235">
            <v>38957</v>
          </cell>
          <cell r="P235">
            <v>38990</v>
          </cell>
          <cell r="Q235" t="str">
            <v>壱</v>
          </cell>
          <cell r="R235" t="str">
            <v>無</v>
          </cell>
          <cell r="S235" t="str">
            <v>運行管理課</v>
          </cell>
          <cell r="T235" t="str">
            <v>中谷　秀孝</v>
          </cell>
          <cell r="U235">
            <v>3763</v>
          </cell>
          <cell r="V235" t="str">
            <v>部長</v>
          </cell>
          <cell r="W235" t="str">
            <v>なか１日</v>
          </cell>
          <cell r="X235" t="str">
            <v>見積</v>
          </cell>
          <cell r="Y235">
            <v>38938</v>
          </cell>
          <cell r="Z235">
            <v>38954</v>
          </cell>
          <cell r="AA235">
            <v>1100</v>
          </cell>
          <cell r="AB235" t="str">
            <v>交通局５階入札室</v>
          </cell>
          <cell r="AD235" t="str">
            <v>平成18年8月25日(金)　11時00分</v>
          </cell>
          <cell r="AI235">
            <v>3</v>
          </cell>
          <cell r="AJ235" t="str">
            <v>七欧産業（株）</v>
          </cell>
          <cell r="AK235" t="str">
            <v>㈱半田美装</v>
          </cell>
          <cell r="AL235" t="str">
            <v>ホクビサービス（株）</v>
          </cell>
          <cell r="AU235" t="str">
            <v>省略可</v>
          </cell>
          <cell r="AW235">
            <v>857472</v>
          </cell>
          <cell r="AX235">
            <v>1</v>
          </cell>
          <cell r="AY235" t="str">
            <v>七欧産業（株）</v>
          </cell>
          <cell r="AZ235">
            <v>795000</v>
          </cell>
          <cell r="BA235">
            <v>834750</v>
          </cell>
          <cell r="BB235">
            <v>39750</v>
          </cell>
          <cell r="BC235" t="str">
            <v>契約書</v>
          </cell>
          <cell r="BE235">
            <v>38957</v>
          </cell>
          <cell r="BF235" t="str">
            <v>しない</v>
          </cell>
          <cell r="BG235" t="str">
            <v>見積</v>
          </cell>
          <cell r="BH235">
            <v>0.97350117554858939</v>
          </cell>
          <cell r="BK235">
            <v>816640</v>
          </cell>
          <cell r="BL235" t="str">
            <v xml:space="preserve"> </v>
          </cell>
          <cell r="BM235">
            <v>22722</v>
          </cell>
          <cell r="BN235">
            <v>0.97350117554858939</v>
          </cell>
        </row>
        <row r="236">
          <cell r="A236">
            <v>2030</v>
          </cell>
          <cell r="B236" t="str">
            <v>製造請負</v>
          </cell>
          <cell r="C236" t="str">
            <v>新山鼻変電所監視制御装置</v>
          </cell>
          <cell r="D236">
            <v>38937</v>
          </cell>
          <cell r="E236" t="str">
            <v>特命</v>
          </cell>
          <cell r="G236">
            <v>40120500</v>
          </cell>
          <cell r="I236">
            <v>1</v>
          </cell>
          <cell r="J236" t="str">
            <v>式</v>
          </cell>
          <cell r="K236" t="str">
            <v/>
          </cell>
          <cell r="L236">
            <v>40120500</v>
          </cell>
          <cell r="M236" t="str">
            <v>特命</v>
          </cell>
          <cell r="N236" t="str">
            <v>軌・建改</v>
          </cell>
          <cell r="P236">
            <v>39171</v>
          </cell>
          <cell r="Q236" t="str">
            <v>壱</v>
          </cell>
          <cell r="R236" t="str">
            <v>無</v>
          </cell>
          <cell r="S236" t="str">
            <v>電車事業所</v>
          </cell>
          <cell r="T236" t="str">
            <v>高橋　伊勢男</v>
          </cell>
          <cell r="U236">
            <v>2933</v>
          </cell>
          <cell r="V236" t="str">
            <v>管理者</v>
          </cell>
          <cell r="W236" t="str">
            <v>なか５日</v>
          </cell>
          <cell r="X236" t="str">
            <v>特命</v>
          </cell>
          <cell r="Y236">
            <v>38945</v>
          </cell>
          <cell r="Z236">
            <v>38953</v>
          </cell>
          <cell r="AA236">
            <v>1400</v>
          </cell>
          <cell r="AB236" t="str">
            <v>交通局３階総務課（契約担当）</v>
          </cell>
          <cell r="AD236" t="str">
            <v>平成18年8月24日(木)　14時00分</v>
          </cell>
          <cell r="AI236">
            <v>1</v>
          </cell>
          <cell r="AJ236" t="str">
            <v>三菱電機（株）北海道支社</v>
          </cell>
          <cell r="AU236" t="str">
            <v>要</v>
          </cell>
          <cell r="AV236">
            <v>37820000</v>
          </cell>
          <cell r="AW236">
            <v>39711000</v>
          </cell>
          <cell r="AX236">
            <v>1.0206752159120702E-2</v>
          </cell>
          <cell r="AY236" t="str">
            <v>三菱電機（株）北海道支社</v>
          </cell>
          <cell r="AZ236">
            <v>37500000</v>
          </cell>
          <cell r="BA236">
            <v>39375000</v>
          </cell>
          <cell r="BB236">
            <v>1875000</v>
          </cell>
          <cell r="BC236" t="str">
            <v>契約書</v>
          </cell>
          <cell r="BE236">
            <v>38954</v>
          </cell>
          <cell r="BF236" t="str">
            <v>する</v>
          </cell>
          <cell r="BG236" t="str">
            <v>見積</v>
          </cell>
          <cell r="BH236">
            <v>0.99153886832363824</v>
          </cell>
          <cell r="BK236">
            <v>38210000</v>
          </cell>
          <cell r="BL236" t="str">
            <v xml:space="preserve"> </v>
          </cell>
          <cell r="BM236">
            <v>745500</v>
          </cell>
          <cell r="BN236">
            <v>0.9814184768385239</v>
          </cell>
        </row>
        <row r="237">
          <cell r="A237">
            <v>1137</v>
          </cell>
          <cell r="B237" t="str">
            <v>物品購入</v>
          </cell>
          <cell r="C237" t="str">
            <v>定期券発行装置等保守部品</v>
          </cell>
          <cell r="D237">
            <v>38937</v>
          </cell>
          <cell r="E237" t="str">
            <v>特命</v>
          </cell>
          <cell r="G237">
            <v>4187400</v>
          </cell>
          <cell r="I237">
            <v>1</v>
          </cell>
          <cell r="J237" t="str">
            <v>式</v>
          </cell>
          <cell r="K237" t="str">
            <v/>
          </cell>
          <cell r="L237">
            <v>4187400</v>
          </cell>
          <cell r="M237" t="str">
            <v>特命</v>
          </cell>
          <cell r="N237" t="str">
            <v>高・営</v>
          </cell>
          <cell r="P237">
            <v>39051</v>
          </cell>
          <cell r="Q237" t="str">
            <v>壱</v>
          </cell>
          <cell r="R237" t="str">
            <v>無</v>
          </cell>
          <cell r="S237" t="str">
            <v>電気課</v>
          </cell>
          <cell r="T237" t="str">
            <v>中田　貴也</v>
          </cell>
          <cell r="U237">
            <v>2664</v>
          </cell>
          <cell r="V237" t="str">
            <v>部長</v>
          </cell>
          <cell r="W237" t="str">
            <v>なか１日</v>
          </cell>
          <cell r="X237" t="str">
            <v>特命</v>
          </cell>
          <cell r="Y237">
            <v>38943</v>
          </cell>
          <cell r="Z237">
            <v>38951</v>
          </cell>
          <cell r="AA237">
            <v>1430</v>
          </cell>
          <cell r="AB237" t="str">
            <v>交通局３階総務課（契約担当）</v>
          </cell>
          <cell r="AD237" t="str">
            <v>平成18年8月22日(火)　14時30分</v>
          </cell>
          <cell r="AI237">
            <v>1</v>
          </cell>
          <cell r="AJ237" t="str">
            <v>（株）東芝北海道支社</v>
          </cell>
          <cell r="AU237" t="str">
            <v>要</v>
          </cell>
          <cell r="AV237">
            <v>3948000</v>
          </cell>
          <cell r="AW237">
            <v>4145400</v>
          </cell>
          <cell r="AX237">
            <v>1.0030090270812475E-2</v>
          </cell>
          <cell r="AY237" t="str">
            <v>（株）東芝北海道支社</v>
          </cell>
          <cell r="AZ237">
            <v>3860000</v>
          </cell>
          <cell r="BA237">
            <v>4053000</v>
          </cell>
          <cell r="BB237">
            <v>193000</v>
          </cell>
          <cell r="BC237" t="str">
            <v>契約書</v>
          </cell>
          <cell r="BE237">
            <v>38952</v>
          </cell>
          <cell r="BF237" t="str">
            <v>しない</v>
          </cell>
          <cell r="BG237" t="str">
            <v>見積</v>
          </cell>
          <cell r="BH237">
            <v>0.97771023302938198</v>
          </cell>
          <cell r="BK237">
            <v>3988000</v>
          </cell>
          <cell r="BL237" t="str">
            <v xml:space="preserve"> </v>
          </cell>
          <cell r="BM237">
            <v>134400</v>
          </cell>
          <cell r="BN237">
            <v>0.96790371113340024</v>
          </cell>
        </row>
        <row r="238">
          <cell r="A238">
            <v>1138</v>
          </cell>
          <cell r="B238" t="str">
            <v>物品購入</v>
          </cell>
          <cell r="C238" t="str">
            <v>７０００形車両（台車関係）Ｏリング各種</v>
          </cell>
          <cell r="D238">
            <v>38937</v>
          </cell>
          <cell r="G238">
            <v>524002</v>
          </cell>
          <cell r="I238">
            <v>1</v>
          </cell>
          <cell r="J238" t="str">
            <v>式</v>
          </cell>
          <cell r="K238" t="str">
            <v/>
          </cell>
          <cell r="L238">
            <v>524002</v>
          </cell>
          <cell r="M238" t="str">
            <v>公開</v>
          </cell>
          <cell r="N238" t="str">
            <v>高・営</v>
          </cell>
          <cell r="P238">
            <v>38989</v>
          </cell>
          <cell r="Q238" t="str">
            <v>壱</v>
          </cell>
          <cell r="R238" t="str">
            <v>無</v>
          </cell>
          <cell r="S238" t="str">
            <v>車両課(二十四軒)</v>
          </cell>
          <cell r="T238" t="str">
            <v>及川　博</v>
          </cell>
          <cell r="U238">
            <v>8210</v>
          </cell>
          <cell r="V238" t="str">
            <v>課長</v>
          </cell>
          <cell r="W238" t="str">
            <v>なか１日</v>
          </cell>
          <cell r="X238" t="str">
            <v>公開</v>
          </cell>
          <cell r="Y238">
            <v>38953</v>
          </cell>
          <cell r="Z238">
            <v>38953</v>
          </cell>
          <cell r="AB238" t="str">
            <v>交通局３階総務課（契約担当）</v>
          </cell>
          <cell r="AD238" t="e">
            <v>#VALUE!</v>
          </cell>
          <cell r="AI238">
            <v>3</v>
          </cell>
          <cell r="AJ238" t="str">
            <v>向野商事（株）</v>
          </cell>
          <cell r="AK238" t="str">
            <v>福田実業（株）</v>
          </cell>
          <cell r="AU238" t="str">
            <v>省略可</v>
          </cell>
          <cell r="AW238">
            <v>524002</v>
          </cell>
          <cell r="AX238">
            <v>1</v>
          </cell>
          <cell r="AY238" t="str">
            <v>福田実業（株）</v>
          </cell>
          <cell r="AZ238">
            <v>499050</v>
          </cell>
          <cell r="BA238">
            <v>524002</v>
          </cell>
          <cell r="BB238">
            <v>24952</v>
          </cell>
          <cell r="BC238" t="str">
            <v>請書</v>
          </cell>
          <cell r="BE238">
            <v>38957</v>
          </cell>
          <cell r="BF238" t="str">
            <v>しない</v>
          </cell>
          <cell r="BG238" t="str">
            <v>見積(公開)</v>
          </cell>
          <cell r="BH238">
            <v>1</v>
          </cell>
          <cell r="BK238">
            <v>499049.52380952379</v>
          </cell>
          <cell r="BL238" t="str">
            <v xml:space="preserve"> </v>
          </cell>
          <cell r="BM238">
            <v>0</v>
          </cell>
          <cell r="BN238">
            <v>1</v>
          </cell>
        </row>
        <row r="239">
          <cell r="A239">
            <v>7070</v>
          </cell>
          <cell r="B239" t="str">
            <v>業務委託</v>
          </cell>
          <cell r="C239" t="str">
            <v>南北線さっぽろ駅地下歩行空間事業損失防止調査</v>
          </cell>
          <cell r="D239">
            <v>38939</v>
          </cell>
          <cell r="E239" t="str">
            <v>特命</v>
          </cell>
          <cell r="G239">
            <v>3816750</v>
          </cell>
          <cell r="I239">
            <v>1</v>
          </cell>
          <cell r="J239" t="str">
            <v>式</v>
          </cell>
          <cell r="K239" t="str">
            <v/>
          </cell>
          <cell r="L239">
            <v>3816750</v>
          </cell>
          <cell r="M239" t="str">
            <v>特命</v>
          </cell>
          <cell r="N239" t="str">
            <v>高・受</v>
          </cell>
          <cell r="O239">
            <v>38958</v>
          </cell>
          <cell r="P239">
            <v>39141</v>
          </cell>
          <cell r="Q239" t="str">
            <v>壱</v>
          </cell>
          <cell r="R239" t="str">
            <v>無</v>
          </cell>
          <cell r="S239" t="str">
            <v>施設課</v>
          </cell>
          <cell r="T239" t="str">
            <v>飯澤　信裕</v>
          </cell>
          <cell r="U239">
            <v>2573</v>
          </cell>
          <cell r="V239" t="str">
            <v>管理者</v>
          </cell>
          <cell r="W239" t="str">
            <v>なか１日</v>
          </cell>
          <cell r="X239" t="str">
            <v>特命</v>
          </cell>
          <cell r="Y239">
            <v>38946</v>
          </cell>
          <cell r="Z239">
            <v>38957</v>
          </cell>
          <cell r="AA239">
            <v>1400</v>
          </cell>
          <cell r="AB239" t="str">
            <v>交通局３階総務課（契約担当）</v>
          </cell>
          <cell r="AD239" t="str">
            <v>平成18年8月28日(月)　14時00分</v>
          </cell>
          <cell r="AI239">
            <v>1</v>
          </cell>
          <cell r="AJ239" t="str">
            <v>日本データーサービス（株）</v>
          </cell>
          <cell r="AU239" t="str">
            <v>要</v>
          </cell>
          <cell r="AV239">
            <v>3598000</v>
          </cell>
          <cell r="AW239">
            <v>3777900</v>
          </cell>
          <cell r="AX239">
            <v>1.0178817056396117E-2</v>
          </cell>
          <cell r="AY239" t="str">
            <v>日本データーサービス（株）</v>
          </cell>
          <cell r="AZ239">
            <v>3550000</v>
          </cell>
          <cell r="BA239">
            <v>3727500</v>
          </cell>
          <cell r="BB239">
            <v>177500</v>
          </cell>
          <cell r="BC239" t="str">
            <v>契約書</v>
          </cell>
          <cell r="BE239">
            <v>38957</v>
          </cell>
          <cell r="BF239" t="str">
            <v>しない</v>
          </cell>
          <cell r="BG239" t="str">
            <v>見積</v>
          </cell>
          <cell r="BH239">
            <v>0.98665925514174546</v>
          </cell>
          <cell r="BK239">
            <v>3635000</v>
          </cell>
          <cell r="BL239" t="str">
            <v xml:space="preserve"> </v>
          </cell>
          <cell r="BM239">
            <v>89250</v>
          </cell>
          <cell r="BN239">
            <v>0.97661623108665752</v>
          </cell>
        </row>
        <row r="240">
          <cell r="A240">
            <v>7071</v>
          </cell>
          <cell r="B240" t="str">
            <v>業務委託</v>
          </cell>
          <cell r="C240" t="str">
            <v>電器時計ユニット修理</v>
          </cell>
          <cell r="D240">
            <v>38940</v>
          </cell>
          <cell r="E240" t="str">
            <v>特命</v>
          </cell>
          <cell r="G240">
            <v>877800</v>
          </cell>
          <cell r="I240">
            <v>1</v>
          </cell>
          <cell r="J240" t="str">
            <v>式</v>
          </cell>
          <cell r="K240" t="str">
            <v/>
          </cell>
          <cell r="L240">
            <v>877800</v>
          </cell>
          <cell r="M240" t="str">
            <v>特命</v>
          </cell>
          <cell r="N240" t="str">
            <v>高・営</v>
          </cell>
          <cell r="O240">
            <v>38959</v>
          </cell>
          <cell r="P240">
            <v>39051</v>
          </cell>
          <cell r="Q240" t="str">
            <v>壱</v>
          </cell>
          <cell r="R240" t="str">
            <v>無</v>
          </cell>
          <cell r="S240" t="str">
            <v>電気課</v>
          </cell>
          <cell r="T240" t="str">
            <v>平尾　敏文</v>
          </cell>
          <cell r="U240">
            <v>2644</v>
          </cell>
          <cell r="V240" t="str">
            <v>部長</v>
          </cell>
          <cell r="W240" t="str">
            <v>なか１日</v>
          </cell>
          <cell r="X240" t="str">
            <v>特命</v>
          </cell>
          <cell r="Y240">
            <v>38946</v>
          </cell>
          <cell r="Z240">
            <v>38954</v>
          </cell>
          <cell r="AA240">
            <v>1400</v>
          </cell>
          <cell r="AB240" t="str">
            <v>交通局３階総務課（契約担当）</v>
          </cell>
          <cell r="AD240" t="str">
            <v>平成18年8月25日(金)　14時00分</v>
          </cell>
          <cell r="AI240">
            <v>1</v>
          </cell>
          <cell r="AJ240" t="str">
            <v>パナソニックＳＳエンジニアリング（株）北海道ＰＳＳＥ社</v>
          </cell>
          <cell r="AU240" t="str">
            <v>省略可</v>
          </cell>
          <cell r="AW240">
            <v>877800</v>
          </cell>
          <cell r="AX240">
            <v>1</v>
          </cell>
          <cell r="AY240" t="str">
            <v>パナソニックＳＳエンジニアリング（株）北海道ＰＳＳＥ社</v>
          </cell>
          <cell r="AZ240">
            <v>832000</v>
          </cell>
          <cell r="BA240">
            <v>873600</v>
          </cell>
          <cell r="BB240">
            <v>41600</v>
          </cell>
          <cell r="BC240" t="str">
            <v>契約書</v>
          </cell>
          <cell r="BE240">
            <v>38957</v>
          </cell>
          <cell r="BF240" t="str">
            <v>しない</v>
          </cell>
          <cell r="BG240" t="str">
            <v>見積</v>
          </cell>
          <cell r="BH240">
            <v>0.99521531100478466</v>
          </cell>
          <cell r="BK240">
            <v>836000</v>
          </cell>
          <cell r="BL240" t="str">
            <v xml:space="preserve"> </v>
          </cell>
          <cell r="BM240">
            <v>4200</v>
          </cell>
          <cell r="BN240">
            <v>0.99521531100478466</v>
          </cell>
        </row>
        <row r="241">
          <cell r="A241">
            <v>2031</v>
          </cell>
          <cell r="B241" t="str">
            <v>製造請負</v>
          </cell>
          <cell r="C241" t="str">
            <v>広告デザインカード【ジョブカフェ北海道】</v>
          </cell>
          <cell r="D241">
            <v>38940</v>
          </cell>
          <cell r="E241" t="str">
            <v>特命</v>
          </cell>
          <cell r="G241">
            <v>924000</v>
          </cell>
          <cell r="I241">
            <v>100000</v>
          </cell>
          <cell r="J241" t="str">
            <v>枚</v>
          </cell>
          <cell r="K241" t="str">
            <v/>
          </cell>
          <cell r="L241">
            <v>924000</v>
          </cell>
          <cell r="M241" t="str">
            <v>特命</v>
          </cell>
          <cell r="N241" t="str">
            <v>高・営</v>
          </cell>
          <cell r="P241">
            <v>38975</v>
          </cell>
          <cell r="Q241" t="str">
            <v>壱</v>
          </cell>
          <cell r="R241" t="str">
            <v>無</v>
          </cell>
          <cell r="S241" t="str">
            <v>経営企画課</v>
          </cell>
          <cell r="T241" t="str">
            <v>今野　吉隆</v>
          </cell>
          <cell r="U241">
            <v>2123</v>
          </cell>
          <cell r="V241" t="str">
            <v>課長</v>
          </cell>
          <cell r="W241" t="str">
            <v>なか１日</v>
          </cell>
          <cell r="X241" t="str">
            <v>特命</v>
          </cell>
          <cell r="Y241">
            <v>38945</v>
          </cell>
          <cell r="Z241">
            <v>38953</v>
          </cell>
          <cell r="AA241">
            <v>1430</v>
          </cell>
          <cell r="AB241" t="str">
            <v>交通局３階総務課（契約担当）</v>
          </cell>
          <cell r="AD241" t="str">
            <v>平成18年8月24日(木)　14時30分</v>
          </cell>
          <cell r="AI241">
            <v>1</v>
          </cell>
          <cell r="AJ241" t="str">
            <v>ＮＥＣトーキン（株）営業本部仙台支店</v>
          </cell>
          <cell r="AU241" t="str">
            <v>省略可</v>
          </cell>
          <cell r="AW241">
            <v>924000</v>
          </cell>
          <cell r="AX241">
            <v>1</v>
          </cell>
          <cell r="AY241" t="str">
            <v>ＮＥＣトーキン（株）営業本部仙台支店</v>
          </cell>
          <cell r="AZ241">
            <v>880000</v>
          </cell>
          <cell r="BA241">
            <v>924000</v>
          </cell>
          <cell r="BB241">
            <v>44000</v>
          </cell>
          <cell r="BC241" t="str">
            <v>請書</v>
          </cell>
          <cell r="BE241">
            <v>38957</v>
          </cell>
          <cell r="BF241" t="str">
            <v>しない</v>
          </cell>
          <cell r="BG241" t="str">
            <v>見積</v>
          </cell>
          <cell r="BH241">
            <v>1</v>
          </cell>
          <cell r="BK241">
            <v>880000</v>
          </cell>
          <cell r="BL241">
            <v>9.24</v>
          </cell>
          <cell r="BM241">
            <v>0</v>
          </cell>
          <cell r="BN241">
            <v>1</v>
          </cell>
        </row>
        <row r="242">
          <cell r="A242">
            <v>2032</v>
          </cell>
          <cell r="B242" t="str">
            <v>製造請負</v>
          </cell>
          <cell r="C242" t="str">
            <v>どサンこパス</v>
          </cell>
          <cell r="D242">
            <v>38945</v>
          </cell>
          <cell r="G242">
            <v>252000</v>
          </cell>
          <cell r="I242">
            <v>60000</v>
          </cell>
          <cell r="J242" t="str">
            <v>枚</v>
          </cell>
          <cell r="K242" t="str">
            <v/>
          </cell>
          <cell r="L242">
            <v>252000</v>
          </cell>
          <cell r="M242" t="str">
            <v>公開</v>
          </cell>
          <cell r="N242" t="str">
            <v>軌・営</v>
          </cell>
          <cell r="P242">
            <v>38974</v>
          </cell>
          <cell r="Q242" t="str">
            <v>壱</v>
          </cell>
          <cell r="R242" t="str">
            <v>無</v>
          </cell>
          <cell r="S242" t="str">
            <v>経営企画課</v>
          </cell>
          <cell r="T242" t="str">
            <v>安藤　友明</v>
          </cell>
          <cell r="U242">
            <v>2115</v>
          </cell>
          <cell r="V242" t="str">
            <v>課長</v>
          </cell>
          <cell r="W242" t="str">
            <v>なか１日</v>
          </cell>
          <cell r="X242" t="str">
            <v>公開</v>
          </cell>
          <cell r="Y242">
            <v>38953</v>
          </cell>
          <cell r="Z242">
            <v>38953</v>
          </cell>
          <cell r="AB242" t="str">
            <v>交通局３階総務課（契約担当）</v>
          </cell>
          <cell r="AD242" t="e">
            <v>#VALUE!</v>
          </cell>
          <cell r="AI242">
            <v>3</v>
          </cell>
          <cell r="AJ242" t="str">
            <v>（株）アド・ビューロー岩泉</v>
          </cell>
          <cell r="AK242" t="str">
            <v>総合商研（株）</v>
          </cell>
          <cell r="AL242" t="str">
            <v>日東印刷（株）</v>
          </cell>
          <cell r="AM242" t="str">
            <v>（株）富士コンテム</v>
          </cell>
          <cell r="AU242" t="str">
            <v>省略可</v>
          </cell>
          <cell r="AW242">
            <v>252000</v>
          </cell>
          <cell r="AX242">
            <v>1</v>
          </cell>
          <cell r="AY242" t="str">
            <v>日東印刷（株）</v>
          </cell>
          <cell r="AZ242">
            <v>99000</v>
          </cell>
          <cell r="BA242">
            <v>103950</v>
          </cell>
          <cell r="BB242">
            <v>4950</v>
          </cell>
          <cell r="BC242" t="str">
            <v>発注書</v>
          </cell>
          <cell r="BE242">
            <v>38954</v>
          </cell>
          <cell r="BF242" t="str">
            <v>しない</v>
          </cell>
          <cell r="BG242" t="str">
            <v>見積(公開)</v>
          </cell>
          <cell r="BH242">
            <v>0.41249999999999998</v>
          </cell>
          <cell r="BK242">
            <v>240000</v>
          </cell>
          <cell r="BL242">
            <v>4.2</v>
          </cell>
          <cell r="BM242">
            <v>148050</v>
          </cell>
          <cell r="BN242">
            <v>0.41249999999999998</v>
          </cell>
        </row>
        <row r="243">
          <cell r="A243">
            <v>2033</v>
          </cell>
          <cell r="B243" t="str">
            <v>製造請負</v>
          </cell>
          <cell r="C243" t="str">
            <v>空制弁自動試験装置更新</v>
          </cell>
          <cell r="D243">
            <v>38946</v>
          </cell>
          <cell r="E243" t="str">
            <v>特命</v>
          </cell>
          <cell r="G243">
            <v>17692500</v>
          </cell>
          <cell r="I243">
            <v>1</v>
          </cell>
          <cell r="J243" t="str">
            <v>式</v>
          </cell>
          <cell r="K243" t="str">
            <v/>
          </cell>
          <cell r="L243">
            <v>17692500</v>
          </cell>
          <cell r="M243" t="str">
            <v>特命</v>
          </cell>
          <cell r="N243" t="str">
            <v>高・建改</v>
          </cell>
          <cell r="P243">
            <v>39164</v>
          </cell>
          <cell r="Q243" t="str">
            <v>壱</v>
          </cell>
          <cell r="R243" t="str">
            <v>無</v>
          </cell>
          <cell r="S243" t="str">
            <v>経営企画課</v>
          </cell>
          <cell r="T243" t="str">
            <v>新藤　弘顕</v>
          </cell>
          <cell r="U243">
            <v>8405</v>
          </cell>
          <cell r="V243" t="str">
            <v>管理者</v>
          </cell>
          <cell r="W243" t="str">
            <v>なか５日</v>
          </cell>
          <cell r="X243" t="str">
            <v>特命</v>
          </cell>
          <cell r="Y243">
            <v>38954</v>
          </cell>
          <cell r="Z243">
            <v>38958</v>
          </cell>
          <cell r="AA243">
            <v>1400</v>
          </cell>
          <cell r="AB243" t="str">
            <v>交通局３階総務課（契約担当）</v>
          </cell>
          <cell r="AD243" t="str">
            <v>平成18年8月29日(火)　14時00分</v>
          </cell>
          <cell r="AI243">
            <v>1</v>
          </cell>
          <cell r="AJ243" t="str">
            <v>ナブテスコ（株）鉄道カンパニー札幌営業所</v>
          </cell>
          <cell r="AU243" t="str">
            <v>要</v>
          </cell>
          <cell r="AV243">
            <v>16800000</v>
          </cell>
          <cell r="AW243">
            <v>17640000</v>
          </cell>
          <cell r="AX243">
            <v>2.9673590504450953E-3</v>
          </cell>
          <cell r="AY243" t="str">
            <v>ナブテスコ（株）鉄道カンパニー札幌営業所</v>
          </cell>
          <cell r="AZ243">
            <v>16800000</v>
          </cell>
          <cell r="BA243">
            <v>17640000</v>
          </cell>
          <cell r="BB243">
            <v>840000</v>
          </cell>
          <cell r="BC243" t="str">
            <v>契約書</v>
          </cell>
          <cell r="BE243">
            <v>38959</v>
          </cell>
          <cell r="BF243" t="str">
            <v>する</v>
          </cell>
          <cell r="BG243" t="str">
            <v>見積</v>
          </cell>
          <cell r="BH243">
            <v>1</v>
          </cell>
          <cell r="BK243">
            <v>16850000</v>
          </cell>
          <cell r="BL243" t="str">
            <v xml:space="preserve"> </v>
          </cell>
          <cell r="BM243">
            <v>52500</v>
          </cell>
          <cell r="BN243">
            <v>0.9970326409495549</v>
          </cell>
        </row>
        <row r="244">
          <cell r="A244">
            <v>7072</v>
          </cell>
          <cell r="B244" t="str">
            <v>業務委託</v>
          </cell>
          <cell r="C244" t="str">
            <v>電力管理システム（琴似変電所）改修</v>
          </cell>
          <cell r="D244">
            <v>38950</v>
          </cell>
          <cell r="E244" t="str">
            <v>特命</v>
          </cell>
          <cell r="G244">
            <v>1550850</v>
          </cell>
          <cell r="I244">
            <v>1</v>
          </cell>
          <cell r="J244" t="str">
            <v>式</v>
          </cell>
          <cell r="K244" t="str">
            <v/>
          </cell>
          <cell r="L244">
            <v>1550850</v>
          </cell>
          <cell r="M244" t="str">
            <v>特命</v>
          </cell>
          <cell r="N244" t="str">
            <v>高・営</v>
          </cell>
          <cell r="O244">
            <v>38961</v>
          </cell>
          <cell r="P244">
            <v>39099</v>
          </cell>
          <cell r="Q244" t="str">
            <v>壱</v>
          </cell>
          <cell r="R244" t="str">
            <v>無</v>
          </cell>
          <cell r="S244" t="str">
            <v>電気課</v>
          </cell>
          <cell r="T244" t="str">
            <v>佐々木　泰宏</v>
          </cell>
          <cell r="U244">
            <v>2624</v>
          </cell>
          <cell r="V244" t="str">
            <v>部長</v>
          </cell>
          <cell r="W244" t="str">
            <v>なか１日</v>
          </cell>
          <cell r="X244" t="str">
            <v>特命</v>
          </cell>
          <cell r="Y244">
            <v>38954</v>
          </cell>
          <cell r="Z244">
            <v>38957</v>
          </cell>
          <cell r="AA244">
            <v>1430</v>
          </cell>
          <cell r="AB244" t="str">
            <v>交通局３階総務課（契約担当）</v>
          </cell>
          <cell r="AD244" t="str">
            <v>平成18年8月28日(月)　14時30分</v>
          </cell>
          <cell r="AI244">
            <v>1</v>
          </cell>
          <cell r="AJ244" t="str">
            <v>（株）日立製作所北海道支社</v>
          </cell>
          <cell r="AU244" t="str">
            <v>要</v>
          </cell>
          <cell r="AV244">
            <v>1470000</v>
          </cell>
          <cell r="AW244">
            <v>1543500</v>
          </cell>
          <cell r="AX244">
            <v>4.7393364928910442E-3</v>
          </cell>
          <cell r="AY244" t="str">
            <v>（株）日立製作所北海道支社</v>
          </cell>
          <cell r="AZ244">
            <v>1470000</v>
          </cell>
          <cell r="BA244">
            <v>1543500</v>
          </cell>
          <cell r="BB244">
            <v>73500</v>
          </cell>
          <cell r="BC244" t="str">
            <v>契約書</v>
          </cell>
          <cell r="BE244">
            <v>38959</v>
          </cell>
          <cell r="BF244" t="str">
            <v>しない</v>
          </cell>
          <cell r="BG244" t="str">
            <v>見積</v>
          </cell>
          <cell r="BH244">
            <v>1</v>
          </cell>
          <cell r="BK244">
            <v>1477000</v>
          </cell>
          <cell r="BL244" t="str">
            <v xml:space="preserve"> </v>
          </cell>
          <cell r="BM244">
            <v>7350</v>
          </cell>
          <cell r="BN244">
            <v>0.99526066350710896</v>
          </cell>
        </row>
        <row r="245">
          <cell r="A245">
            <v>7073</v>
          </cell>
          <cell r="B245" t="str">
            <v>業務委託</v>
          </cell>
          <cell r="C245" t="str">
            <v>南北戦駅受変電設備切替管理業務（北１８条駅・北２４条駅）</v>
          </cell>
          <cell r="D245">
            <v>38950</v>
          </cell>
          <cell r="E245" t="str">
            <v>特命</v>
          </cell>
          <cell r="G245">
            <v>1691471</v>
          </cell>
          <cell r="I245">
            <v>1</v>
          </cell>
          <cell r="J245" t="str">
            <v>式</v>
          </cell>
          <cell r="K245" t="str">
            <v/>
          </cell>
          <cell r="L245">
            <v>1691471</v>
          </cell>
          <cell r="M245" t="str">
            <v>特命</v>
          </cell>
          <cell r="N245" t="str">
            <v>高・建改</v>
          </cell>
          <cell r="O245">
            <v>38961</v>
          </cell>
          <cell r="P245">
            <v>39172</v>
          </cell>
          <cell r="Q245" t="str">
            <v>壱</v>
          </cell>
          <cell r="R245" t="str">
            <v>無</v>
          </cell>
          <cell r="S245" t="str">
            <v>電気課</v>
          </cell>
          <cell r="T245" t="str">
            <v>柴田　祐一</v>
          </cell>
          <cell r="U245">
            <v>2633</v>
          </cell>
          <cell r="V245" t="str">
            <v>部長</v>
          </cell>
          <cell r="W245" t="str">
            <v>なか１日</v>
          </cell>
          <cell r="X245" t="str">
            <v>特命</v>
          </cell>
          <cell r="Y245">
            <v>38954</v>
          </cell>
          <cell r="Z245">
            <v>38957</v>
          </cell>
          <cell r="AA245">
            <v>1500</v>
          </cell>
          <cell r="AB245" t="str">
            <v>交通局３階総務課（契約担当）</v>
          </cell>
          <cell r="AD245" t="str">
            <v>平成18年8月28日(月)　15時00分</v>
          </cell>
          <cell r="AI245">
            <v>1</v>
          </cell>
          <cell r="AJ245" t="str">
            <v>（株）北海道ジーエス・ユアササービス</v>
          </cell>
          <cell r="AU245" t="str">
            <v>要</v>
          </cell>
          <cell r="AV245">
            <v>1600000</v>
          </cell>
          <cell r="AW245">
            <v>1680000</v>
          </cell>
          <cell r="AX245">
            <v>6.7816711016623898E-3</v>
          </cell>
          <cell r="AY245" t="str">
            <v>（株）北海道ジーエス・ユアササービス</v>
          </cell>
          <cell r="AZ245">
            <v>1600000</v>
          </cell>
          <cell r="BA245">
            <v>1680000</v>
          </cell>
          <cell r="BB245">
            <v>80000</v>
          </cell>
          <cell r="BC245" t="str">
            <v>契約書</v>
          </cell>
          <cell r="BE245">
            <v>38958</v>
          </cell>
          <cell r="BF245" t="str">
            <v>する</v>
          </cell>
          <cell r="BG245" t="str">
            <v>見積</v>
          </cell>
          <cell r="BH245">
            <v>1</v>
          </cell>
          <cell r="BK245">
            <v>1610924.7619047619</v>
          </cell>
          <cell r="BL245" t="str">
            <v xml:space="preserve"> </v>
          </cell>
          <cell r="BM245">
            <v>11471</v>
          </cell>
          <cell r="BN245">
            <v>0.99321832889833761</v>
          </cell>
        </row>
        <row r="246">
          <cell r="A246">
            <v>1139</v>
          </cell>
          <cell r="B246" t="str">
            <v>物品購入</v>
          </cell>
          <cell r="C246" t="str">
            <v>丸皿ビス他</v>
          </cell>
          <cell r="D246">
            <v>38951</v>
          </cell>
          <cell r="G246">
            <v>175245</v>
          </cell>
          <cell r="I246">
            <v>1</v>
          </cell>
          <cell r="J246" t="str">
            <v>式</v>
          </cell>
          <cell r="K246" t="str">
            <v/>
          </cell>
          <cell r="L246">
            <v>175245</v>
          </cell>
          <cell r="M246" t="str">
            <v>公開</v>
          </cell>
          <cell r="N246" t="str">
            <v>高・営</v>
          </cell>
          <cell r="P246">
            <v>38994</v>
          </cell>
          <cell r="Q246" t="str">
            <v>壱</v>
          </cell>
          <cell r="R246" t="str">
            <v>無</v>
          </cell>
          <cell r="S246" t="str">
            <v>車両課(真駒内)</v>
          </cell>
          <cell r="T246" t="str">
            <v>阿部　光男</v>
          </cell>
          <cell r="U246">
            <v>8317</v>
          </cell>
          <cell r="V246" t="str">
            <v>課長</v>
          </cell>
          <cell r="W246" t="str">
            <v>なか１日</v>
          </cell>
          <cell r="X246" t="str">
            <v>公開</v>
          </cell>
          <cell r="Y246">
            <v>38960</v>
          </cell>
          <cell r="Z246">
            <v>38960</v>
          </cell>
          <cell r="AB246" t="str">
            <v>交通局３階総務課（契約担当）</v>
          </cell>
          <cell r="AD246" t="e">
            <v>#VALUE!</v>
          </cell>
          <cell r="AI246">
            <v>3</v>
          </cell>
          <cell r="AJ246" t="str">
            <v>潮物産（株）札幌支店</v>
          </cell>
          <cell r="AK246" t="str">
            <v>佐藤車輌部品（株）</v>
          </cell>
          <cell r="AL246" t="str">
            <v>三和商行（株）</v>
          </cell>
          <cell r="AM246" t="str">
            <v>（株）大興商事</v>
          </cell>
          <cell r="AN246" t="str">
            <v>福田部品（株）</v>
          </cell>
          <cell r="AO246" t="str">
            <v>マルキン機鋼（株）</v>
          </cell>
          <cell r="AP246" t="str">
            <v>（株）渡商</v>
          </cell>
          <cell r="AU246" t="str">
            <v>省略可</v>
          </cell>
          <cell r="AW246">
            <v>175245</v>
          </cell>
          <cell r="AX246">
            <v>1</v>
          </cell>
          <cell r="AY246" t="str">
            <v>（株）大興商事</v>
          </cell>
          <cell r="AZ246">
            <v>108440</v>
          </cell>
          <cell r="BA246">
            <v>113862</v>
          </cell>
          <cell r="BB246">
            <v>5422</v>
          </cell>
          <cell r="BC246" t="str">
            <v>発注書</v>
          </cell>
          <cell r="BE246">
            <v>38961</v>
          </cell>
          <cell r="BF246" t="str">
            <v>しない</v>
          </cell>
          <cell r="BG246" t="str">
            <v>見積(公開)</v>
          </cell>
          <cell r="BH246">
            <v>0.64973037747153983</v>
          </cell>
          <cell r="BI246" t="str">
            <v>渡商は内訳書と合計金額の誤りにより無効</v>
          </cell>
          <cell r="BK246">
            <v>166900</v>
          </cell>
          <cell r="BL246" t="str">
            <v xml:space="preserve"> </v>
          </cell>
          <cell r="BM246">
            <v>61383</v>
          </cell>
          <cell r="BN246">
            <v>0.64973037747153983</v>
          </cell>
        </row>
        <row r="247">
          <cell r="A247">
            <v>1140</v>
          </cell>
          <cell r="B247" t="str">
            <v>物品購入</v>
          </cell>
          <cell r="C247" t="str">
            <v>車輪</v>
          </cell>
          <cell r="D247">
            <v>38951</v>
          </cell>
          <cell r="E247" t="str">
            <v>特命</v>
          </cell>
          <cell r="G247">
            <v>5292000</v>
          </cell>
          <cell r="I247">
            <v>1</v>
          </cell>
          <cell r="J247" t="str">
            <v>式</v>
          </cell>
          <cell r="K247" t="str">
            <v/>
          </cell>
          <cell r="L247">
            <v>5292000</v>
          </cell>
          <cell r="M247" t="str">
            <v>特命</v>
          </cell>
          <cell r="N247" t="str">
            <v>軌・営</v>
          </cell>
          <cell r="P247">
            <v>39156</v>
          </cell>
          <cell r="Q247" t="str">
            <v>壱</v>
          </cell>
          <cell r="R247" t="str">
            <v>無</v>
          </cell>
          <cell r="S247" t="str">
            <v>電車事業所</v>
          </cell>
          <cell r="T247" t="str">
            <v>萩原　徹</v>
          </cell>
          <cell r="U247">
            <v>2933</v>
          </cell>
          <cell r="V247" t="str">
            <v>部長</v>
          </cell>
          <cell r="W247" t="str">
            <v>なか５日</v>
          </cell>
          <cell r="X247" t="str">
            <v>特命</v>
          </cell>
          <cell r="Y247">
            <v>38958</v>
          </cell>
          <cell r="Z247">
            <v>38959</v>
          </cell>
          <cell r="AA247">
            <v>1400</v>
          </cell>
          <cell r="AB247" t="str">
            <v>交通局３階総務課（契約担当）</v>
          </cell>
          <cell r="AD247" t="str">
            <v>平成18年8月30日(水)　14時00分</v>
          </cell>
          <cell r="AI247">
            <v>1</v>
          </cell>
          <cell r="AJ247" t="str">
            <v>住友商事北海道（株）</v>
          </cell>
          <cell r="AU247" t="str">
            <v>要</v>
          </cell>
          <cell r="AV247">
            <v>5000000</v>
          </cell>
          <cell r="AW247">
            <v>5250000</v>
          </cell>
          <cell r="AX247">
            <v>7.9365079365079083E-3</v>
          </cell>
          <cell r="AY247" t="str">
            <v>住友商事北海道（株）</v>
          </cell>
          <cell r="AZ247">
            <v>5000000</v>
          </cell>
          <cell r="BA247">
            <v>5250000</v>
          </cell>
          <cell r="BB247">
            <v>250000</v>
          </cell>
          <cell r="BC247" t="str">
            <v>契約書</v>
          </cell>
          <cell r="BE247">
            <v>38960</v>
          </cell>
          <cell r="BF247" t="str">
            <v>しない</v>
          </cell>
          <cell r="BG247" t="str">
            <v>見積</v>
          </cell>
          <cell r="BH247">
            <v>1</v>
          </cell>
          <cell r="BK247">
            <v>5040000</v>
          </cell>
          <cell r="BL247" t="str">
            <v xml:space="preserve"> </v>
          </cell>
          <cell r="BM247">
            <v>42000</v>
          </cell>
          <cell r="BN247">
            <v>0.99206349206349209</v>
          </cell>
        </row>
        <row r="248">
          <cell r="A248">
            <v>7074</v>
          </cell>
          <cell r="B248" t="str">
            <v>業務委託</v>
          </cell>
          <cell r="C248" t="str">
            <v>「券売機用ウィズユーカード」デザイン作成業務</v>
          </cell>
          <cell r="D248">
            <v>38951</v>
          </cell>
          <cell r="E248" t="str">
            <v>特命</v>
          </cell>
          <cell r="G248">
            <v>210000</v>
          </cell>
          <cell r="I248">
            <v>1</v>
          </cell>
          <cell r="J248" t="str">
            <v>式</v>
          </cell>
          <cell r="K248" t="str">
            <v/>
          </cell>
          <cell r="L248">
            <v>210000</v>
          </cell>
          <cell r="M248" t="str">
            <v>特命</v>
          </cell>
          <cell r="N248" t="str">
            <v>高・営</v>
          </cell>
          <cell r="O248">
            <v>38958</v>
          </cell>
          <cell r="P248">
            <v>38961</v>
          </cell>
          <cell r="Q248" t="str">
            <v>壱</v>
          </cell>
          <cell r="R248" t="str">
            <v>無</v>
          </cell>
          <cell r="S248" t="str">
            <v>経営企画課</v>
          </cell>
          <cell r="T248" t="str">
            <v>安藤　友明</v>
          </cell>
          <cell r="U248">
            <v>2115</v>
          </cell>
          <cell r="V248" t="str">
            <v>課長</v>
          </cell>
          <cell r="W248" t="str">
            <v>なか１日</v>
          </cell>
          <cell r="X248" t="str">
            <v>特命</v>
          </cell>
          <cell r="Y248">
            <v>38954</v>
          </cell>
          <cell r="Z248">
            <v>38957</v>
          </cell>
          <cell r="AA248">
            <v>1330</v>
          </cell>
          <cell r="AB248" t="str">
            <v>交通局３階総務課（契約担当）</v>
          </cell>
          <cell r="AD248" t="str">
            <v>平成18年8月28日(月)　13時30分</v>
          </cell>
          <cell r="AI248">
            <v>1</v>
          </cell>
          <cell r="AJ248" t="str">
            <v>表示灯（株）札幌支社</v>
          </cell>
          <cell r="AU248" t="str">
            <v>省略可</v>
          </cell>
          <cell r="AW248">
            <v>210000</v>
          </cell>
          <cell r="AX248">
            <v>1</v>
          </cell>
          <cell r="AY248" t="str">
            <v>表示灯（株）札幌支社</v>
          </cell>
          <cell r="AZ248">
            <v>200000</v>
          </cell>
          <cell r="BA248">
            <v>210000</v>
          </cell>
          <cell r="BB248">
            <v>10000</v>
          </cell>
          <cell r="BC248" t="str">
            <v>請書</v>
          </cell>
          <cell r="BE248">
            <v>38958</v>
          </cell>
          <cell r="BF248" t="str">
            <v>しない</v>
          </cell>
          <cell r="BG248" t="str">
            <v>見積</v>
          </cell>
          <cell r="BH248">
            <v>1</v>
          </cell>
          <cell r="BK248">
            <v>200000</v>
          </cell>
          <cell r="BL248" t="str">
            <v xml:space="preserve"> </v>
          </cell>
          <cell r="BM248">
            <v>0</v>
          </cell>
          <cell r="BN248">
            <v>1</v>
          </cell>
        </row>
        <row r="249">
          <cell r="A249">
            <v>7075</v>
          </cell>
          <cell r="B249" t="str">
            <v>業務委託</v>
          </cell>
          <cell r="C249" t="str">
            <v>電照標識等の整備点検</v>
          </cell>
          <cell r="D249">
            <v>38952</v>
          </cell>
          <cell r="G249">
            <v>2848650</v>
          </cell>
          <cell r="I249">
            <v>1</v>
          </cell>
          <cell r="J249" t="str">
            <v>式</v>
          </cell>
          <cell r="K249" t="str">
            <v/>
          </cell>
          <cell r="L249">
            <v>2848650</v>
          </cell>
          <cell r="M249" t="str">
            <v>入札</v>
          </cell>
          <cell r="N249" t="str">
            <v>高・営</v>
          </cell>
          <cell r="O249">
            <v>38966</v>
          </cell>
          <cell r="P249">
            <v>39021</v>
          </cell>
          <cell r="Q249" t="str">
            <v>壱</v>
          </cell>
          <cell r="R249" t="str">
            <v>無</v>
          </cell>
          <cell r="S249" t="str">
            <v>駅務課</v>
          </cell>
          <cell r="T249" t="str">
            <v>冨田　学</v>
          </cell>
          <cell r="U249">
            <v>5722</v>
          </cell>
          <cell r="V249" t="str">
            <v>管理者</v>
          </cell>
          <cell r="W249" t="str">
            <v>なか１日</v>
          </cell>
          <cell r="X249" t="str">
            <v>入札</v>
          </cell>
          <cell r="Y249">
            <v>38959</v>
          </cell>
          <cell r="Z249">
            <v>38964</v>
          </cell>
          <cell r="AA249">
            <v>1100</v>
          </cell>
          <cell r="AB249" t="str">
            <v>交通局５階入札室</v>
          </cell>
          <cell r="AD249" t="str">
            <v>平成18年9月4日(月)　11時00分</v>
          </cell>
          <cell r="AE249" t="str">
            <v>サービス業</v>
          </cell>
          <cell r="AF249" t="str">
            <v>建物設備等保守管理業</v>
          </cell>
          <cell r="AG249" t="str">
            <v>電気設備保守業</v>
          </cell>
          <cell r="AH249" t="str">
            <v>-</v>
          </cell>
          <cell r="AI249">
            <v>3</v>
          </cell>
          <cell r="AJ249" t="str">
            <v>（株）カズサッポロ</v>
          </cell>
          <cell r="AK249" t="str">
            <v>（株）ゴーセイ</v>
          </cell>
          <cell r="AL249" t="str">
            <v>北都電機（株）</v>
          </cell>
          <cell r="AU249" t="str">
            <v>要</v>
          </cell>
          <cell r="AV249">
            <v>2685000</v>
          </cell>
          <cell r="AW249">
            <v>2819250</v>
          </cell>
          <cell r="AX249">
            <v>1.0320678215997026E-2</v>
          </cell>
          <cell r="AY249" t="str">
            <v>（株）ゴーセイ</v>
          </cell>
          <cell r="AZ249">
            <v>2500000</v>
          </cell>
          <cell r="BA249">
            <v>2625000</v>
          </cell>
          <cell r="BB249">
            <v>125000</v>
          </cell>
          <cell r="BC249" t="str">
            <v>契約書</v>
          </cell>
          <cell r="BE249">
            <v>38965</v>
          </cell>
          <cell r="BF249" t="str">
            <v>しない</v>
          </cell>
          <cell r="BG249" t="str">
            <v>入  札</v>
          </cell>
          <cell r="BH249">
            <v>0.93109869646182497</v>
          </cell>
          <cell r="BK249">
            <v>2713000</v>
          </cell>
          <cell r="BL249" t="str">
            <v xml:space="preserve"> </v>
          </cell>
          <cell r="BM249">
            <v>223650</v>
          </cell>
          <cell r="BN249">
            <v>0.92148912642830816</v>
          </cell>
        </row>
        <row r="250">
          <cell r="A250">
            <v>7076</v>
          </cell>
          <cell r="B250" t="str">
            <v>業務委託</v>
          </cell>
          <cell r="C250" t="str">
            <v>８１０４編成車端部固定窓ガラス脱着</v>
          </cell>
          <cell r="D250">
            <v>38952</v>
          </cell>
          <cell r="E250" t="str">
            <v>特命</v>
          </cell>
          <cell r="G250">
            <v>222600</v>
          </cell>
          <cell r="I250">
            <v>1</v>
          </cell>
          <cell r="J250" t="str">
            <v>式</v>
          </cell>
          <cell r="K250" t="str">
            <v/>
          </cell>
          <cell r="L250">
            <v>222600</v>
          </cell>
          <cell r="M250" t="str">
            <v>特命</v>
          </cell>
          <cell r="N250" t="str">
            <v>高・営</v>
          </cell>
          <cell r="O250">
            <v>38958</v>
          </cell>
          <cell r="P250">
            <v>38964</v>
          </cell>
          <cell r="Q250" t="str">
            <v>壱</v>
          </cell>
          <cell r="R250" t="str">
            <v>無</v>
          </cell>
          <cell r="S250" t="str">
            <v>車両課</v>
          </cell>
          <cell r="T250" t="str">
            <v>谷村　明朗</v>
          </cell>
          <cell r="U250">
            <v>2587</v>
          </cell>
          <cell r="V250" t="str">
            <v>課長</v>
          </cell>
          <cell r="W250" t="str">
            <v>なか１日</v>
          </cell>
          <cell r="X250" t="str">
            <v>特命</v>
          </cell>
          <cell r="Y250">
            <v>38957</v>
          </cell>
          <cell r="Z250">
            <v>38957</v>
          </cell>
          <cell r="AA250">
            <v>1515</v>
          </cell>
          <cell r="AB250" t="str">
            <v>交通局３階総務課（契約担当）</v>
          </cell>
          <cell r="AD250" t="str">
            <v>平成18年8月28日(月)　15時15分</v>
          </cell>
          <cell r="AI250">
            <v>1</v>
          </cell>
          <cell r="AJ250" t="str">
            <v>札幌川重車両エンジニアリング（株）</v>
          </cell>
          <cell r="AU250" t="str">
            <v>省略可</v>
          </cell>
          <cell r="AW250">
            <v>222600</v>
          </cell>
          <cell r="AX250">
            <v>1</v>
          </cell>
          <cell r="AY250" t="str">
            <v>札幌川重車両エンジニアリング（株）</v>
          </cell>
          <cell r="AZ250">
            <v>212000</v>
          </cell>
          <cell r="BA250">
            <v>222600</v>
          </cell>
          <cell r="BB250">
            <v>10600</v>
          </cell>
          <cell r="BC250" t="str">
            <v>請書</v>
          </cell>
          <cell r="BE250">
            <v>38958</v>
          </cell>
          <cell r="BF250" t="str">
            <v>しない</v>
          </cell>
          <cell r="BG250" t="str">
            <v>見積</v>
          </cell>
          <cell r="BH250">
            <v>1</v>
          </cell>
          <cell r="BK250">
            <v>212000</v>
          </cell>
          <cell r="BL250" t="str">
            <v xml:space="preserve"> </v>
          </cell>
          <cell r="BM250">
            <v>0</v>
          </cell>
          <cell r="BN250">
            <v>1</v>
          </cell>
        </row>
        <row r="251">
          <cell r="A251">
            <v>2034</v>
          </cell>
          <cell r="B251" t="str">
            <v>製造請負</v>
          </cell>
          <cell r="C251" t="str">
            <v>記念共通ウィズユーカード【映画「地下鉄に乗って」】</v>
          </cell>
          <cell r="D251">
            <v>38952</v>
          </cell>
          <cell r="E251" t="str">
            <v>特命</v>
          </cell>
          <cell r="G251">
            <v>177030</v>
          </cell>
          <cell r="I251">
            <v>1</v>
          </cell>
          <cell r="J251" t="str">
            <v>式</v>
          </cell>
          <cell r="K251" t="str">
            <v/>
          </cell>
          <cell r="L251">
            <v>177030</v>
          </cell>
          <cell r="M251" t="str">
            <v>特命</v>
          </cell>
          <cell r="N251" t="str">
            <v>軌・営　高・営</v>
          </cell>
          <cell r="P251">
            <v>39000</v>
          </cell>
          <cell r="Q251" t="str">
            <v>壱</v>
          </cell>
          <cell r="R251" t="str">
            <v>無</v>
          </cell>
          <cell r="S251" t="str">
            <v>経営企画課</v>
          </cell>
          <cell r="T251" t="str">
            <v>今野　吉隆</v>
          </cell>
          <cell r="U251">
            <v>2123</v>
          </cell>
          <cell r="V251" t="str">
            <v>課長</v>
          </cell>
          <cell r="W251" t="str">
            <v>なか１日</v>
          </cell>
          <cell r="X251" t="str">
            <v>特命</v>
          </cell>
          <cell r="Y251">
            <v>38957</v>
          </cell>
          <cell r="Z251">
            <v>38960</v>
          </cell>
          <cell r="AA251">
            <v>1100</v>
          </cell>
          <cell r="AB251" t="str">
            <v>交通局３階総務課（契約担当）</v>
          </cell>
          <cell r="AD251" t="str">
            <v>平成18年8月31日(木)　11時00分</v>
          </cell>
          <cell r="AI251">
            <v>1</v>
          </cell>
          <cell r="AJ251" t="str">
            <v>共同印刷（株）</v>
          </cell>
          <cell r="AU251" t="str">
            <v>省略可</v>
          </cell>
          <cell r="AW251">
            <v>177030</v>
          </cell>
          <cell r="AX251">
            <v>1</v>
          </cell>
          <cell r="AY251" t="str">
            <v>共同印刷（株）</v>
          </cell>
          <cell r="AZ251">
            <v>159000</v>
          </cell>
          <cell r="BA251">
            <v>166950</v>
          </cell>
          <cell r="BB251">
            <v>7950</v>
          </cell>
          <cell r="BC251" t="str">
            <v>発注書</v>
          </cell>
          <cell r="BE251">
            <v>38960</v>
          </cell>
          <cell r="BF251" t="str">
            <v>しない</v>
          </cell>
          <cell r="BG251" t="str">
            <v>見積</v>
          </cell>
          <cell r="BH251">
            <v>0.94306049822064053</v>
          </cell>
          <cell r="BK251">
            <v>168600</v>
          </cell>
          <cell r="BL251" t="str">
            <v xml:space="preserve"> </v>
          </cell>
          <cell r="BM251">
            <v>10080</v>
          </cell>
          <cell r="BN251">
            <v>0.94306049822064053</v>
          </cell>
        </row>
        <row r="252">
          <cell r="A252">
            <v>7077</v>
          </cell>
          <cell r="B252" t="str">
            <v>業務委託</v>
          </cell>
          <cell r="C252" t="str">
            <v>公用車（緊急自動車）車検整備業務</v>
          </cell>
          <cell r="D252">
            <v>38952</v>
          </cell>
          <cell r="G252">
            <v>126000</v>
          </cell>
          <cell r="I252">
            <v>1</v>
          </cell>
          <cell r="J252" t="str">
            <v>式</v>
          </cell>
          <cell r="K252" t="str">
            <v/>
          </cell>
          <cell r="L252">
            <v>126000</v>
          </cell>
          <cell r="M252" t="str">
            <v>見積</v>
          </cell>
          <cell r="N252" t="str">
            <v>高・営</v>
          </cell>
          <cell r="O252">
            <v>38965</v>
          </cell>
          <cell r="P252">
            <v>38985</v>
          </cell>
          <cell r="Q252" t="str">
            <v>壱</v>
          </cell>
          <cell r="R252" t="str">
            <v>無</v>
          </cell>
          <cell r="S252" t="str">
            <v>施設課</v>
          </cell>
          <cell r="T252" t="str">
            <v>松山　稔</v>
          </cell>
          <cell r="U252">
            <v>2579</v>
          </cell>
          <cell r="V252" t="str">
            <v>課長</v>
          </cell>
          <cell r="W252" t="str">
            <v>なか１日</v>
          </cell>
          <cell r="X252" t="str">
            <v>見積</v>
          </cell>
          <cell r="Y252">
            <v>38957</v>
          </cell>
          <cell r="Z252">
            <v>38961</v>
          </cell>
          <cell r="AA252">
            <v>1100</v>
          </cell>
          <cell r="AB252" t="str">
            <v>交通局５階入札室</v>
          </cell>
          <cell r="AD252" t="str">
            <v>平成18年9月1日(金)　11時00分</v>
          </cell>
          <cell r="AI252">
            <v>3</v>
          </cell>
          <cell r="AJ252" t="str">
            <v>（株）近藤自動車整備工場</v>
          </cell>
          <cell r="AK252" t="str">
            <v>田井自動車工業㈱</v>
          </cell>
          <cell r="AL252" t="str">
            <v>宮田自動車工業（株）</v>
          </cell>
          <cell r="AU252" t="str">
            <v>省略可</v>
          </cell>
          <cell r="AW252">
            <v>126000</v>
          </cell>
          <cell r="AX252">
            <v>1</v>
          </cell>
          <cell r="AY252" t="str">
            <v>（株）近藤自動車整備工場</v>
          </cell>
          <cell r="AZ252">
            <v>115000</v>
          </cell>
          <cell r="BA252">
            <v>120750</v>
          </cell>
          <cell r="BB252">
            <v>5750</v>
          </cell>
          <cell r="BC252" t="str">
            <v>請書</v>
          </cell>
          <cell r="BE252">
            <v>38964</v>
          </cell>
          <cell r="BF252" t="str">
            <v>しない</v>
          </cell>
          <cell r="BG252" t="str">
            <v>見積</v>
          </cell>
          <cell r="BH252">
            <v>0.95833333333333337</v>
          </cell>
          <cell r="BK252">
            <v>120000</v>
          </cell>
          <cell r="BL252" t="str">
            <v xml:space="preserve"> </v>
          </cell>
          <cell r="BM252">
            <v>5250</v>
          </cell>
          <cell r="BN252">
            <v>0.95833333333333337</v>
          </cell>
        </row>
        <row r="253">
          <cell r="A253">
            <v>2035</v>
          </cell>
          <cell r="B253" t="str">
            <v>製造請負</v>
          </cell>
          <cell r="C253" t="str">
            <v>除雪車用ササラ木台</v>
          </cell>
          <cell r="D253">
            <v>38953</v>
          </cell>
          <cell r="G253">
            <v>751800</v>
          </cell>
          <cell r="I253">
            <v>1</v>
          </cell>
          <cell r="J253" t="str">
            <v>式</v>
          </cell>
          <cell r="K253" t="str">
            <v/>
          </cell>
          <cell r="L253">
            <v>751800</v>
          </cell>
          <cell r="M253" t="str">
            <v>公開</v>
          </cell>
          <cell r="N253" t="str">
            <v>軌・営</v>
          </cell>
          <cell r="P253">
            <v>39059</v>
          </cell>
          <cell r="Q253" t="str">
            <v>壱</v>
          </cell>
          <cell r="R253" t="str">
            <v>無</v>
          </cell>
          <cell r="S253" t="str">
            <v>電車事業所</v>
          </cell>
          <cell r="T253" t="str">
            <v>内山　晃良</v>
          </cell>
          <cell r="U253">
            <v>2933</v>
          </cell>
          <cell r="V253" t="str">
            <v>課長</v>
          </cell>
          <cell r="W253" t="str">
            <v>なか１日</v>
          </cell>
          <cell r="X253" t="str">
            <v>公開</v>
          </cell>
          <cell r="Y253">
            <v>38960</v>
          </cell>
          <cell r="Z253">
            <v>38960</v>
          </cell>
          <cell r="AB253" t="str">
            <v>交通局３階総務課（契約担当）</v>
          </cell>
          <cell r="AD253" t="e">
            <v>#VALUE!</v>
          </cell>
          <cell r="AI253">
            <v>3</v>
          </cell>
          <cell r="AJ253" t="str">
            <v>宇佐美木材（株）</v>
          </cell>
          <cell r="AU253" t="str">
            <v>省略可</v>
          </cell>
          <cell r="AW253">
            <v>751800</v>
          </cell>
          <cell r="AX253">
            <v>1</v>
          </cell>
          <cell r="AY253" t="str">
            <v>宇佐美木材（株）</v>
          </cell>
          <cell r="AZ253">
            <v>715520</v>
          </cell>
          <cell r="BA253">
            <v>751296</v>
          </cell>
          <cell r="BB253">
            <v>35776</v>
          </cell>
          <cell r="BC253" t="str">
            <v>請書</v>
          </cell>
          <cell r="BE253">
            <v>38964</v>
          </cell>
          <cell r="BF253" t="str">
            <v>しない</v>
          </cell>
          <cell r="BG253" t="str">
            <v>見積(公開)</v>
          </cell>
          <cell r="BH253">
            <v>0.9993296089385475</v>
          </cell>
          <cell r="BK253">
            <v>716000</v>
          </cell>
          <cell r="BL253" t="str">
            <v xml:space="preserve"> </v>
          </cell>
          <cell r="BM253">
            <v>504</v>
          </cell>
          <cell r="BN253">
            <v>0.9993296089385475</v>
          </cell>
        </row>
        <row r="254">
          <cell r="A254">
            <v>2036</v>
          </cell>
          <cell r="B254" t="str">
            <v>製造請負</v>
          </cell>
          <cell r="C254" t="str">
            <v>除雪車用ササラ</v>
          </cell>
          <cell r="D254">
            <v>38953</v>
          </cell>
          <cell r="G254">
            <v>4788000</v>
          </cell>
          <cell r="I254">
            <v>1</v>
          </cell>
          <cell r="J254" t="str">
            <v>式</v>
          </cell>
          <cell r="K254" t="str">
            <v/>
          </cell>
          <cell r="L254">
            <v>4788000</v>
          </cell>
          <cell r="M254" t="str">
            <v>入札</v>
          </cell>
          <cell r="N254" t="str">
            <v>軌・営</v>
          </cell>
          <cell r="P254">
            <v>39059</v>
          </cell>
          <cell r="Q254" t="str">
            <v>壱</v>
          </cell>
          <cell r="R254" t="str">
            <v>無</v>
          </cell>
          <cell r="S254" t="str">
            <v>電車事業所</v>
          </cell>
          <cell r="T254" t="str">
            <v>内山　晃良</v>
          </cell>
          <cell r="U254">
            <v>2933</v>
          </cell>
          <cell r="V254" t="str">
            <v>部長</v>
          </cell>
          <cell r="W254" t="str">
            <v>なか１日</v>
          </cell>
          <cell r="X254" t="str">
            <v>入札</v>
          </cell>
          <cell r="Y254">
            <v>38959</v>
          </cell>
          <cell r="Z254">
            <v>38971</v>
          </cell>
          <cell r="AA254">
            <v>1100</v>
          </cell>
          <cell r="AB254" t="str">
            <v>交通局５階入札室</v>
          </cell>
          <cell r="AD254" t="str">
            <v>平成18年9月11日(月)　11時00分</v>
          </cell>
          <cell r="AE254" t="str">
            <v>製造業</v>
          </cell>
          <cell r="AF254" t="str">
            <v>一般機械器具製造業</v>
          </cell>
          <cell r="AG254" t="str">
            <v>その他一般機械器具</v>
          </cell>
          <cell r="AH254" t="str">
            <v>A</v>
          </cell>
          <cell r="AI254">
            <v>4</v>
          </cell>
          <cell r="AJ254" t="str">
            <v>札幌交通機械（株）</v>
          </cell>
          <cell r="AK254" t="str">
            <v>日本車輌洗滌機（株）北海道支店</v>
          </cell>
          <cell r="AL254" t="str">
            <v>（株）理興製作所</v>
          </cell>
          <cell r="AU254" t="str">
            <v>要</v>
          </cell>
          <cell r="AV254">
            <v>4510000</v>
          </cell>
          <cell r="AW254">
            <v>4735500</v>
          </cell>
          <cell r="AX254">
            <v>1.0964912280701733E-2</v>
          </cell>
          <cell r="AY254" t="str">
            <v>日本車輌洗滌機（株）北海道支店</v>
          </cell>
          <cell r="AZ254">
            <v>4500000</v>
          </cell>
          <cell r="BA254">
            <v>4725000</v>
          </cell>
          <cell r="BB254">
            <v>225000</v>
          </cell>
          <cell r="BC254" t="str">
            <v>契約書</v>
          </cell>
          <cell r="BE254">
            <v>38972</v>
          </cell>
          <cell r="BF254" t="str">
            <v>しない</v>
          </cell>
          <cell r="BG254" t="str">
            <v>入  札</v>
          </cell>
          <cell r="BH254">
            <v>0.99778270509977829</v>
          </cell>
          <cell r="BK254">
            <v>4560000</v>
          </cell>
          <cell r="BL254" t="str">
            <v xml:space="preserve"> </v>
          </cell>
          <cell r="BM254">
            <v>63000</v>
          </cell>
          <cell r="BN254">
            <v>0.98684210526315785</v>
          </cell>
        </row>
        <row r="255">
          <cell r="A255">
            <v>2037</v>
          </cell>
          <cell r="B255" t="str">
            <v>製造請負</v>
          </cell>
          <cell r="C255" t="str">
            <v>大通駅東西線ホーム階段部案内補助標識</v>
          </cell>
          <cell r="D255">
            <v>38957</v>
          </cell>
          <cell r="G255">
            <v>2943675</v>
          </cell>
          <cell r="I255">
            <v>1</v>
          </cell>
          <cell r="J255" t="str">
            <v>式</v>
          </cell>
          <cell r="K255" t="str">
            <v/>
          </cell>
          <cell r="L255">
            <v>2943675</v>
          </cell>
          <cell r="M255" t="str">
            <v>入札</v>
          </cell>
          <cell r="N255" t="str">
            <v>高・営</v>
          </cell>
          <cell r="P255">
            <v>38989</v>
          </cell>
          <cell r="Q255" t="str">
            <v>壱</v>
          </cell>
          <cell r="R255" t="str">
            <v>無</v>
          </cell>
          <cell r="S255" t="str">
            <v>業務課</v>
          </cell>
          <cell r="T255" t="str">
            <v>小林　辰士</v>
          </cell>
          <cell r="U255">
            <v>2413</v>
          </cell>
          <cell r="V255" t="str">
            <v>課長</v>
          </cell>
          <cell r="W255" t="str">
            <v>なか１日</v>
          </cell>
          <cell r="X255" t="str">
            <v>入札</v>
          </cell>
          <cell r="Y255">
            <v>38960</v>
          </cell>
          <cell r="Z255">
            <v>38961</v>
          </cell>
          <cell r="AA255">
            <v>1110</v>
          </cell>
          <cell r="AB255" t="str">
            <v>交通局５階入札室</v>
          </cell>
          <cell r="AD255" t="str">
            <v>平成18年9月1日(金)　11時10分</v>
          </cell>
          <cell r="AE255" t="str">
            <v>製造業</v>
          </cell>
          <cell r="AF255" t="str">
            <v>その他製造業</v>
          </cell>
          <cell r="AG255" t="str">
            <v>看板・標識</v>
          </cell>
          <cell r="AH255" t="str">
            <v>B</v>
          </cell>
          <cell r="AI255">
            <v>3</v>
          </cell>
          <cell r="AJ255" t="str">
            <v>㈱札幌標板製作所</v>
          </cell>
          <cell r="AK255" t="str">
            <v>（株）中央ネームプレート製作所</v>
          </cell>
          <cell r="AL255" t="str">
            <v>（株）日本孔版</v>
          </cell>
          <cell r="AU255" t="str">
            <v>要</v>
          </cell>
          <cell r="AV255">
            <v>2800000</v>
          </cell>
          <cell r="AW255">
            <v>2940000</v>
          </cell>
          <cell r="AX255">
            <v>1.2484394506866447E-3</v>
          </cell>
          <cell r="AY255" t="str">
            <v>（株）日本孔版</v>
          </cell>
          <cell r="AZ255">
            <v>2600000</v>
          </cell>
          <cell r="BA255">
            <v>2730000</v>
          </cell>
          <cell r="BB255">
            <v>130000</v>
          </cell>
          <cell r="BC255" t="str">
            <v>契約書</v>
          </cell>
          <cell r="BE255">
            <v>38964</v>
          </cell>
          <cell r="BF255" t="str">
            <v>しない</v>
          </cell>
          <cell r="BG255" t="str">
            <v>入  札</v>
          </cell>
          <cell r="BH255">
            <v>0.9285714285714286</v>
          </cell>
          <cell r="BK255">
            <v>2803500</v>
          </cell>
          <cell r="BL255" t="str">
            <v xml:space="preserve"> </v>
          </cell>
          <cell r="BM255">
            <v>213675</v>
          </cell>
          <cell r="BN255">
            <v>0.92741216336721954</v>
          </cell>
        </row>
        <row r="256">
          <cell r="A256">
            <v>1141</v>
          </cell>
          <cell r="B256" t="str">
            <v>物品購入</v>
          </cell>
          <cell r="C256" t="str">
            <v>非常列車停止警報遠隔装置保守部品</v>
          </cell>
          <cell r="D256">
            <v>38958</v>
          </cell>
          <cell r="E256" t="str">
            <v>特命</v>
          </cell>
          <cell r="G256">
            <v>1234800</v>
          </cell>
          <cell r="I256">
            <v>1</v>
          </cell>
          <cell r="J256" t="str">
            <v>式</v>
          </cell>
          <cell r="K256" t="str">
            <v/>
          </cell>
          <cell r="L256">
            <v>1234800</v>
          </cell>
          <cell r="M256" t="str">
            <v>特命</v>
          </cell>
          <cell r="N256" t="str">
            <v>高・営</v>
          </cell>
          <cell r="P256">
            <v>39071</v>
          </cell>
          <cell r="Q256" t="str">
            <v>壱</v>
          </cell>
          <cell r="R256" t="str">
            <v>無</v>
          </cell>
          <cell r="S256" t="str">
            <v>電気課</v>
          </cell>
          <cell r="T256" t="str">
            <v>桜庭　常夫</v>
          </cell>
          <cell r="U256">
            <v>2643</v>
          </cell>
          <cell r="V256" t="str">
            <v>課長</v>
          </cell>
          <cell r="W256" t="str">
            <v>なか１日</v>
          </cell>
          <cell r="X256" t="str">
            <v>特命</v>
          </cell>
          <cell r="Y256">
            <v>38961</v>
          </cell>
          <cell r="Z256">
            <v>38964</v>
          </cell>
          <cell r="AA256">
            <v>1400</v>
          </cell>
          <cell r="AB256" t="str">
            <v>交通局３階総務課（契約担当）</v>
          </cell>
          <cell r="AD256" t="str">
            <v>平成18年9月4日(月)　14時00分</v>
          </cell>
          <cell r="AI256">
            <v>1</v>
          </cell>
          <cell r="AJ256" t="str">
            <v>パナソニックＳＳエンジニアリング（株）北海道ＰＳＳＥ社</v>
          </cell>
          <cell r="AU256" t="str">
            <v>省略可</v>
          </cell>
          <cell r="AW256">
            <v>1234800</v>
          </cell>
          <cell r="AX256">
            <v>1</v>
          </cell>
          <cell r="AY256" t="str">
            <v>パナソニックＳＳエンジニアリング（株）北海道ＰＳＳＥ社</v>
          </cell>
          <cell r="AZ256">
            <v>1160000</v>
          </cell>
          <cell r="BA256">
            <v>1218000</v>
          </cell>
          <cell r="BB256">
            <v>58000</v>
          </cell>
          <cell r="BC256" t="str">
            <v>請書</v>
          </cell>
          <cell r="BE256">
            <v>38965</v>
          </cell>
          <cell r="BF256" t="str">
            <v>しない</v>
          </cell>
          <cell r="BG256" t="str">
            <v>見積</v>
          </cell>
          <cell r="BH256">
            <v>0.98639455782312924</v>
          </cell>
          <cell r="BK256">
            <v>1176000</v>
          </cell>
          <cell r="BL256" t="str">
            <v xml:space="preserve"> </v>
          </cell>
          <cell r="BM256">
            <v>16800</v>
          </cell>
          <cell r="BN256">
            <v>0.98639455782312924</v>
          </cell>
        </row>
        <row r="257">
          <cell r="A257">
            <v>7078</v>
          </cell>
          <cell r="B257" t="str">
            <v>業務委託</v>
          </cell>
          <cell r="C257" t="str">
            <v>熱回収型ヒートポンプオーバーホール</v>
          </cell>
          <cell r="D257">
            <v>38958</v>
          </cell>
          <cell r="E257" t="str">
            <v>特命</v>
          </cell>
          <cell r="G257">
            <v>12978000</v>
          </cell>
          <cell r="I257">
            <v>1</v>
          </cell>
          <cell r="J257" t="str">
            <v>式</v>
          </cell>
          <cell r="K257" t="str">
            <v/>
          </cell>
          <cell r="L257">
            <v>12978000</v>
          </cell>
          <cell r="M257" t="str">
            <v>特命</v>
          </cell>
          <cell r="N257" t="str">
            <v>高・営</v>
          </cell>
          <cell r="O257">
            <v>38985</v>
          </cell>
          <cell r="P257">
            <v>39071</v>
          </cell>
          <cell r="Q257" t="str">
            <v>壱</v>
          </cell>
          <cell r="R257" t="str">
            <v>無</v>
          </cell>
          <cell r="S257" t="str">
            <v>施設課</v>
          </cell>
          <cell r="T257" t="str">
            <v>北川　博教</v>
          </cell>
          <cell r="U257">
            <v>2528</v>
          </cell>
          <cell r="V257" t="str">
            <v>管理者</v>
          </cell>
          <cell r="W257" t="str">
            <v>なか５日</v>
          </cell>
          <cell r="X257" t="str">
            <v>特命</v>
          </cell>
          <cell r="Y257">
            <v>38966</v>
          </cell>
          <cell r="Z257">
            <v>38974</v>
          </cell>
          <cell r="AA257">
            <v>1400</v>
          </cell>
          <cell r="AB257" t="str">
            <v>交通局３階総務課（契約担当）</v>
          </cell>
          <cell r="AD257" t="str">
            <v>平成18年9月14日(木)　14時00分</v>
          </cell>
          <cell r="AI257">
            <v>1</v>
          </cell>
          <cell r="AJ257" t="str">
            <v>（株）神戸製鋼所北海道支店</v>
          </cell>
          <cell r="AU257" t="str">
            <v>要</v>
          </cell>
          <cell r="AV257">
            <v>12230000</v>
          </cell>
          <cell r="AW257">
            <v>12841500</v>
          </cell>
          <cell r="AX257">
            <v>1.0517799352750767E-2</v>
          </cell>
          <cell r="AY257" t="str">
            <v>（株）神戸製鋼所北海道支店</v>
          </cell>
          <cell r="AZ257">
            <v>12200000</v>
          </cell>
          <cell r="BA257">
            <v>12810000</v>
          </cell>
          <cell r="BB257">
            <v>610000</v>
          </cell>
          <cell r="BC257" t="str">
            <v>契約書</v>
          </cell>
          <cell r="BE257">
            <v>38980</v>
          </cell>
          <cell r="BF257" t="str">
            <v>しない</v>
          </cell>
          <cell r="BG257" t="str">
            <v>見積</v>
          </cell>
          <cell r="BH257">
            <v>0.99754701553556824</v>
          </cell>
          <cell r="BK257">
            <v>12360000</v>
          </cell>
          <cell r="BL257" t="str">
            <v xml:space="preserve"> </v>
          </cell>
          <cell r="BM257">
            <v>168000</v>
          </cell>
          <cell r="BN257">
            <v>0.98705501618122982</v>
          </cell>
        </row>
        <row r="258">
          <cell r="A258">
            <v>1142</v>
          </cell>
          <cell r="B258" t="str">
            <v>物品購入</v>
          </cell>
          <cell r="C258" t="str">
            <v>ＡＴＣ電源他</v>
          </cell>
          <cell r="D258">
            <v>38959</v>
          </cell>
          <cell r="E258" t="str">
            <v>特命</v>
          </cell>
          <cell r="G258">
            <v>1103130</v>
          </cell>
          <cell r="I258">
            <v>1</v>
          </cell>
          <cell r="J258" t="str">
            <v>式</v>
          </cell>
          <cell r="K258" t="str">
            <v/>
          </cell>
          <cell r="L258">
            <v>1103130</v>
          </cell>
          <cell r="M258" t="str">
            <v>特命</v>
          </cell>
          <cell r="N258" t="str">
            <v>高・営</v>
          </cell>
          <cell r="P258">
            <v>39164</v>
          </cell>
          <cell r="Q258" t="str">
            <v>壱</v>
          </cell>
          <cell r="R258" t="str">
            <v>無</v>
          </cell>
          <cell r="S258" t="str">
            <v>車両課(真駒内)</v>
          </cell>
          <cell r="T258" t="str">
            <v>館脇　富美雄</v>
          </cell>
          <cell r="U258">
            <v>8312</v>
          </cell>
          <cell r="V258" t="str">
            <v>課長</v>
          </cell>
          <cell r="W258" t="str">
            <v>なか１日</v>
          </cell>
          <cell r="X258" t="str">
            <v>特命</v>
          </cell>
          <cell r="Y258">
            <v>38964</v>
          </cell>
          <cell r="Z258">
            <v>38961</v>
          </cell>
          <cell r="AA258">
            <v>1400</v>
          </cell>
          <cell r="AB258" t="str">
            <v>交通局３階総務課（契約担当）</v>
          </cell>
          <cell r="AD258" t="str">
            <v>平成18年9月1日(金)　14時00分</v>
          </cell>
          <cell r="AI258">
            <v>1</v>
          </cell>
          <cell r="AJ258" t="str">
            <v>（株）日立製作所北海道支社</v>
          </cell>
          <cell r="AU258" t="str">
            <v>省略可</v>
          </cell>
          <cell r="AW258">
            <v>1103130</v>
          </cell>
          <cell r="AX258">
            <v>1</v>
          </cell>
          <cell r="AY258" t="str">
            <v>（株）日立製作所北海道支社</v>
          </cell>
          <cell r="AZ258">
            <v>1030000</v>
          </cell>
          <cell r="BA258">
            <v>1081500</v>
          </cell>
          <cell r="BB258">
            <v>51500</v>
          </cell>
          <cell r="BC258" t="str">
            <v>請書</v>
          </cell>
          <cell r="BE258">
            <v>38964</v>
          </cell>
          <cell r="BF258" t="str">
            <v>しない</v>
          </cell>
          <cell r="BG258" t="str">
            <v>見積</v>
          </cell>
          <cell r="BH258">
            <v>0.98039215686274506</v>
          </cell>
          <cell r="BK258">
            <v>1050600</v>
          </cell>
          <cell r="BL258" t="str">
            <v xml:space="preserve"> </v>
          </cell>
          <cell r="BM258">
            <v>21630</v>
          </cell>
          <cell r="BN258">
            <v>0.98039215686274506</v>
          </cell>
        </row>
        <row r="259">
          <cell r="A259">
            <v>2038</v>
          </cell>
          <cell r="B259" t="str">
            <v>製造請負</v>
          </cell>
          <cell r="C259" t="str">
            <v>広告デザインカード【北海道アルバイト情報社】</v>
          </cell>
          <cell r="D259">
            <v>38960</v>
          </cell>
          <cell r="E259" t="str">
            <v>特命</v>
          </cell>
          <cell r="G259">
            <v>924000</v>
          </cell>
          <cell r="I259">
            <v>100000</v>
          </cell>
          <cell r="J259" t="str">
            <v>枚</v>
          </cell>
          <cell r="K259" t="str">
            <v/>
          </cell>
          <cell r="L259">
            <v>924000</v>
          </cell>
          <cell r="M259" t="str">
            <v>特命</v>
          </cell>
          <cell r="N259" t="str">
            <v>高・営</v>
          </cell>
          <cell r="P259">
            <v>38985</v>
          </cell>
          <cell r="Q259" t="str">
            <v>壱</v>
          </cell>
          <cell r="R259" t="str">
            <v>無</v>
          </cell>
          <cell r="S259" t="str">
            <v>経営企画課</v>
          </cell>
          <cell r="T259" t="str">
            <v>今野　吉隆</v>
          </cell>
          <cell r="U259">
            <v>2123</v>
          </cell>
          <cell r="V259" t="str">
            <v>課長</v>
          </cell>
          <cell r="W259" t="str">
            <v>なか１日</v>
          </cell>
          <cell r="X259" t="str">
            <v>特命</v>
          </cell>
          <cell r="Y259">
            <v>38965</v>
          </cell>
          <cell r="Z259">
            <v>38968</v>
          </cell>
          <cell r="AA259">
            <v>1400</v>
          </cell>
          <cell r="AB259" t="str">
            <v>交通局３階総務課（契約担当）</v>
          </cell>
          <cell r="AD259" t="str">
            <v>平成18年9月8日(金)　14時00分</v>
          </cell>
          <cell r="AI259">
            <v>1</v>
          </cell>
          <cell r="AJ259" t="str">
            <v>共同印刷（株）</v>
          </cell>
          <cell r="AU259" t="str">
            <v>省略可</v>
          </cell>
          <cell r="AW259">
            <v>924000</v>
          </cell>
          <cell r="AX259">
            <v>1</v>
          </cell>
          <cell r="AY259" t="str">
            <v>共同印刷（株）</v>
          </cell>
          <cell r="AZ259">
            <v>880000</v>
          </cell>
          <cell r="BA259">
            <v>924000</v>
          </cell>
          <cell r="BB259">
            <v>44000</v>
          </cell>
          <cell r="BC259" t="str">
            <v>請書</v>
          </cell>
          <cell r="BE259">
            <v>38972</v>
          </cell>
          <cell r="BF259" t="str">
            <v>しない</v>
          </cell>
          <cell r="BG259" t="str">
            <v>見積</v>
          </cell>
          <cell r="BH259">
            <v>1</v>
          </cell>
          <cell r="BK259">
            <v>880000</v>
          </cell>
          <cell r="BL259">
            <v>9.24</v>
          </cell>
          <cell r="BM259">
            <v>0</v>
          </cell>
          <cell r="BN259">
            <v>1</v>
          </cell>
        </row>
        <row r="260">
          <cell r="A260">
            <v>1143</v>
          </cell>
          <cell r="B260" t="str">
            <v>物品購入</v>
          </cell>
          <cell r="C260" t="str">
            <v>正集電器用緩衝ゴム</v>
          </cell>
          <cell r="D260">
            <v>38961</v>
          </cell>
          <cell r="G260">
            <v>144375</v>
          </cell>
          <cell r="I260">
            <v>1</v>
          </cell>
          <cell r="J260" t="str">
            <v>式</v>
          </cell>
          <cell r="K260" t="str">
            <v/>
          </cell>
          <cell r="L260">
            <v>144375</v>
          </cell>
          <cell r="M260" t="str">
            <v>公開</v>
          </cell>
          <cell r="N260" t="str">
            <v>高・営</v>
          </cell>
          <cell r="P260">
            <v>39045</v>
          </cell>
          <cell r="Q260" t="str">
            <v>壱</v>
          </cell>
          <cell r="R260" t="str">
            <v>無</v>
          </cell>
          <cell r="S260" t="str">
            <v>車両課(真駒内)</v>
          </cell>
          <cell r="T260" t="str">
            <v>遠藤　順一</v>
          </cell>
          <cell r="U260">
            <v>8313</v>
          </cell>
          <cell r="V260" t="str">
            <v>課長</v>
          </cell>
          <cell r="W260" t="str">
            <v>なか１日</v>
          </cell>
          <cell r="X260" t="str">
            <v>公開</v>
          </cell>
          <cell r="Y260">
            <v>38967</v>
          </cell>
          <cell r="Z260">
            <v>38967</v>
          </cell>
          <cell r="AB260" t="str">
            <v>交通局３階総務課（契約担当）</v>
          </cell>
          <cell r="AD260" t="e">
            <v>#VALUE!</v>
          </cell>
          <cell r="AI260">
            <v>3</v>
          </cell>
          <cell r="AJ260" t="str">
            <v>向野商事（株）</v>
          </cell>
          <cell r="AK260" t="str">
            <v>（株）大興商事</v>
          </cell>
          <cell r="AL260" t="str">
            <v>福田実業（株）</v>
          </cell>
          <cell r="AU260" t="str">
            <v>省略可</v>
          </cell>
          <cell r="AW260">
            <v>144375</v>
          </cell>
          <cell r="AX260">
            <v>1</v>
          </cell>
          <cell r="AY260" t="str">
            <v>福田実業（株）</v>
          </cell>
          <cell r="AZ260">
            <v>122500</v>
          </cell>
          <cell r="BA260">
            <v>128625</v>
          </cell>
          <cell r="BB260">
            <v>6125</v>
          </cell>
          <cell r="BC260" t="str">
            <v>発注書</v>
          </cell>
          <cell r="BE260">
            <v>38968</v>
          </cell>
          <cell r="BF260" t="str">
            <v>しない</v>
          </cell>
          <cell r="BG260" t="str">
            <v>見積(公開)</v>
          </cell>
          <cell r="BH260">
            <v>0.89090909090909087</v>
          </cell>
          <cell r="BK260">
            <v>137500</v>
          </cell>
          <cell r="BL260" t="str">
            <v xml:space="preserve"> </v>
          </cell>
          <cell r="BM260">
            <v>15750</v>
          </cell>
          <cell r="BN260">
            <v>0.89090909090909087</v>
          </cell>
        </row>
        <row r="261">
          <cell r="A261">
            <v>1144</v>
          </cell>
          <cell r="B261" t="str">
            <v>物品購入</v>
          </cell>
          <cell r="C261" t="str">
            <v>時計装置保守部品その１</v>
          </cell>
          <cell r="D261">
            <v>38961</v>
          </cell>
          <cell r="G261">
            <v>252000</v>
          </cell>
          <cell r="I261">
            <v>1</v>
          </cell>
          <cell r="J261" t="str">
            <v>式</v>
          </cell>
          <cell r="K261" t="str">
            <v/>
          </cell>
          <cell r="L261">
            <v>252000</v>
          </cell>
          <cell r="M261" t="str">
            <v>公開</v>
          </cell>
          <cell r="N261" t="str">
            <v>高・営</v>
          </cell>
          <cell r="P261">
            <v>38989</v>
          </cell>
          <cell r="Q261" t="str">
            <v>壱</v>
          </cell>
          <cell r="R261" t="str">
            <v>無</v>
          </cell>
          <cell r="S261" t="str">
            <v>電気課</v>
          </cell>
          <cell r="T261" t="str">
            <v>平尾　敏文</v>
          </cell>
          <cell r="U261">
            <v>2644</v>
          </cell>
          <cell r="V261" t="str">
            <v>課長</v>
          </cell>
          <cell r="W261" t="str">
            <v>なか１日</v>
          </cell>
          <cell r="X261" t="str">
            <v>公開</v>
          </cell>
          <cell r="Y261">
            <v>38967</v>
          </cell>
          <cell r="Z261">
            <v>38967</v>
          </cell>
          <cell r="AB261" t="str">
            <v>交通局３階総務課（契約担当）</v>
          </cell>
          <cell r="AD261" t="e">
            <v>#VALUE!</v>
          </cell>
          <cell r="AI261">
            <v>3</v>
          </cell>
          <cell r="AJ261" t="str">
            <v>（株）エミヤ</v>
          </cell>
          <cell r="AK261" t="str">
            <v>向野商事（株）</v>
          </cell>
          <cell r="AL261" t="str">
            <v>（株）北海道佐々木商会</v>
          </cell>
          <cell r="AM261" t="str">
            <v>（株）渡商</v>
          </cell>
          <cell r="AU261" t="str">
            <v>省略可</v>
          </cell>
          <cell r="AW261">
            <v>252000</v>
          </cell>
          <cell r="AX261">
            <v>1</v>
          </cell>
          <cell r="AY261" t="str">
            <v>（株）エミヤ</v>
          </cell>
          <cell r="AZ261">
            <v>195000</v>
          </cell>
          <cell r="BA261">
            <v>204750</v>
          </cell>
          <cell r="BB261">
            <v>9750</v>
          </cell>
          <cell r="BC261" t="str">
            <v>発注書</v>
          </cell>
          <cell r="BE261">
            <v>38968</v>
          </cell>
          <cell r="BF261" t="str">
            <v>しない</v>
          </cell>
          <cell r="BG261" t="str">
            <v>見積(公開)</v>
          </cell>
          <cell r="BH261">
            <v>0.8125</v>
          </cell>
          <cell r="BI261" t="str">
            <v>佐々木商会は管理者名誤りにより無効</v>
          </cell>
          <cell r="BK261">
            <v>240000</v>
          </cell>
          <cell r="BL261" t="str">
            <v xml:space="preserve"> </v>
          </cell>
          <cell r="BM261">
            <v>47250</v>
          </cell>
          <cell r="BN261">
            <v>0.8125</v>
          </cell>
        </row>
        <row r="262">
          <cell r="A262">
            <v>7079</v>
          </cell>
          <cell r="B262" t="str">
            <v>業務委託</v>
          </cell>
          <cell r="C262" t="str">
            <v>チョッパーゲート装置（日立製）改修</v>
          </cell>
          <cell r="D262">
            <v>38961</v>
          </cell>
          <cell r="E262" t="str">
            <v>特命</v>
          </cell>
          <cell r="G262">
            <v>600000</v>
          </cell>
          <cell r="I262">
            <v>1</v>
          </cell>
          <cell r="J262" t="str">
            <v>式</v>
          </cell>
          <cell r="K262" t="str">
            <v/>
          </cell>
          <cell r="L262">
            <v>630000</v>
          </cell>
          <cell r="M262" t="str">
            <v>特命</v>
          </cell>
          <cell r="N262" t="str">
            <v>高・営</v>
          </cell>
          <cell r="O262">
            <v>38968</v>
          </cell>
          <cell r="P262">
            <v>39168</v>
          </cell>
          <cell r="Q262" t="str">
            <v>壱</v>
          </cell>
          <cell r="R262" t="str">
            <v>無</v>
          </cell>
          <cell r="S262" t="str">
            <v>車両課(二十四軒)</v>
          </cell>
          <cell r="T262" t="str">
            <v>工藤　清</v>
          </cell>
          <cell r="U262">
            <v>8204</v>
          </cell>
          <cell r="V262" t="str">
            <v>部長</v>
          </cell>
          <cell r="W262" t="str">
            <v>なか１日</v>
          </cell>
          <cell r="X262" t="str">
            <v>特命</v>
          </cell>
          <cell r="Y262">
            <v>38967</v>
          </cell>
          <cell r="Z262">
            <v>38967</v>
          </cell>
          <cell r="AA262">
            <v>1430</v>
          </cell>
          <cell r="AB262" t="str">
            <v>交通局３階総務課（契約担当）</v>
          </cell>
          <cell r="AD262" t="str">
            <v>平成18年9月7日(木)　14時30分</v>
          </cell>
          <cell r="AI262">
            <v>1</v>
          </cell>
          <cell r="AJ262" t="str">
            <v>（株）日立製作所北海道支社</v>
          </cell>
          <cell r="AU262" t="str">
            <v>省略可</v>
          </cell>
          <cell r="AW262">
            <v>630000</v>
          </cell>
          <cell r="AX262">
            <v>1</v>
          </cell>
          <cell r="AY262" t="str">
            <v>（株）日立製作所北海道支社</v>
          </cell>
          <cell r="AZ262">
            <v>600000</v>
          </cell>
          <cell r="BA262">
            <v>630000</v>
          </cell>
          <cell r="BB262">
            <v>30000</v>
          </cell>
          <cell r="BC262" t="str">
            <v>契約書</v>
          </cell>
          <cell r="BE262">
            <v>38968</v>
          </cell>
          <cell r="BF262" t="str">
            <v>しない</v>
          </cell>
          <cell r="BG262" t="str">
            <v>見積</v>
          </cell>
          <cell r="BH262">
            <v>1</v>
          </cell>
          <cell r="BK262">
            <v>600000</v>
          </cell>
          <cell r="BL262" t="str">
            <v xml:space="preserve"> </v>
          </cell>
          <cell r="BM262">
            <v>0</v>
          </cell>
          <cell r="BN262">
            <v>1.05</v>
          </cell>
        </row>
        <row r="263">
          <cell r="A263">
            <v>7080</v>
          </cell>
          <cell r="B263" t="str">
            <v>業務委託</v>
          </cell>
          <cell r="C263" t="str">
            <v>南北・東西・東豊線駅空気環境調査業務</v>
          </cell>
          <cell r="D263">
            <v>38961</v>
          </cell>
          <cell r="G263">
            <v>2488500</v>
          </cell>
          <cell r="I263">
            <v>1</v>
          </cell>
          <cell r="J263" t="str">
            <v>式</v>
          </cell>
          <cell r="K263" t="str">
            <v/>
          </cell>
          <cell r="L263">
            <v>2488500</v>
          </cell>
          <cell r="M263" t="str">
            <v>入札</v>
          </cell>
          <cell r="N263" t="str">
            <v>高・営</v>
          </cell>
          <cell r="O263">
            <v>38979</v>
          </cell>
          <cell r="P263">
            <v>39164</v>
          </cell>
          <cell r="Q263" t="str">
            <v>壱</v>
          </cell>
          <cell r="R263" t="str">
            <v>無</v>
          </cell>
          <cell r="S263" t="str">
            <v>施設課</v>
          </cell>
          <cell r="T263" t="str">
            <v>中里　聡</v>
          </cell>
          <cell r="U263">
            <v>2527</v>
          </cell>
          <cell r="V263" t="str">
            <v>管理者</v>
          </cell>
          <cell r="W263" t="str">
            <v>なか１日</v>
          </cell>
          <cell r="X263" t="str">
            <v>入札</v>
          </cell>
          <cell r="Y263">
            <v>38968</v>
          </cell>
          <cell r="Z263">
            <v>38973</v>
          </cell>
          <cell r="AA263">
            <v>1110</v>
          </cell>
          <cell r="AB263" t="str">
            <v>交通局５階入札室</v>
          </cell>
          <cell r="AD263" t="str">
            <v>平成18年9月13日(水)　11時10分</v>
          </cell>
          <cell r="AE263" t="str">
            <v>サービス業</v>
          </cell>
          <cell r="AF263" t="str">
            <v>建物環境衛生管理業</v>
          </cell>
          <cell r="AG263" t="str">
            <v>室内空気環境測定業</v>
          </cell>
          <cell r="AH263" t="str">
            <v>-</v>
          </cell>
          <cell r="AI263">
            <v>3</v>
          </cell>
          <cell r="AJ263" t="str">
            <v>いであ㈱札幌支店</v>
          </cell>
          <cell r="AK263" t="str">
            <v>（株）環境管理センター北海道支店</v>
          </cell>
          <cell r="AL263" t="str">
            <v>（財）北海道環境科学技術センター</v>
          </cell>
          <cell r="AU263" t="str">
            <v>要</v>
          </cell>
          <cell r="AV263">
            <v>2340000</v>
          </cell>
          <cell r="AW263">
            <v>2457000</v>
          </cell>
          <cell r="AX263">
            <v>1.2658227848101222E-2</v>
          </cell>
          <cell r="AY263" t="str">
            <v>（財）北海道環境科学技術センター</v>
          </cell>
          <cell r="AZ263">
            <v>2250000</v>
          </cell>
          <cell r="BA263">
            <v>2362500</v>
          </cell>
          <cell r="BB263">
            <v>112500</v>
          </cell>
          <cell r="BC263" t="str">
            <v>契約書</v>
          </cell>
          <cell r="BE263">
            <v>38973</v>
          </cell>
          <cell r="BF263" t="str">
            <v>しない</v>
          </cell>
          <cell r="BG263" t="str">
            <v>入  札</v>
          </cell>
          <cell r="BH263">
            <v>0.96153846153846156</v>
          </cell>
          <cell r="BK263">
            <v>2370000</v>
          </cell>
          <cell r="BL263" t="str">
            <v xml:space="preserve"> </v>
          </cell>
          <cell r="BM263">
            <v>126000</v>
          </cell>
          <cell r="BN263">
            <v>0.94936708860759489</v>
          </cell>
        </row>
        <row r="264">
          <cell r="A264">
            <v>1145</v>
          </cell>
          <cell r="B264" t="str">
            <v>物品購入</v>
          </cell>
          <cell r="C264" t="str">
            <v>動ひずみアンプ</v>
          </cell>
          <cell r="D264">
            <v>38965</v>
          </cell>
          <cell r="E264" t="str">
            <v>特命</v>
          </cell>
          <cell r="G264">
            <v>630105</v>
          </cell>
          <cell r="I264">
            <v>1</v>
          </cell>
          <cell r="J264" t="str">
            <v>式</v>
          </cell>
          <cell r="K264" t="str">
            <v/>
          </cell>
          <cell r="L264">
            <v>630105</v>
          </cell>
          <cell r="M264" t="str">
            <v>特命</v>
          </cell>
          <cell r="N264" t="str">
            <v>高・営</v>
          </cell>
          <cell r="P264">
            <v>39038</v>
          </cell>
          <cell r="Q264" t="str">
            <v>壱</v>
          </cell>
          <cell r="R264" t="str">
            <v>無</v>
          </cell>
          <cell r="S264" t="str">
            <v>車両課(真駒内)</v>
          </cell>
          <cell r="T264" t="str">
            <v>高橋　一美</v>
          </cell>
          <cell r="U264">
            <v>8315</v>
          </cell>
          <cell r="V264" t="str">
            <v>課長</v>
          </cell>
          <cell r="W264" t="str">
            <v>なか１日</v>
          </cell>
          <cell r="X264" t="str">
            <v>特命</v>
          </cell>
          <cell r="Y264">
            <v>38968</v>
          </cell>
          <cell r="Z264">
            <v>38971</v>
          </cell>
          <cell r="AA264">
            <v>1400</v>
          </cell>
          <cell r="AB264" t="str">
            <v>交通局３階総務課（契約担当）</v>
          </cell>
          <cell r="AD264" t="str">
            <v>平成18年9月11日(月)　14時00分</v>
          </cell>
          <cell r="AI264">
            <v>1</v>
          </cell>
          <cell r="AJ264" t="str">
            <v>札幌川重車両エンジニアリング（株）</v>
          </cell>
          <cell r="AU264" t="str">
            <v>省略可</v>
          </cell>
          <cell r="AW264">
            <v>630105</v>
          </cell>
          <cell r="AX264">
            <v>1</v>
          </cell>
          <cell r="AY264" t="str">
            <v>札幌川重車両エンジニアリング（株）</v>
          </cell>
          <cell r="AZ264">
            <v>600000</v>
          </cell>
          <cell r="BA264">
            <v>630000</v>
          </cell>
          <cell r="BB264">
            <v>30000</v>
          </cell>
          <cell r="BC264" t="str">
            <v>請書</v>
          </cell>
          <cell r="BE264">
            <v>38972</v>
          </cell>
          <cell r="BF264" t="str">
            <v>しない</v>
          </cell>
          <cell r="BG264" t="str">
            <v>見積</v>
          </cell>
          <cell r="BH264">
            <v>0.99983336110648224</v>
          </cell>
          <cell r="BK264">
            <v>600100</v>
          </cell>
          <cell r="BL264" t="str">
            <v xml:space="preserve"> </v>
          </cell>
          <cell r="BM264">
            <v>105</v>
          </cell>
          <cell r="BN264">
            <v>0.99983336110648224</v>
          </cell>
        </row>
        <row r="265">
          <cell r="A265">
            <v>1146</v>
          </cell>
          <cell r="B265" t="str">
            <v>物品購入</v>
          </cell>
          <cell r="C265" t="str">
            <v>７０００形用集電器スリ板</v>
          </cell>
          <cell r="D265">
            <v>38965</v>
          </cell>
          <cell r="E265" t="str">
            <v>特命</v>
          </cell>
          <cell r="G265">
            <v>1145970</v>
          </cell>
          <cell r="I265">
            <v>1</v>
          </cell>
          <cell r="J265" t="str">
            <v>式</v>
          </cell>
          <cell r="K265" t="str">
            <v/>
          </cell>
          <cell r="L265">
            <v>1145970</v>
          </cell>
          <cell r="M265" t="str">
            <v>特命</v>
          </cell>
          <cell r="N265" t="str">
            <v>高・営</v>
          </cell>
          <cell r="P265">
            <v>39141</v>
          </cell>
          <cell r="Q265" t="str">
            <v>壱</v>
          </cell>
          <cell r="R265" t="str">
            <v>無</v>
          </cell>
          <cell r="S265" t="str">
            <v>車両課(二十四軒)</v>
          </cell>
          <cell r="T265" t="str">
            <v>鈴木　康至</v>
          </cell>
          <cell r="U265">
            <v>8207</v>
          </cell>
          <cell r="V265" t="str">
            <v>課長</v>
          </cell>
          <cell r="W265" t="str">
            <v>なか１日</v>
          </cell>
          <cell r="X265" t="str">
            <v>特命</v>
          </cell>
          <cell r="Y265">
            <v>38968</v>
          </cell>
          <cell r="Z265">
            <v>38971</v>
          </cell>
          <cell r="AA265">
            <v>1430</v>
          </cell>
          <cell r="AB265" t="str">
            <v>交通局３階総務課（契約担当）</v>
          </cell>
          <cell r="AD265" t="str">
            <v>平成18年9月11日(月)　14時30分</v>
          </cell>
          <cell r="AI265">
            <v>1</v>
          </cell>
          <cell r="AJ265" t="str">
            <v>富士電機システムズ（株）東日本支社北海道事務所</v>
          </cell>
          <cell r="AU265" t="str">
            <v>省略可</v>
          </cell>
          <cell r="AW265">
            <v>1145970</v>
          </cell>
          <cell r="AX265">
            <v>1</v>
          </cell>
          <cell r="AY265" t="str">
            <v>富士電機システムズ（株）東日本支社北海道事務所</v>
          </cell>
          <cell r="AZ265">
            <v>1090000</v>
          </cell>
          <cell r="BA265">
            <v>1144500</v>
          </cell>
          <cell r="BB265">
            <v>54500</v>
          </cell>
          <cell r="BC265" t="str">
            <v>請書</v>
          </cell>
          <cell r="BE265">
            <v>38972</v>
          </cell>
          <cell r="BF265" t="str">
            <v>しない</v>
          </cell>
          <cell r="BG265" t="str">
            <v>見積</v>
          </cell>
          <cell r="BH265">
            <v>0.99871724390690853</v>
          </cell>
          <cell r="BK265">
            <v>1091400</v>
          </cell>
          <cell r="BL265" t="str">
            <v xml:space="preserve"> </v>
          </cell>
          <cell r="BM265">
            <v>1470</v>
          </cell>
          <cell r="BN265">
            <v>0.99871724390690853</v>
          </cell>
        </row>
        <row r="266">
          <cell r="A266">
            <v>1147</v>
          </cell>
          <cell r="B266" t="str">
            <v>物品購入</v>
          </cell>
          <cell r="C266" t="str">
            <v>正集電器軸他</v>
          </cell>
          <cell r="D266">
            <v>38965</v>
          </cell>
          <cell r="G266">
            <v>324975</v>
          </cell>
          <cell r="I266">
            <v>1</v>
          </cell>
          <cell r="J266" t="str">
            <v>式</v>
          </cell>
          <cell r="K266" t="str">
            <v/>
          </cell>
          <cell r="L266">
            <v>324975</v>
          </cell>
          <cell r="M266" t="str">
            <v>公開</v>
          </cell>
          <cell r="N266" t="str">
            <v>高・営</v>
          </cell>
          <cell r="P266">
            <v>39066</v>
          </cell>
          <cell r="Q266" t="str">
            <v>壱</v>
          </cell>
          <cell r="R266" t="str">
            <v>無</v>
          </cell>
          <cell r="S266" t="str">
            <v>車両課(真駒内)</v>
          </cell>
          <cell r="T266" t="str">
            <v>遠藤　順一</v>
          </cell>
          <cell r="U266">
            <v>8313</v>
          </cell>
          <cell r="V266" t="str">
            <v>課長</v>
          </cell>
          <cell r="W266" t="str">
            <v>なか１日</v>
          </cell>
          <cell r="X266" t="str">
            <v>公開</v>
          </cell>
          <cell r="Y266">
            <v>38974</v>
          </cell>
          <cell r="Z266">
            <v>38974</v>
          </cell>
          <cell r="AB266" t="str">
            <v>交通局３階総務課（契約担当）</v>
          </cell>
          <cell r="AD266" t="e">
            <v>#VALUE!</v>
          </cell>
          <cell r="AI266">
            <v>3</v>
          </cell>
          <cell r="AJ266" t="str">
            <v>潮物産（株）札幌支店</v>
          </cell>
          <cell r="AU266" t="str">
            <v>省略可</v>
          </cell>
          <cell r="AW266">
            <v>324975</v>
          </cell>
          <cell r="AX266">
            <v>1</v>
          </cell>
          <cell r="AY266" t="str">
            <v>潮物産（株）札幌支店</v>
          </cell>
          <cell r="AZ266">
            <v>309500</v>
          </cell>
          <cell r="BA266">
            <v>324975</v>
          </cell>
          <cell r="BB266">
            <v>15475</v>
          </cell>
          <cell r="BC266" t="str">
            <v>発注書</v>
          </cell>
          <cell r="BE266">
            <v>38975</v>
          </cell>
          <cell r="BF266" t="str">
            <v>しない</v>
          </cell>
          <cell r="BG266" t="str">
            <v>見積(公開)</v>
          </cell>
          <cell r="BH266">
            <v>1</v>
          </cell>
          <cell r="BK266">
            <v>309500</v>
          </cell>
          <cell r="BL266" t="str">
            <v xml:space="preserve"> </v>
          </cell>
          <cell r="BM266">
            <v>0</v>
          </cell>
          <cell r="BN266">
            <v>1</v>
          </cell>
        </row>
        <row r="267">
          <cell r="A267">
            <v>7081</v>
          </cell>
          <cell r="B267" t="str">
            <v>業務委託</v>
          </cell>
          <cell r="C267" t="str">
            <v>空調機オーバーホール（松下製）</v>
          </cell>
          <cell r="D267">
            <v>38965</v>
          </cell>
          <cell r="E267" t="str">
            <v>特命</v>
          </cell>
          <cell r="G267">
            <v>1386000</v>
          </cell>
          <cell r="I267">
            <v>1</v>
          </cell>
          <cell r="J267" t="str">
            <v>式</v>
          </cell>
          <cell r="K267" t="str">
            <v/>
          </cell>
          <cell r="L267">
            <v>1386000</v>
          </cell>
          <cell r="M267" t="str">
            <v>特命</v>
          </cell>
          <cell r="N267" t="str">
            <v>高・営</v>
          </cell>
          <cell r="O267">
            <v>38974</v>
          </cell>
          <cell r="P267">
            <v>39021</v>
          </cell>
          <cell r="Q267" t="str">
            <v>壱</v>
          </cell>
          <cell r="R267" t="str">
            <v>無</v>
          </cell>
          <cell r="S267" t="str">
            <v>施設課</v>
          </cell>
          <cell r="T267" t="str">
            <v>北川　博教</v>
          </cell>
          <cell r="U267">
            <v>2528</v>
          </cell>
          <cell r="V267" t="str">
            <v>部長</v>
          </cell>
          <cell r="W267" t="str">
            <v>なか１日</v>
          </cell>
          <cell r="X267" t="str">
            <v>特命</v>
          </cell>
          <cell r="Y267">
            <v>38971</v>
          </cell>
          <cell r="Z267">
            <v>38971</v>
          </cell>
          <cell r="AA267">
            <v>1500</v>
          </cell>
          <cell r="AB267" t="str">
            <v>交通局３階総務課（契約担当）</v>
          </cell>
          <cell r="AD267" t="str">
            <v>平成18年9月11日(月)　15時00分</v>
          </cell>
          <cell r="AI267">
            <v>1</v>
          </cell>
          <cell r="AJ267" t="str">
            <v>パナソニックＳＳエンジニアリング（株）北海道ＰＳＳＥ社</v>
          </cell>
          <cell r="AU267" t="str">
            <v>要</v>
          </cell>
          <cell r="AV267">
            <v>1300000</v>
          </cell>
          <cell r="AW267">
            <v>1365000</v>
          </cell>
          <cell r="AX267">
            <v>1.5151515151515138E-2</v>
          </cell>
          <cell r="AY267" t="str">
            <v>パナソニックＳＳエンジニアリング（株）北海道ＰＳＳＥ社</v>
          </cell>
          <cell r="AZ267">
            <v>1300000</v>
          </cell>
          <cell r="BA267">
            <v>1365000</v>
          </cell>
          <cell r="BB267">
            <v>65000</v>
          </cell>
          <cell r="BC267" t="str">
            <v>契約書</v>
          </cell>
          <cell r="BE267">
            <v>38972</v>
          </cell>
          <cell r="BF267" t="str">
            <v>しない</v>
          </cell>
          <cell r="BG267" t="str">
            <v>見積</v>
          </cell>
          <cell r="BH267">
            <v>1</v>
          </cell>
          <cell r="BK267">
            <v>1320000</v>
          </cell>
          <cell r="BL267" t="str">
            <v xml:space="preserve"> </v>
          </cell>
          <cell r="BM267">
            <v>21000</v>
          </cell>
          <cell r="BN267">
            <v>0.98484848484848486</v>
          </cell>
        </row>
        <row r="268">
          <cell r="A268">
            <v>7082</v>
          </cell>
          <cell r="B268" t="str">
            <v>業務委託</v>
          </cell>
          <cell r="C268" t="str">
            <v>南郷１３丁目駅換気塔フェンス修理</v>
          </cell>
          <cell r="D268">
            <v>38965</v>
          </cell>
          <cell r="G268">
            <v>2289000</v>
          </cell>
          <cell r="I268">
            <v>1</v>
          </cell>
          <cell r="J268" t="str">
            <v>式</v>
          </cell>
          <cell r="K268" t="str">
            <v/>
          </cell>
          <cell r="L268">
            <v>2289000</v>
          </cell>
          <cell r="M268" t="str">
            <v>入札</v>
          </cell>
          <cell r="N268" t="str">
            <v>高・営</v>
          </cell>
          <cell r="O268">
            <v>38975</v>
          </cell>
          <cell r="P268">
            <v>39051</v>
          </cell>
          <cell r="Q268" t="str">
            <v>壱</v>
          </cell>
          <cell r="R268" t="str">
            <v>無</v>
          </cell>
          <cell r="S268" t="str">
            <v>施設課</v>
          </cell>
          <cell r="T268" t="str">
            <v>岡島　昌仁</v>
          </cell>
          <cell r="U268">
            <v>2522</v>
          </cell>
          <cell r="V268" t="str">
            <v>管理者</v>
          </cell>
          <cell r="W268" t="str">
            <v>なか１日</v>
          </cell>
          <cell r="X268" t="str">
            <v>入札</v>
          </cell>
          <cell r="Y268">
            <v>38972</v>
          </cell>
          <cell r="Z268">
            <v>38973</v>
          </cell>
          <cell r="AA268">
            <v>1100</v>
          </cell>
          <cell r="AB268" t="str">
            <v>交通局５階入札室</v>
          </cell>
          <cell r="AD268" t="str">
            <v>平成18年9月13日(水)　11時00分</v>
          </cell>
          <cell r="AE268" t="str">
            <v>サービス業</v>
          </cell>
          <cell r="AF268" t="str">
            <v>その他サービス業</v>
          </cell>
          <cell r="AG268" t="str">
            <v>他に分類されないサービス業</v>
          </cell>
          <cell r="AH268" t="str">
            <v>-</v>
          </cell>
          <cell r="AI268">
            <v>3</v>
          </cell>
          <cell r="AJ268" t="str">
            <v>保木建設（株）</v>
          </cell>
          <cell r="AK268" t="str">
            <v>丸栄山下建設（株）</v>
          </cell>
          <cell r="AL268" t="str">
            <v>ムトウ建設工業（株）</v>
          </cell>
          <cell r="AU268" t="str">
            <v>要</v>
          </cell>
          <cell r="AV268">
            <v>2150000</v>
          </cell>
          <cell r="AW268">
            <v>2257500</v>
          </cell>
          <cell r="AX268">
            <v>1.3761467889908285E-2</v>
          </cell>
          <cell r="AY268" t="str">
            <v>ムトウ建設工業（株）</v>
          </cell>
          <cell r="AZ268">
            <v>2100000</v>
          </cell>
          <cell r="BA268">
            <v>2205000</v>
          </cell>
          <cell r="BB268">
            <v>105000</v>
          </cell>
          <cell r="BC268" t="str">
            <v>契約書</v>
          </cell>
          <cell r="BE268">
            <v>38973</v>
          </cell>
          <cell r="BF268" t="str">
            <v>しない</v>
          </cell>
          <cell r="BG268" t="str">
            <v>入  札</v>
          </cell>
          <cell r="BH268">
            <v>0.97674418604651159</v>
          </cell>
          <cell r="BK268">
            <v>2180000</v>
          </cell>
          <cell r="BL268" t="str">
            <v xml:space="preserve"> </v>
          </cell>
          <cell r="BM268">
            <v>84000</v>
          </cell>
          <cell r="BN268">
            <v>0.96330275229357798</v>
          </cell>
        </row>
        <row r="269">
          <cell r="A269">
            <v>1148</v>
          </cell>
          <cell r="B269" t="str">
            <v>物品購入</v>
          </cell>
          <cell r="C269" t="str">
            <v>シールドビーム電球</v>
          </cell>
          <cell r="D269">
            <v>38965</v>
          </cell>
          <cell r="G269">
            <v>315000</v>
          </cell>
          <cell r="I269">
            <v>1</v>
          </cell>
          <cell r="J269" t="str">
            <v>式</v>
          </cell>
          <cell r="K269" t="str">
            <v/>
          </cell>
          <cell r="L269">
            <v>315000</v>
          </cell>
          <cell r="M269" t="str">
            <v>公開</v>
          </cell>
          <cell r="N269" t="str">
            <v>高・営</v>
          </cell>
          <cell r="P269">
            <v>39038</v>
          </cell>
          <cell r="Q269" t="str">
            <v>壱</v>
          </cell>
          <cell r="R269" t="str">
            <v>無</v>
          </cell>
          <cell r="S269" t="str">
            <v>車両課(真駒内)</v>
          </cell>
          <cell r="T269" t="str">
            <v>遠藤　順一</v>
          </cell>
          <cell r="U269">
            <v>8313</v>
          </cell>
          <cell r="V269" t="str">
            <v>課長</v>
          </cell>
          <cell r="W269" t="str">
            <v>なか１日</v>
          </cell>
          <cell r="X269" t="str">
            <v>公開</v>
          </cell>
          <cell r="Y269">
            <v>38974</v>
          </cell>
          <cell r="Z269">
            <v>38974</v>
          </cell>
          <cell r="AB269" t="str">
            <v>交通局３階総務課（契約担当）</v>
          </cell>
          <cell r="AD269" t="e">
            <v>#VALUE!</v>
          </cell>
          <cell r="AI269">
            <v>3</v>
          </cell>
          <cell r="AJ269" t="str">
            <v>福田実業（株）</v>
          </cell>
          <cell r="AU269" t="str">
            <v>省略可</v>
          </cell>
          <cell r="AW269">
            <v>315000</v>
          </cell>
          <cell r="AX269">
            <v>1</v>
          </cell>
          <cell r="AY269" t="str">
            <v>福田実業（株）</v>
          </cell>
          <cell r="AZ269">
            <v>300000</v>
          </cell>
          <cell r="BA269">
            <v>315000</v>
          </cell>
          <cell r="BB269">
            <v>15000</v>
          </cell>
          <cell r="BC269" t="str">
            <v>発注書</v>
          </cell>
          <cell r="BE269">
            <v>38975</v>
          </cell>
          <cell r="BF269" t="str">
            <v>しない</v>
          </cell>
          <cell r="BG269" t="str">
            <v>見積(公開)</v>
          </cell>
          <cell r="BH269">
            <v>1</v>
          </cell>
          <cell r="BK269">
            <v>300000</v>
          </cell>
          <cell r="BL269" t="str">
            <v xml:space="preserve"> </v>
          </cell>
          <cell r="BM269">
            <v>0</v>
          </cell>
          <cell r="BN269">
            <v>1</v>
          </cell>
        </row>
        <row r="270">
          <cell r="A270">
            <v>1149</v>
          </cell>
          <cell r="B270" t="str">
            <v>物品購入</v>
          </cell>
          <cell r="C270" t="str">
            <v>空気式二方弁</v>
          </cell>
          <cell r="D270">
            <v>38965</v>
          </cell>
          <cell r="E270" t="str">
            <v>特命</v>
          </cell>
          <cell r="G270">
            <v>118965</v>
          </cell>
          <cell r="I270">
            <v>1</v>
          </cell>
          <cell r="J270" t="str">
            <v>式</v>
          </cell>
          <cell r="K270" t="str">
            <v/>
          </cell>
          <cell r="L270">
            <v>118965</v>
          </cell>
          <cell r="M270" t="str">
            <v>特命</v>
          </cell>
          <cell r="N270" t="str">
            <v>高・営</v>
          </cell>
          <cell r="P270">
            <v>39021</v>
          </cell>
          <cell r="Q270" t="str">
            <v>壱</v>
          </cell>
          <cell r="R270" t="str">
            <v>無</v>
          </cell>
          <cell r="S270" t="str">
            <v>施設課</v>
          </cell>
          <cell r="T270" t="str">
            <v>鍔山　和宏</v>
          </cell>
          <cell r="U270">
            <v>2525</v>
          </cell>
          <cell r="V270" t="str">
            <v>課長</v>
          </cell>
          <cell r="W270" t="str">
            <v>なか１日</v>
          </cell>
          <cell r="X270" t="str">
            <v>特命</v>
          </cell>
          <cell r="Y270">
            <v>38968</v>
          </cell>
          <cell r="Z270">
            <v>38971</v>
          </cell>
          <cell r="AA270">
            <v>1600</v>
          </cell>
          <cell r="AB270" t="str">
            <v>交通局３階総務課（契約担当）</v>
          </cell>
          <cell r="AD270" t="str">
            <v>平成18年9月11日(月)　16時00分</v>
          </cell>
          <cell r="AI270">
            <v>1</v>
          </cell>
          <cell r="AJ270" t="str">
            <v>（株）山武ビルシステムカンパニー北海道支店</v>
          </cell>
          <cell r="AU270" t="str">
            <v>省略可</v>
          </cell>
          <cell r="AW270">
            <v>118965</v>
          </cell>
          <cell r="AX270">
            <v>1</v>
          </cell>
          <cell r="AY270" t="str">
            <v>（株）山武ビルシステムカンパニー北海道支店</v>
          </cell>
          <cell r="AZ270">
            <v>113000</v>
          </cell>
          <cell r="BA270">
            <v>118650</v>
          </cell>
          <cell r="BB270">
            <v>5650</v>
          </cell>
          <cell r="BC270" t="str">
            <v>発注書</v>
          </cell>
          <cell r="BE270">
            <v>38971</v>
          </cell>
          <cell r="BF270" t="str">
            <v>しない</v>
          </cell>
          <cell r="BG270" t="str">
            <v>見積</v>
          </cell>
          <cell r="BH270">
            <v>0.99735216240070612</v>
          </cell>
          <cell r="BK270">
            <v>113300</v>
          </cell>
          <cell r="BL270" t="str">
            <v xml:space="preserve"> </v>
          </cell>
          <cell r="BM270">
            <v>315</v>
          </cell>
          <cell r="BN270">
            <v>0.99735216240070612</v>
          </cell>
        </row>
        <row r="271">
          <cell r="A271">
            <v>1150</v>
          </cell>
          <cell r="B271" t="str">
            <v>物品購入</v>
          </cell>
          <cell r="C271" t="str">
            <v>電話保守部品その１</v>
          </cell>
          <cell r="D271">
            <v>38966</v>
          </cell>
          <cell r="E271" t="str">
            <v>特命</v>
          </cell>
          <cell r="G271">
            <v>1204875</v>
          </cell>
          <cell r="I271">
            <v>1</v>
          </cell>
          <cell r="J271" t="str">
            <v>式</v>
          </cell>
          <cell r="K271" t="str">
            <v/>
          </cell>
          <cell r="L271">
            <v>1204875</v>
          </cell>
          <cell r="M271" t="str">
            <v>特命</v>
          </cell>
          <cell r="N271" t="str">
            <v>高・営</v>
          </cell>
          <cell r="P271">
            <v>39002</v>
          </cell>
          <cell r="Q271" t="str">
            <v>壱</v>
          </cell>
          <cell r="R271" t="str">
            <v>無</v>
          </cell>
          <cell r="S271" t="str">
            <v>電気課</v>
          </cell>
          <cell r="T271" t="str">
            <v>赤地　修市</v>
          </cell>
          <cell r="U271">
            <v>2647</v>
          </cell>
          <cell r="V271" t="str">
            <v>課長</v>
          </cell>
          <cell r="W271" t="str">
            <v>なか１日</v>
          </cell>
          <cell r="X271" t="str">
            <v>特命</v>
          </cell>
          <cell r="Y271">
            <v>38971</v>
          </cell>
          <cell r="Z271">
            <v>38973</v>
          </cell>
          <cell r="AA271">
            <v>1400</v>
          </cell>
          <cell r="AB271" t="str">
            <v>交通局３階総務課（契約担当）</v>
          </cell>
          <cell r="AD271" t="str">
            <v>平成18年9月13日(水)　14時00分</v>
          </cell>
          <cell r="AI271">
            <v>1</v>
          </cell>
          <cell r="AJ271" t="str">
            <v>沖電気工業（株）北海道支社</v>
          </cell>
          <cell r="AU271" t="str">
            <v>省略可</v>
          </cell>
          <cell r="AW271">
            <v>1204875</v>
          </cell>
          <cell r="AX271">
            <v>1</v>
          </cell>
          <cell r="AY271" t="str">
            <v>沖電気工業（株）北海道支社</v>
          </cell>
          <cell r="AZ271">
            <v>1100000</v>
          </cell>
          <cell r="BA271">
            <v>1155000</v>
          </cell>
          <cell r="BB271">
            <v>55000</v>
          </cell>
          <cell r="BC271" t="str">
            <v>請書</v>
          </cell>
          <cell r="BE271">
            <v>38974</v>
          </cell>
          <cell r="BF271" t="str">
            <v>しない</v>
          </cell>
          <cell r="BG271" t="str">
            <v>見積</v>
          </cell>
          <cell r="BH271">
            <v>0.95860566448801743</v>
          </cell>
          <cell r="BK271">
            <v>1147500</v>
          </cell>
          <cell r="BL271" t="str">
            <v xml:space="preserve"> </v>
          </cell>
          <cell r="BM271">
            <v>49875</v>
          </cell>
          <cell r="BN271">
            <v>0.95860566448801743</v>
          </cell>
        </row>
        <row r="272">
          <cell r="A272">
            <v>7083</v>
          </cell>
          <cell r="B272" t="str">
            <v>業務委託</v>
          </cell>
          <cell r="C272" t="str">
            <v>直流高速度遮断器修理（幌北変電所）</v>
          </cell>
          <cell r="D272">
            <v>38966</v>
          </cell>
          <cell r="E272" t="str">
            <v>特命</v>
          </cell>
          <cell r="G272">
            <v>330750</v>
          </cell>
          <cell r="I272">
            <v>1</v>
          </cell>
          <cell r="J272" t="str">
            <v>式</v>
          </cell>
          <cell r="K272" t="str">
            <v/>
          </cell>
          <cell r="L272">
            <v>330750</v>
          </cell>
          <cell r="M272" t="str">
            <v>特命</v>
          </cell>
          <cell r="N272" t="str">
            <v>高・営</v>
          </cell>
          <cell r="O272">
            <v>38975</v>
          </cell>
          <cell r="P272">
            <v>39010</v>
          </cell>
          <cell r="Q272" t="str">
            <v>壱</v>
          </cell>
          <cell r="R272" t="str">
            <v>無</v>
          </cell>
          <cell r="S272" t="str">
            <v>電気課</v>
          </cell>
          <cell r="T272" t="str">
            <v>佐々木　泰宏</v>
          </cell>
          <cell r="U272">
            <v>2624</v>
          </cell>
          <cell r="V272" t="str">
            <v>部長</v>
          </cell>
          <cell r="W272" t="str">
            <v>なか１日</v>
          </cell>
          <cell r="X272" t="str">
            <v>特命</v>
          </cell>
          <cell r="Y272">
            <v>38972</v>
          </cell>
          <cell r="Z272">
            <v>38973</v>
          </cell>
          <cell r="AA272">
            <v>1430</v>
          </cell>
          <cell r="AB272" t="str">
            <v>交通局３階総務課（契約担当）</v>
          </cell>
          <cell r="AD272" t="str">
            <v>平成18年9月13日(水)　14時30分</v>
          </cell>
          <cell r="AI272">
            <v>1</v>
          </cell>
          <cell r="AJ272" t="str">
            <v>三菱電機（株）北海道支社</v>
          </cell>
          <cell r="AU272" t="str">
            <v>省略可</v>
          </cell>
          <cell r="AW272">
            <v>330750</v>
          </cell>
          <cell r="AX272">
            <v>1</v>
          </cell>
          <cell r="AY272" t="str">
            <v>三菱電機（株）北海道支社</v>
          </cell>
          <cell r="AZ272">
            <v>310000</v>
          </cell>
          <cell r="BA272">
            <v>325500</v>
          </cell>
          <cell r="BB272">
            <v>15500</v>
          </cell>
          <cell r="BC272" t="str">
            <v>請書</v>
          </cell>
          <cell r="BE272">
            <v>38974</v>
          </cell>
          <cell r="BF272" t="str">
            <v>しない</v>
          </cell>
          <cell r="BG272" t="str">
            <v>見積</v>
          </cell>
          <cell r="BH272">
            <v>0.98412698412698407</v>
          </cell>
          <cell r="BK272">
            <v>315000</v>
          </cell>
          <cell r="BL272" t="str">
            <v xml:space="preserve"> </v>
          </cell>
          <cell r="BM272">
            <v>5250</v>
          </cell>
          <cell r="BN272">
            <v>0.98412698412698407</v>
          </cell>
        </row>
        <row r="273">
          <cell r="A273">
            <v>1151</v>
          </cell>
          <cell r="B273" t="str">
            <v>物品購入</v>
          </cell>
          <cell r="C273" t="str">
            <v>合成枕木</v>
          </cell>
          <cell r="D273">
            <v>38967</v>
          </cell>
          <cell r="E273" t="str">
            <v>特命</v>
          </cell>
          <cell r="G273">
            <v>375900</v>
          </cell>
          <cell r="I273">
            <v>1</v>
          </cell>
          <cell r="J273" t="str">
            <v>式</v>
          </cell>
          <cell r="K273" t="str">
            <v/>
          </cell>
          <cell r="L273">
            <v>375900</v>
          </cell>
          <cell r="M273" t="str">
            <v>特命</v>
          </cell>
          <cell r="N273" t="str">
            <v>軌・建改</v>
          </cell>
          <cell r="P273">
            <v>39003</v>
          </cell>
          <cell r="Q273" t="str">
            <v>壱</v>
          </cell>
          <cell r="R273" t="str">
            <v>無</v>
          </cell>
          <cell r="S273" t="str">
            <v>電車事業所</v>
          </cell>
          <cell r="T273" t="str">
            <v>須藤　誠一</v>
          </cell>
          <cell r="U273">
            <v>2933</v>
          </cell>
          <cell r="V273" t="str">
            <v>課長</v>
          </cell>
          <cell r="W273" t="str">
            <v>なか１日</v>
          </cell>
          <cell r="X273" t="str">
            <v>特命</v>
          </cell>
          <cell r="Y273">
            <v>38972</v>
          </cell>
          <cell r="Z273">
            <v>38973</v>
          </cell>
          <cell r="AA273">
            <v>1500</v>
          </cell>
          <cell r="AB273" t="str">
            <v>交通局３階総務課（契約担当）</v>
          </cell>
          <cell r="AD273" t="str">
            <v>平成18年9月13日(水)　15時00分</v>
          </cell>
          <cell r="AI273">
            <v>1</v>
          </cell>
          <cell r="AJ273" t="str">
            <v>八洲器材（株）札幌営業所</v>
          </cell>
          <cell r="AU273" t="str">
            <v>省略可</v>
          </cell>
          <cell r="AW273">
            <v>375900</v>
          </cell>
          <cell r="AX273">
            <v>1</v>
          </cell>
          <cell r="AY273" t="str">
            <v>八洲器材（株）札幌営業所</v>
          </cell>
          <cell r="AZ273">
            <v>358000</v>
          </cell>
          <cell r="BA273">
            <v>375900</v>
          </cell>
          <cell r="BB273">
            <v>17900</v>
          </cell>
          <cell r="BC273" t="str">
            <v>発注書</v>
          </cell>
          <cell r="BE273">
            <v>38973</v>
          </cell>
          <cell r="BF273" t="str">
            <v>する</v>
          </cell>
          <cell r="BG273" t="str">
            <v>見積</v>
          </cell>
          <cell r="BH273">
            <v>1</v>
          </cell>
          <cell r="BK273">
            <v>358000</v>
          </cell>
          <cell r="BL273" t="str">
            <v xml:space="preserve"> </v>
          </cell>
          <cell r="BM273">
            <v>0</v>
          </cell>
          <cell r="BN273">
            <v>1</v>
          </cell>
        </row>
        <row r="274">
          <cell r="A274">
            <v>2039</v>
          </cell>
          <cell r="B274" t="str">
            <v>製造請負</v>
          </cell>
          <cell r="C274" t="str">
            <v>遺失物届出明細書</v>
          </cell>
          <cell r="D274">
            <v>38967</v>
          </cell>
          <cell r="G274">
            <v>341250</v>
          </cell>
          <cell r="I274">
            <v>500</v>
          </cell>
          <cell r="J274" t="str">
            <v>冊</v>
          </cell>
          <cell r="K274" t="str">
            <v/>
          </cell>
          <cell r="L274">
            <v>341250</v>
          </cell>
          <cell r="M274" t="str">
            <v>公開</v>
          </cell>
          <cell r="N274" t="str">
            <v>高・営</v>
          </cell>
          <cell r="P274">
            <v>39021</v>
          </cell>
          <cell r="Q274" t="str">
            <v>壱</v>
          </cell>
          <cell r="R274" t="str">
            <v>無</v>
          </cell>
          <cell r="S274" t="str">
            <v>経営企画課</v>
          </cell>
          <cell r="T274" t="str">
            <v>中田　邦宏</v>
          </cell>
          <cell r="U274">
            <v>2114</v>
          </cell>
          <cell r="V274" t="str">
            <v>課長</v>
          </cell>
          <cell r="W274" t="str">
            <v>なか１日</v>
          </cell>
          <cell r="X274" t="str">
            <v>公開</v>
          </cell>
          <cell r="Y274">
            <v>38974</v>
          </cell>
          <cell r="Z274">
            <v>38974</v>
          </cell>
          <cell r="AB274" t="str">
            <v>交通局３階総務課（契約担当）</v>
          </cell>
          <cell r="AD274" t="e">
            <v>#VALUE!</v>
          </cell>
          <cell r="AI274">
            <v>3</v>
          </cell>
          <cell r="AJ274" t="str">
            <v>㈲金森印刷所</v>
          </cell>
          <cell r="AK274" t="str">
            <v>システム・サプライ（株）</v>
          </cell>
          <cell r="AL274" t="str">
            <v>総合商研（株）</v>
          </cell>
          <cell r="AM274" t="str">
            <v>日東印刷（株）</v>
          </cell>
          <cell r="AN274" t="str">
            <v>柏楊印刷（株）</v>
          </cell>
          <cell r="AO274" t="str">
            <v>ひまわり印刷（株）</v>
          </cell>
          <cell r="AP274" t="str">
            <v>（株）富士コンテム</v>
          </cell>
          <cell r="AQ274" t="str">
            <v>北海道印刷企画（株）</v>
          </cell>
          <cell r="AU274" t="str">
            <v>省略可</v>
          </cell>
          <cell r="AW274">
            <v>341250</v>
          </cell>
          <cell r="AX274">
            <v>1</v>
          </cell>
          <cell r="AY274" t="str">
            <v>（株）富士コンテム</v>
          </cell>
          <cell r="AZ274">
            <v>179600</v>
          </cell>
          <cell r="BA274">
            <v>188580</v>
          </cell>
          <cell r="BB274">
            <v>8980</v>
          </cell>
          <cell r="BC274" t="str">
            <v>発注書</v>
          </cell>
          <cell r="BE274">
            <v>38975</v>
          </cell>
          <cell r="BF274" t="str">
            <v>しない</v>
          </cell>
          <cell r="BG274" t="str">
            <v>見積(公開)</v>
          </cell>
          <cell r="BH274">
            <v>0.55261538461538462</v>
          </cell>
          <cell r="BK274">
            <v>325000</v>
          </cell>
          <cell r="BL274">
            <v>682.5</v>
          </cell>
          <cell r="BM274">
            <v>152670</v>
          </cell>
          <cell r="BN274">
            <v>0.55261538461538462</v>
          </cell>
        </row>
        <row r="275">
          <cell r="A275">
            <v>1152</v>
          </cell>
          <cell r="B275" t="str">
            <v>物品購入</v>
          </cell>
          <cell r="C275" t="str">
            <v>自動出改札装置保守部品その２</v>
          </cell>
          <cell r="D275">
            <v>38967</v>
          </cell>
          <cell r="E275" t="str">
            <v>特命</v>
          </cell>
          <cell r="G275">
            <v>5966100</v>
          </cell>
          <cell r="I275">
            <v>1</v>
          </cell>
          <cell r="J275" t="str">
            <v>式</v>
          </cell>
          <cell r="K275" t="str">
            <v/>
          </cell>
          <cell r="L275">
            <v>5966100</v>
          </cell>
          <cell r="M275" t="str">
            <v>特命</v>
          </cell>
          <cell r="N275" t="str">
            <v>高・営</v>
          </cell>
          <cell r="P275">
            <v>39101</v>
          </cell>
          <cell r="Q275" t="str">
            <v>壱</v>
          </cell>
          <cell r="R275" t="str">
            <v>無</v>
          </cell>
          <cell r="S275" t="str">
            <v>電気課</v>
          </cell>
          <cell r="T275" t="str">
            <v>中田　貴也</v>
          </cell>
          <cell r="U275">
            <v>2664</v>
          </cell>
          <cell r="V275" t="str">
            <v>部長</v>
          </cell>
          <cell r="W275" t="str">
            <v>なか５日</v>
          </cell>
          <cell r="X275" t="str">
            <v>特命</v>
          </cell>
          <cell r="Y275">
            <v>38974</v>
          </cell>
          <cell r="Z275">
            <v>38975</v>
          </cell>
          <cell r="AA275">
            <v>1400</v>
          </cell>
          <cell r="AB275" t="str">
            <v>交通局３階総務課（契約担当）</v>
          </cell>
          <cell r="AD275" t="str">
            <v>平成18年9月15日(金)　14時00分</v>
          </cell>
          <cell r="AI275">
            <v>1</v>
          </cell>
          <cell r="AJ275" t="str">
            <v>日本信号（株）北海道支店</v>
          </cell>
          <cell r="AU275" t="str">
            <v>要</v>
          </cell>
          <cell r="AV275">
            <v>5620000</v>
          </cell>
          <cell r="AW275">
            <v>5901000</v>
          </cell>
          <cell r="AX275">
            <v>1.0911650827173491E-2</v>
          </cell>
          <cell r="AY275" t="str">
            <v>日本信号（株）北海道支店</v>
          </cell>
          <cell r="AZ275">
            <v>5600000</v>
          </cell>
          <cell r="BA275">
            <v>5880000</v>
          </cell>
          <cell r="BB275">
            <v>280000</v>
          </cell>
          <cell r="BC275" t="str">
            <v>契約書</v>
          </cell>
          <cell r="BE275">
            <v>38979</v>
          </cell>
          <cell r="BF275" t="str">
            <v>しない</v>
          </cell>
          <cell r="BG275" t="str">
            <v>見積</v>
          </cell>
          <cell r="BH275">
            <v>0.99644128113879005</v>
          </cell>
          <cell r="BK275">
            <v>5682000</v>
          </cell>
          <cell r="BL275" t="str">
            <v xml:space="preserve"> </v>
          </cell>
          <cell r="BM275">
            <v>86100</v>
          </cell>
          <cell r="BN275">
            <v>0.98556846180922209</v>
          </cell>
        </row>
        <row r="276">
          <cell r="A276">
            <v>1153</v>
          </cell>
          <cell r="B276" t="str">
            <v>物品購入</v>
          </cell>
          <cell r="C276" t="str">
            <v>７０００形ＶＨＦ車上装置用電源装置</v>
          </cell>
          <cell r="D276">
            <v>38967</v>
          </cell>
          <cell r="E276" t="str">
            <v>特命</v>
          </cell>
          <cell r="G276">
            <v>556500</v>
          </cell>
          <cell r="I276">
            <v>1</v>
          </cell>
          <cell r="J276" t="str">
            <v>式</v>
          </cell>
          <cell r="K276" t="str">
            <v/>
          </cell>
          <cell r="L276">
            <v>556500</v>
          </cell>
          <cell r="M276" t="str">
            <v>特命</v>
          </cell>
          <cell r="N276" t="str">
            <v>高・営</v>
          </cell>
          <cell r="P276">
            <v>39141</v>
          </cell>
          <cell r="Q276" t="str">
            <v>壱</v>
          </cell>
          <cell r="R276" t="str">
            <v>無</v>
          </cell>
          <cell r="S276" t="str">
            <v>車両課(二十四軒)</v>
          </cell>
          <cell r="T276" t="str">
            <v>斉藤　政美</v>
          </cell>
          <cell r="U276">
            <v>8206</v>
          </cell>
          <cell r="V276" t="str">
            <v>課長</v>
          </cell>
          <cell r="W276" t="str">
            <v>なか１日</v>
          </cell>
          <cell r="X276" t="str">
            <v>特命</v>
          </cell>
          <cell r="Y276">
            <v>38972</v>
          </cell>
          <cell r="Z276">
            <v>38971</v>
          </cell>
          <cell r="AA276">
            <v>1330</v>
          </cell>
          <cell r="AB276" t="str">
            <v>交通局３階総務課（契約担当）</v>
          </cell>
          <cell r="AD276" t="str">
            <v>平成18年9月11日(月)　13時30分</v>
          </cell>
          <cell r="AI276">
            <v>1</v>
          </cell>
          <cell r="AJ276" t="str">
            <v>（株）日立製作所北海道支社</v>
          </cell>
          <cell r="AU276" t="str">
            <v>省略可</v>
          </cell>
          <cell r="AW276">
            <v>556500</v>
          </cell>
          <cell r="AX276">
            <v>1</v>
          </cell>
          <cell r="AY276" t="str">
            <v>（株）日立製作所北海道支社</v>
          </cell>
          <cell r="AZ276">
            <v>525000</v>
          </cell>
          <cell r="BA276">
            <v>551250</v>
          </cell>
          <cell r="BB276">
            <v>26250</v>
          </cell>
          <cell r="BC276" t="str">
            <v>請書</v>
          </cell>
          <cell r="BE276">
            <v>38971</v>
          </cell>
          <cell r="BF276" t="str">
            <v>しない</v>
          </cell>
          <cell r="BG276" t="str">
            <v>見積</v>
          </cell>
          <cell r="BH276">
            <v>0.99056603773584906</v>
          </cell>
          <cell r="BK276">
            <v>530000</v>
          </cell>
          <cell r="BL276" t="str">
            <v xml:space="preserve"> </v>
          </cell>
          <cell r="BM276">
            <v>5250</v>
          </cell>
          <cell r="BN276">
            <v>0.99056603773584906</v>
          </cell>
        </row>
        <row r="277">
          <cell r="A277">
            <v>7084</v>
          </cell>
          <cell r="B277" t="str">
            <v>業務委託</v>
          </cell>
          <cell r="C277" t="str">
            <v>補助電源装置修理業務</v>
          </cell>
          <cell r="D277">
            <v>38968</v>
          </cell>
          <cell r="E277" t="str">
            <v>特命</v>
          </cell>
          <cell r="G277">
            <v>1086750</v>
          </cell>
          <cell r="I277">
            <v>1</v>
          </cell>
          <cell r="J277" t="str">
            <v>式</v>
          </cell>
          <cell r="K277" t="str">
            <v/>
          </cell>
          <cell r="L277">
            <v>1086750</v>
          </cell>
          <cell r="M277" t="str">
            <v>特命</v>
          </cell>
          <cell r="N277" t="str">
            <v>軌・営</v>
          </cell>
          <cell r="O277">
            <v>38980</v>
          </cell>
          <cell r="P277">
            <v>39051</v>
          </cell>
          <cell r="Q277" t="str">
            <v>壱</v>
          </cell>
          <cell r="R277" t="str">
            <v>無</v>
          </cell>
          <cell r="S277" t="str">
            <v>電車事業所</v>
          </cell>
          <cell r="T277" t="str">
            <v>渡邊　佳宏</v>
          </cell>
          <cell r="U277">
            <v>2933</v>
          </cell>
          <cell r="V277" t="str">
            <v>部長</v>
          </cell>
          <cell r="W277" t="str">
            <v>なか１日</v>
          </cell>
          <cell r="X277" t="str">
            <v>特命</v>
          </cell>
          <cell r="Y277">
            <v>38974</v>
          </cell>
          <cell r="Z277">
            <v>38975</v>
          </cell>
          <cell r="AA277">
            <v>1430</v>
          </cell>
          <cell r="AB277" t="str">
            <v>交通局３階総務課（契約担当）</v>
          </cell>
          <cell r="AD277" t="str">
            <v>平成18年9月15日(金)　14時30分</v>
          </cell>
          <cell r="AI277">
            <v>1</v>
          </cell>
          <cell r="AJ277" t="str">
            <v>富士電機システムズ（株）東日本支社北海道事務所</v>
          </cell>
          <cell r="AU277" t="str">
            <v>要</v>
          </cell>
          <cell r="AV277">
            <v>1035000</v>
          </cell>
          <cell r="AW277">
            <v>1086750</v>
          </cell>
          <cell r="AX277">
            <v>0</v>
          </cell>
          <cell r="AY277" t="str">
            <v>富士電機システムズ（株）東日本支社北海道事務所</v>
          </cell>
          <cell r="AZ277">
            <v>998000</v>
          </cell>
          <cell r="BA277">
            <v>1047900</v>
          </cell>
          <cell r="BB277">
            <v>49900</v>
          </cell>
          <cell r="BC277" t="str">
            <v>契約書</v>
          </cell>
          <cell r="BE277">
            <v>38979</v>
          </cell>
          <cell r="BF277" t="str">
            <v>しない</v>
          </cell>
          <cell r="BG277" t="str">
            <v>見積</v>
          </cell>
          <cell r="BH277">
            <v>0.9642512077294686</v>
          </cell>
          <cell r="BK277">
            <v>1035000</v>
          </cell>
          <cell r="BL277" t="str">
            <v xml:space="preserve"> </v>
          </cell>
          <cell r="BM277">
            <v>38850</v>
          </cell>
          <cell r="BN277">
            <v>0.9642512077294686</v>
          </cell>
        </row>
        <row r="278">
          <cell r="A278">
            <v>1154</v>
          </cell>
          <cell r="B278" t="str">
            <v>物品購入</v>
          </cell>
          <cell r="C278" t="str">
            <v>ジャーナルプリンタ用インクリボン</v>
          </cell>
          <cell r="D278">
            <v>38968</v>
          </cell>
          <cell r="G278">
            <v>157500</v>
          </cell>
          <cell r="I278">
            <v>200</v>
          </cell>
          <cell r="J278" t="str">
            <v>個</v>
          </cell>
          <cell r="K278" t="str">
            <v/>
          </cell>
          <cell r="L278">
            <v>157500</v>
          </cell>
          <cell r="M278" t="str">
            <v>公開</v>
          </cell>
          <cell r="N278" t="str">
            <v>高・営</v>
          </cell>
          <cell r="P278">
            <v>39010</v>
          </cell>
          <cell r="Q278" t="str">
            <v>壱</v>
          </cell>
          <cell r="R278" t="str">
            <v>無</v>
          </cell>
          <cell r="S278" t="str">
            <v>経営企画課</v>
          </cell>
          <cell r="T278" t="str">
            <v>石橋　俊一</v>
          </cell>
          <cell r="U278">
            <v>2117</v>
          </cell>
          <cell r="V278" t="str">
            <v>課長</v>
          </cell>
          <cell r="W278" t="str">
            <v>なか１日</v>
          </cell>
          <cell r="X278" t="str">
            <v>公開</v>
          </cell>
          <cell r="Y278">
            <v>38974</v>
          </cell>
          <cell r="Z278">
            <v>38974</v>
          </cell>
          <cell r="AB278" t="str">
            <v>交通局３階総務課（契約担当）</v>
          </cell>
          <cell r="AD278" t="e">
            <v>#VALUE!</v>
          </cell>
          <cell r="AI278">
            <v>3</v>
          </cell>
          <cell r="AJ278" t="str">
            <v>（株）エルフォート</v>
          </cell>
          <cell r="AK278" t="str">
            <v>システム・サプライ（株）</v>
          </cell>
          <cell r="AL278" t="str">
            <v>大丸藤井（株）</v>
          </cell>
          <cell r="AM278" t="str">
            <v>北海文具（株）</v>
          </cell>
          <cell r="AU278" t="str">
            <v>省略可</v>
          </cell>
          <cell r="AW278">
            <v>157500</v>
          </cell>
          <cell r="AX278">
            <v>1</v>
          </cell>
          <cell r="AY278" t="str">
            <v>システム・サプライ（株）</v>
          </cell>
          <cell r="AZ278">
            <v>96000</v>
          </cell>
          <cell r="BA278">
            <v>100800</v>
          </cell>
          <cell r="BB278">
            <v>4800</v>
          </cell>
          <cell r="BC278" t="str">
            <v>発注書</v>
          </cell>
          <cell r="BE278">
            <v>38975</v>
          </cell>
          <cell r="BF278" t="str">
            <v>しない</v>
          </cell>
          <cell r="BG278" t="str">
            <v>見積(公開)</v>
          </cell>
          <cell r="BH278">
            <v>0.64</v>
          </cell>
          <cell r="BK278">
            <v>150000</v>
          </cell>
          <cell r="BL278">
            <v>787.5</v>
          </cell>
          <cell r="BM278">
            <v>56700</v>
          </cell>
          <cell r="BN278">
            <v>0.64</v>
          </cell>
        </row>
        <row r="279">
          <cell r="A279">
            <v>1155</v>
          </cell>
          <cell r="B279" t="str">
            <v>物品購入</v>
          </cell>
          <cell r="C279" t="str">
            <v>オイルコンデンサ（Ｃ４３）部品他</v>
          </cell>
          <cell r="D279">
            <v>38971</v>
          </cell>
          <cell r="E279" t="str">
            <v>特命</v>
          </cell>
          <cell r="G279">
            <v>522165</v>
          </cell>
          <cell r="I279">
            <v>1</v>
          </cell>
          <cell r="J279" t="str">
            <v>式</v>
          </cell>
          <cell r="K279" t="str">
            <v/>
          </cell>
          <cell r="L279">
            <v>522165</v>
          </cell>
          <cell r="M279" t="str">
            <v>特命</v>
          </cell>
          <cell r="N279" t="str">
            <v>高・営</v>
          </cell>
          <cell r="P279">
            <v>39141</v>
          </cell>
          <cell r="Q279" t="str">
            <v>壱</v>
          </cell>
          <cell r="R279" t="str">
            <v>無</v>
          </cell>
          <cell r="S279" t="str">
            <v>車両課(二十四軒)</v>
          </cell>
          <cell r="T279" t="str">
            <v>工藤　清</v>
          </cell>
          <cell r="U279">
            <v>8204</v>
          </cell>
          <cell r="V279" t="str">
            <v>課長</v>
          </cell>
          <cell r="W279" t="str">
            <v>なか１日</v>
          </cell>
          <cell r="X279" t="str">
            <v>特命</v>
          </cell>
          <cell r="Y279">
            <v>38974</v>
          </cell>
          <cell r="Z279">
            <v>38973</v>
          </cell>
          <cell r="AA279">
            <v>1330</v>
          </cell>
          <cell r="AB279" t="str">
            <v>交通局３階総務課（契約担当）</v>
          </cell>
          <cell r="AD279" t="str">
            <v>平成18年9月13日(水)　13時30分</v>
          </cell>
          <cell r="AI279">
            <v>1</v>
          </cell>
          <cell r="AJ279" t="str">
            <v>（株）日立製作所北海道支社</v>
          </cell>
          <cell r="AU279" t="str">
            <v>省略可</v>
          </cell>
          <cell r="AW279">
            <v>522165</v>
          </cell>
          <cell r="AX279">
            <v>1</v>
          </cell>
          <cell r="AY279" t="str">
            <v>（株）日立製作所北海道支社</v>
          </cell>
          <cell r="AZ279">
            <v>490000</v>
          </cell>
          <cell r="BA279">
            <v>514500</v>
          </cell>
          <cell r="BB279">
            <v>24500</v>
          </cell>
          <cell r="BC279" t="str">
            <v>請書</v>
          </cell>
          <cell r="BE279">
            <v>38974</v>
          </cell>
          <cell r="BF279" t="str">
            <v>しない</v>
          </cell>
          <cell r="BG279" t="str">
            <v>見積</v>
          </cell>
          <cell r="BH279">
            <v>0.98532073195254377</v>
          </cell>
          <cell r="BK279">
            <v>497300</v>
          </cell>
          <cell r="BL279" t="str">
            <v xml:space="preserve"> </v>
          </cell>
          <cell r="BM279">
            <v>7665</v>
          </cell>
          <cell r="BN279">
            <v>0.98532073195254377</v>
          </cell>
        </row>
        <row r="280">
          <cell r="A280">
            <v>1156</v>
          </cell>
          <cell r="B280" t="str">
            <v>物品購入</v>
          </cell>
          <cell r="C280" t="str">
            <v>蛍光灯</v>
          </cell>
          <cell r="D280">
            <v>38971</v>
          </cell>
          <cell r="G280">
            <v>214200</v>
          </cell>
          <cell r="I280">
            <v>1</v>
          </cell>
          <cell r="J280" t="str">
            <v>式</v>
          </cell>
          <cell r="K280" t="str">
            <v/>
          </cell>
          <cell r="L280">
            <v>214200</v>
          </cell>
          <cell r="M280" t="str">
            <v>公開</v>
          </cell>
          <cell r="N280" t="str">
            <v>高・営</v>
          </cell>
          <cell r="P280">
            <v>39164</v>
          </cell>
          <cell r="Q280" t="str">
            <v>壱</v>
          </cell>
          <cell r="R280" t="str">
            <v>無</v>
          </cell>
          <cell r="S280" t="str">
            <v>車両課(大谷地)</v>
          </cell>
          <cell r="T280" t="str">
            <v>板垣　勝己</v>
          </cell>
          <cell r="U280">
            <v>8412</v>
          </cell>
          <cell r="V280" t="str">
            <v>課長</v>
          </cell>
          <cell r="W280" t="str">
            <v>なか１日</v>
          </cell>
          <cell r="X280" t="str">
            <v>公開</v>
          </cell>
          <cell r="Y280">
            <v>38981</v>
          </cell>
          <cell r="Z280">
            <v>38981</v>
          </cell>
          <cell r="AB280" t="str">
            <v>交通局３階総務課（契約担当）</v>
          </cell>
          <cell r="AD280" t="e">
            <v>#VALUE!</v>
          </cell>
          <cell r="AI280">
            <v>3</v>
          </cell>
          <cell r="AJ280" t="str">
            <v>システム・サプライ（株）</v>
          </cell>
          <cell r="AK280" t="str">
            <v>大丸藤井（株）</v>
          </cell>
          <cell r="AL280" t="str">
            <v>日協エンジニアリング（株）</v>
          </cell>
          <cell r="AM280" t="str">
            <v>（株）北海道佐々木商会</v>
          </cell>
          <cell r="AN280" t="str">
            <v>理興産業（株）</v>
          </cell>
          <cell r="AO280" t="str">
            <v>（株）渡商</v>
          </cell>
          <cell r="AU280" t="str">
            <v>省略可</v>
          </cell>
          <cell r="AW280">
            <v>214200</v>
          </cell>
          <cell r="AX280">
            <v>1</v>
          </cell>
          <cell r="AY280" t="str">
            <v>（株）北海道佐々木商会</v>
          </cell>
          <cell r="AZ280">
            <v>147900</v>
          </cell>
          <cell r="BA280">
            <v>155295</v>
          </cell>
          <cell r="BB280">
            <v>7395</v>
          </cell>
          <cell r="BC280" t="str">
            <v>発注書</v>
          </cell>
          <cell r="BE280">
            <v>38982</v>
          </cell>
          <cell r="BF280" t="str">
            <v>しない</v>
          </cell>
          <cell r="BG280" t="str">
            <v>見積(公開)</v>
          </cell>
          <cell r="BH280">
            <v>0.72499999999999998</v>
          </cell>
          <cell r="BK280">
            <v>204000</v>
          </cell>
          <cell r="BL280" t="str">
            <v xml:space="preserve"> </v>
          </cell>
          <cell r="BM280">
            <v>58905</v>
          </cell>
          <cell r="BN280">
            <v>0.72499999999999998</v>
          </cell>
        </row>
        <row r="281">
          <cell r="A281">
            <v>7085</v>
          </cell>
          <cell r="B281" t="str">
            <v>業務委託</v>
          </cell>
          <cell r="C281" t="str">
            <v>月寒変電所アクティブフィルターオーバーホール</v>
          </cell>
          <cell r="D281">
            <v>38971</v>
          </cell>
          <cell r="E281" t="str">
            <v>特命</v>
          </cell>
          <cell r="G281">
            <v>1251600</v>
          </cell>
          <cell r="I281">
            <v>1</v>
          </cell>
          <cell r="J281" t="str">
            <v>式</v>
          </cell>
          <cell r="K281" t="str">
            <v/>
          </cell>
          <cell r="L281">
            <v>1251600</v>
          </cell>
          <cell r="M281" t="str">
            <v>特命</v>
          </cell>
          <cell r="N281" t="str">
            <v>高・営</v>
          </cell>
          <cell r="O281">
            <v>38981</v>
          </cell>
          <cell r="P281">
            <v>39071</v>
          </cell>
          <cell r="Q281" t="str">
            <v>壱</v>
          </cell>
          <cell r="R281" t="str">
            <v>無</v>
          </cell>
          <cell r="S281" t="str">
            <v>電気課</v>
          </cell>
          <cell r="T281" t="str">
            <v>大野　昇</v>
          </cell>
          <cell r="U281">
            <v>2623</v>
          </cell>
          <cell r="V281" t="str">
            <v>部長</v>
          </cell>
          <cell r="W281" t="str">
            <v>なか１日</v>
          </cell>
          <cell r="X281" t="str">
            <v>特命</v>
          </cell>
          <cell r="Y281">
            <v>38975</v>
          </cell>
          <cell r="Z281">
            <v>38979</v>
          </cell>
          <cell r="AA281">
            <v>1400</v>
          </cell>
          <cell r="AB281" t="str">
            <v>交通局３階総務課（契約担当）</v>
          </cell>
          <cell r="AD281" t="str">
            <v>平成18年9月19日(火)　14時00分</v>
          </cell>
          <cell r="AI281">
            <v>1</v>
          </cell>
          <cell r="AJ281" t="str">
            <v>三菱電機（株）北海道支社</v>
          </cell>
          <cell r="AU281" t="str">
            <v>要</v>
          </cell>
          <cell r="AV281">
            <v>1180000</v>
          </cell>
          <cell r="AW281">
            <v>1239000</v>
          </cell>
          <cell r="AX281">
            <v>1.0067114093959773E-2</v>
          </cell>
          <cell r="AY281" t="str">
            <v>三菱電機（株）北海道支社</v>
          </cell>
          <cell r="AZ281">
            <v>1180000</v>
          </cell>
          <cell r="BA281">
            <v>1239000</v>
          </cell>
          <cell r="BB281">
            <v>59000</v>
          </cell>
          <cell r="BC281" t="str">
            <v>契約書</v>
          </cell>
          <cell r="BE281">
            <v>38981</v>
          </cell>
          <cell r="BF281" t="str">
            <v>しない</v>
          </cell>
          <cell r="BG281" t="str">
            <v>見積</v>
          </cell>
          <cell r="BH281">
            <v>1</v>
          </cell>
          <cell r="BK281">
            <v>1192000</v>
          </cell>
          <cell r="BL281" t="str">
            <v xml:space="preserve"> </v>
          </cell>
          <cell r="BM281">
            <v>12600</v>
          </cell>
          <cell r="BN281">
            <v>0.98993288590604023</v>
          </cell>
        </row>
        <row r="282">
          <cell r="A282">
            <v>1157</v>
          </cell>
          <cell r="B282" t="str">
            <v>物品購入</v>
          </cell>
          <cell r="C282" t="str">
            <v>監視用モニターカメラその２</v>
          </cell>
          <cell r="D282">
            <v>38972</v>
          </cell>
          <cell r="G282">
            <v>1294650</v>
          </cell>
          <cell r="I282">
            <v>1</v>
          </cell>
          <cell r="J282" t="str">
            <v>式</v>
          </cell>
          <cell r="K282" t="str">
            <v/>
          </cell>
          <cell r="L282">
            <v>1294650</v>
          </cell>
          <cell r="M282" t="str">
            <v>公開</v>
          </cell>
          <cell r="N282" t="str">
            <v>高・営</v>
          </cell>
          <cell r="P282">
            <v>39051</v>
          </cell>
          <cell r="Q282" t="str">
            <v>壱</v>
          </cell>
          <cell r="R282" t="str">
            <v>無</v>
          </cell>
          <cell r="S282" t="str">
            <v>電気課</v>
          </cell>
          <cell r="T282" t="str">
            <v>桜庭　常夫</v>
          </cell>
          <cell r="U282">
            <v>2643</v>
          </cell>
          <cell r="V282" t="str">
            <v>課長</v>
          </cell>
          <cell r="W282" t="str">
            <v>なか１日</v>
          </cell>
          <cell r="X282" t="str">
            <v>公開</v>
          </cell>
          <cell r="Y282">
            <v>38981</v>
          </cell>
          <cell r="Z282">
            <v>38981</v>
          </cell>
          <cell r="AB282" t="str">
            <v>交通局３階総務課（契約担当）</v>
          </cell>
          <cell r="AD282" t="e">
            <v>#VALUE!</v>
          </cell>
          <cell r="AI282">
            <v>3</v>
          </cell>
          <cell r="AJ282" t="str">
            <v>（株）エミヤ</v>
          </cell>
          <cell r="AK282" t="str">
            <v>大丸藤井（株）</v>
          </cell>
          <cell r="AL282" t="str">
            <v>（株）ヤシマ商会</v>
          </cell>
          <cell r="AM282" t="str">
            <v>理興産業（株）</v>
          </cell>
          <cell r="AN282" t="str">
            <v>（株）渡商</v>
          </cell>
          <cell r="AU282" t="str">
            <v>省略可</v>
          </cell>
          <cell r="AW282">
            <v>1294650</v>
          </cell>
          <cell r="AX282">
            <v>1</v>
          </cell>
          <cell r="AY282" t="str">
            <v>（株）渡商</v>
          </cell>
          <cell r="AZ282">
            <v>865400</v>
          </cell>
          <cell r="BA282">
            <v>908670</v>
          </cell>
          <cell r="BB282">
            <v>43270</v>
          </cell>
          <cell r="BC282" t="str">
            <v>請書</v>
          </cell>
          <cell r="BE282">
            <v>38985</v>
          </cell>
          <cell r="BF282" t="str">
            <v>しない</v>
          </cell>
          <cell r="BG282" t="str">
            <v>見積(公開)</v>
          </cell>
          <cell r="BH282">
            <v>0.70186536901865371</v>
          </cell>
          <cell r="BK282">
            <v>1233000</v>
          </cell>
          <cell r="BL282" t="str">
            <v xml:space="preserve"> </v>
          </cell>
          <cell r="BM282">
            <v>385980</v>
          </cell>
          <cell r="BN282">
            <v>0.70186536901865371</v>
          </cell>
        </row>
        <row r="283">
          <cell r="A283">
            <v>2040</v>
          </cell>
          <cell r="B283" t="str">
            <v>製造請負</v>
          </cell>
          <cell r="C283" t="str">
            <v>特殊乗車証券紙（福祉）</v>
          </cell>
          <cell r="D283">
            <v>38973</v>
          </cell>
          <cell r="G283">
            <v>1486275</v>
          </cell>
          <cell r="I283">
            <v>19000</v>
          </cell>
          <cell r="J283" t="str">
            <v>枚</v>
          </cell>
          <cell r="K283" t="str">
            <v/>
          </cell>
          <cell r="L283">
            <v>1486275</v>
          </cell>
          <cell r="M283" t="str">
            <v>見積</v>
          </cell>
          <cell r="N283" t="str">
            <v>軌・営　高・営</v>
          </cell>
          <cell r="P283">
            <v>39073</v>
          </cell>
          <cell r="Q283" t="str">
            <v>壱</v>
          </cell>
          <cell r="R283" t="str">
            <v>無</v>
          </cell>
          <cell r="S283" t="str">
            <v>経営企画課</v>
          </cell>
          <cell r="T283" t="str">
            <v>中田　邦宏</v>
          </cell>
          <cell r="U283">
            <v>2114</v>
          </cell>
          <cell r="V283" t="str">
            <v>課長</v>
          </cell>
          <cell r="W283" t="str">
            <v>なか１日</v>
          </cell>
          <cell r="X283" t="str">
            <v>見積</v>
          </cell>
          <cell r="Y283">
            <v>38979</v>
          </cell>
          <cell r="Z283">
            <v>38981</v>
          </cell>
          <cell r="AA283">
            <v>1100</v>
          </cell>
          <cell r="AB283" t="str">
            <v>交通局５階入札室</v>
          </cell>
          <cell r="AD283" t="str">
            <v>平成18年9月21日(木)　11時00分</v>
          </cell>
          <cell r="AI283">
            <v>3</v>
          </cell>
          <cell r="AJ283" t="str">
            <v>凸版印刷（株）北海道事業部</v>
          </cell>
          <cell r="AK283" t="str">
            <v>日本通信紙（株）札幌支店</v>
          </cell>
          <cell r="AU283" t="str">
            <v>省略可</v>
          </cell>
          <cell r="AW283">
            <v>1486275</v>
          </cell>
          <cell r="AX283">
            <v>1</v>
          </cell>
          <cell r="AY283" t="str">
            <v>日本通信紙（株）札幌支店</v>
          </cell>
          <cell r="AZ283">
            <v>1387000</v>
          </cell>
          <cell r="BA283">
            <v>1456350</v>
          </cell>
          <cell r="BB283">
            <v>69350</v>
          </cell>
          <cell r="BC283" t="str">
            <v>請書</v>
          </cell>
          <cell r="BE283">
            <v>38982</v>
          </cell>
          <cell r="BF283" t="str">
            <v>しない</v>
          </cell>
          <cell r="BG283" t="str">
            <v>見積</v>
          </cell>
          <cell r="BH283">
            <v>0.97986577181208057</v>
          </cell>
          <cell r="BK283">
            <v>1415500</v>
          </cell>
          <cell r="BL283">
            <v>78.224999999999994</v>
          </cell>
          <cell r="BM283">
            <v>29925</v>
          </cell>
          <cell r="BN283">
            <v>0.97986577181208057</v>
          </cell>
        </row>
        <row r="284">
          <cell r="A284">
            <v>1158</v>
          </cell>
          <cell r="B284" t="str">
            <v>物品購入</v>
          </cell>
          <cell r="C284" t="str">
            <v>コニシボンド</v>
          </cell>
          <cell r="D284">
            <v>38973</v>
          </cell>
          <cell r="G284">
            <v>226800</v>
          </cell>
          <cell r="I284">
            <v>1</v>
          </cell>
          <cell r="J284" t="str">
            <v>式</v>
          </cell>
          <cell r="K284" t="str">
            <v/>
          </cell>
          <cell r="L284">
            <v>226800</v>
          </cell>
          <cell r="M284" t="str">
            <v>公開</v>
          </cell>
          <cell r="N284" t="str">
            <v>高・営</v>
          </cell>
          <cell r="P284">
            <v>39058</v>
          </cell>
          <cell r="Q284" t="str">
            <v>壱</v>
          </cell>
          <cell r="R284" t="str">
            <v>無</v>
          </cell>
          <cell r="S284" t="str">
            <v>車両課(真駒内)</v>
          </cell>
          <cell r="T284" t="str">
            <v>阿部　光男</v>
          </cell>
          <cell r="U284">
            <v>8317</v>
          </cell>
          <cell r="V284" t="str">
            <v>課長</v>
          </cell>
          <cell r="W284" t="str">
            <v>なか１日</v>
          </cell>
          <cell r="X284" t="str">
            <v>公開</v>
          </cell>
          <cell r="Y284">
            <v>38981</v>
          </cell>
          <cell r="Z284">
            <v>38981</v>
          </cell>
          <cell r="AB284" t="str">
            <v>交通局３階総務課（契約担当）</v>
          </cell>
          <cell r="AD284" t="e">
            <v>#VALUE!</v>
          </cell>
          <cell r="AI284">
            <v>3</v>
          </cell>
          <cell r="AJ284" t="str">
            <v>三協安全（株）</v>
          </cell>
          <cell r="AK284" t="str">
            <v>（株）大興商事</v>
          </cell>
          <cell r="AL284" t="str">
            <v>大丸藤井（株）</v>
          </cell>
          <cell r="AM284" t="str">
            <v>福田部品（株）</v>
          </cell>
          <cell r="AN284" t="str">
            <v>吉見産商（株）</v>
          </cell>
          <cell r="AO284" t="str">
            <v>理興産業（株）</v>
          </cell>
          <cell r="AP284" t="str">
            <v>（株）渡商</v>
          </cell>
          <cell r="AU284" t="str">
            <v>省略可</v>
          </cell>
          <cell r="AW284">
            <v>226800</v>
          </cell>
          <cell r="AX284">
            <v>1</v>
          </cell>
          <cell r="AY284" t="str">
            <v>（株）渡商</v>
          </cell>
          <cell r="AZ284">
            <v>169200</v>
          </cell>
          <cell r="BA284">
            <v>177660</v>
          </cell>
          <cell r="BB284">
            <v>8460</v>
          </cell>
          <cell r="BC284" t="str">
            <v>発注書</v>
          </cell>
          <cell r="BE284">
            <v>38982</v>
          </cell>
          <cell r="BF284" t="str">
            <v>しない</v>
          </cell>
          <cell r="BG284" t="str">
            <v>見積(公開)</v>
          </cell>
          <cell r="BH284">
            <v>0.78333333333333333</v>
          </cell>
          <cell r="BK284">
            <v>216000</v>
          </cell>
          <cell r="BL284" t="str">
            <v xml:space="preserve"> </v>
          </cell>
          <cell r="BM284">
            <v>49140</v>
          </cell>
          <cell r="BN284">
            <v>0.78333333333333333</v>
          </cell>
        </row>
        <row r="285">
          <cell r="A285">
            <v>1159</v>
          </cell>
          <cell r="B285" t="str">
            <v>物品購入</v>
          </cell>
          <cell r="C285" t="str">
            <v>２３６号リレー</v>
          </cell>
          <cell r="D285">
            <v>38973</v>
          </cell>
          <cell r="G285">
            <v>1205400</v>
          </cell>
          <cell r="I285">
            <v>1</v>
          </cell>
          <cell r="J285" t="str">
            <v>式</v>
          </cell>
          <cell r="K285" t="str">
            <v/>
          </cell>
          <cell r="L285">
            <v>1205400</v>
          </cell>
          <cell r="M285" t="str">
            <v>公開</v>
          </cell>
          <cell r="N285" t="str">
            <v>高・営</v>
          </cell>
          <cell r="P285">
            <v>39164</v>
          </cell>
          <cell r="Q285" t="str">
            <v>壱</v>
          </cell>
          <cell r="R285" t="str">
            <v>無</v>
          </cell>
          <cell r="S285" t="str">
            <v>車両課(大谷地)</v>
          </cell>
          <cell r="T285" t="str">
            <v>板垣　勝己</v>
          </cell>
          <cell r="U285">
            <v>8412</v>
          </cell>
          <cell r="V285" t="str">
            <v>課長</v>
          </cell>
          <cell r="W285" t="str">
            <v>なか１日</v>
          </cell>
          <cell r="X285" t="str">
            <v>公開</v>
          </cell>
          <cell r="Y285">
            <v>38981</v>
          </cell>
          <cell r="Z285">
            <v>38981</v>
          </cell>
          <cell r="AB285" t="str">
            <v>交通局３階総務課（契約担当）</v>
          </cell>
          <cell r="AD285" t="e">
            <v>#VALUE!</v>
          </cell>
          <cell r="AI285">
            <v>3</v>
          </cell>
          <cell r="AJ285" t="str">
            <v>（株）大興商事</v>
          </cell>
          <cell r="AK285" t="str">
            <v>理興産業（株）</v>
          </cell>
          <cell r="AL285" t="str">
            <v>（株）渡商</v>
          </cell>
          <cell r="AU285" t="str">
            <v>省略可</v>
          </cell>
          <cell r="AW285">
            <v>1205400</v>
          </cell>
          <cell r="AX285">
            <v>1</v>
          </cell>
          <cell r="AY285" t="str">
            <v>理興産業（株）</v>
          </cell>
          <cell r="AZ285">
            <v>1123000</v>
          </cell>
          <cell r="BA285">
            <v>1179150</v>
          </cell>
          <cell r="BB285">
            <v>56150</v>
          </cell>
          <cell r="BC285" t="str">
            <v>請書</v>
          </cell>
          <cell r="BE285">
            <v>38985</v>
          </cell>
          <cell r="BF285" t="str">
            <v>しない</v>
          </cell>
          <cell r="BG285" t="str">
            <v>見積(公開)</v>
          </cell>
          <cell r="BH285">
            <v>0.97822299651567945</v>
          </cell>
          <cell r="BK285">
            <v>1148000</v>
          </cell>
          <cell r="BL285" t="str">
            <v xml:space="preserve"> </v>
          </cell>
          <cell r="BM285">
            <v>26250</v>
          </cell>
          <cell r="BN285">
            <v>0.97822299651567945</v>
          </cell>
        </row>
        <row r="286">
          <cell r="A286">
            <v>1160</v>
          </cell>
          <cell r="B286" t="str">
            <v>物品購入</v>
          </cell>
          <cell r="C286" t="str">
            <v>８０００形非常通報装置予備品</v>
          </cell>
          <cell r="D286">
            <v>38973</v>
          </cell>
          <cell r="E286" t="str">
            <v>特命</v>
          </cell>
          <cell r="G286">
            <v>3159450</v>
          </cell>
          <cell r="I286">
            <v>1</v>
          </cell>
          <cell r="J286" t="str">
            <v>式</v>
          </cell>
          <cell r="K286" t="str">
            <v/>
          </cell>
          <cell r="L286">
            <v>3159450</v>
          </cell>
          <cell r="M286" t="str">
            <v>特命</v>
          </cell>
          <cell r="N286" t="str">
            <v>高・営</v>
          </cell>
          <cell r="P286">
            <v>39164</v>
          </cell>
          <cell r="Q286" t="str">
            <v>壱</v>
          </cell>
          <cell r="R286" t="str">
            <v>無</v>
          </cell>
          <cell r="S286" t="str">
            <v>車両課(大谷地)</v>
          </cell>
          <cell r="T286" t="str">
            <v>板垣　勝己</v>
          </cell>
          <cell r="U286">
            <v>8412</v>
          </cell>
          <cell r="V286" t="str">
            <v>部長</v>
          </cell>
          <cell r="W286" t="str">
            <v>なか１日</v>
          </cell>
          <cell r="X286" t="str">
            <v>特命</v>
          </cell>
          <cell r="Y286">
            <v>38980</v>
          </cell>
          <cell r="Z286">
            <v>38980</v>
          </cell>
          <cell r="AA286">
            <v>1400</v>
          </cell>
          <cell r="AB286" t="str">
            <v>交通局３階総務課（契約担当）</v>
          </cell>
          <cell r="AD286" t="str">
            <v>平成18年9月20日(水)　14時00分</v>
          </cell>
          <cell r="AI286">
            <v>1</v>
          </cell>
          <cell r="AJ286" t="str">
            <v>日本信号（株）北海道支店</v>
          </cell>
          <cell r="AU286" t="str">
            <v>要</v>
          </cell>
          <cell r="AV286">
            <v>2978000</v>
          </cell>
          <cell r="AW286">
            <v>3126900</v>
          </cell>
          <cell r="AX286">
            <v>1.0302426055167846E-2</v>
          </cell>
          <cell r="AY286" t="str">
            <v>日本信号（株）北海道支店</v>
          </cell>
          <cell r="AZ286">
            <v>2970000</v>
          </cell>
          <cell r="BA286">
            <v>3118500</v>
          </cell>
          <cell r="BB286">
            <v>148500</v>
          </cell>
          <cell r="BC286" t="str">
            <v>契約書</v>
          </cell>
          <cell r="BE286">
            <v>38981</v>
          </cell>
          <cell r="BF286" t="str">
            <v>しない</v>
          </cell>
          <cell r="BG286" t="str">
            <v>見積</v>
          </cell>
          <cell r="BH286">
            <v>0.99731363331094691</v>
          </cell>
          <cell r="BK286">
            <v>3009000</v>
          </cell>
          <cell r="BL286" t="str">
            <v xml:space="preserve"> </v>
          </cell>
          <cell r="BM286">
            <v>40950</v>
          </cell>
          <cell r="BN286">
            <v>0.98703888334995016</v>
          </cell>
        </row>
        <row r="287">
          <cell r="A287">
            <v>7086</v>
          </cell>
          <cell r="B287" t="str">
            <v>業務委託</v>
          </cell>
          <cell r="C287" t="str">
            <v>東豊線電気検測車点検（１２ヶ月）</v>
          </cell>
          <cell r="D287">
            <v>38973</v>
          </cell>
          <cell r="E287" t="str">
            <v>特命</v>
          </cell>
          <cell r="G287">
            <v>548100</v>
          </cell>
          <cell r="I287">
            <v>1</v>
          </cell>
          <cell r="J287" t="str">
            <v>式</v>
          </cell>
          <cell r="K287" t="str">
            <v/>
          </cell>
          <cell r="L287">
            <v>548100</v>
          </cell>
          <cell r="M287" t="str">
            <v>特命</v>
          </cell>
          <cell r="N287" t="str">
            <v>高・営</v>
          </cell>
          <cell r="O287">
            <v>38981</v>
          </cell>
          <cell r="P287">
            <v>39031</v>
          </cell>
          <cell r="Q287" t="str">
            <v>壱</v>
          </cell>
          <cell r="R287" t="str">
            <v>無</v>
          </cell>
          <cell r="S287" t="str">
            <v>電気課</v>
          </cell>
          <cell r="T287" t="str">
            <v>平尾　敏文</v>
          </cell>
          <cell r="U287">
            <v>2644</v>
          </cell>
          <cell r="V287" t="str">
            <v>部長</v>
          </cell>
          <cell r="W287" t="str">
            <v>なか１日</v>
          </cell>
          <cell r="X287" t="str">
            <v>特命</v>
          </cell>
          <cell r="Y287">
            <v>38980</v>
          </cell>
          <cell r="Z287">
            <v>38980</v>
          </cell>
          <cell r="AA287">
            <v>1430</v>
          </cell>
          <cell r="AB287" t="str">
            <v>交通局３階総務課（契約担当）</v>
          </cell>
          <cell r="AD287" t="str">
            <v>平成18年9月20日(水)　14時30分</v>
          </cell>
          <cell r="AI287">
            <v>1</v>
          </cell>
          <cell r="AJ287" t="str">
            <v>（株）北海道ジーエス・ユアササービス</v>
          </cell>
          <cell r="AU287" t="str">
            <v>省略可</v>
          </cell>
          <cell r="AW287">
            <v>548100</v>
          </cell>
          <cell r="AX287">
            <v>1</v>
          </cell>
          <cell r="AY287" t="str">
            <v>（株）北海道ジーエス・ユアササービス</v>
          </cell>
          <cell r="AZ287">
            <v>520000</v>
          </cell>
          <cell r="BA287">
            <v>546000</v>
          </cell>
          <cell r="BB287">
            <v>26000</v>
          </cell>
          <cell r="BC287" t="str">
            <v>契約書</v>
          </cell>
          <cell r="BE287">
            <v>38980</v>
          </cell>
          <cell r="BF287" t="str">
            <v>しない</v>
          </cell>
          <cell r="BG287" t="str">
            <v>見積</v>
          </cell>
          <cell r="BH287">
            <v>0.99616858237547889</v>
          </cell>
          <cell r="BK287">
            <v>522000</v>
          </cell>
          <cell r="BL287" t="str">
            <v xml:space="preserve"> </v>
          </cell>
          <cell r="BM287">
            <v>2100</v>
          </cell>
          <cell r="BN287">
            <v>0.99616858237547889</v>
          </cell>
        </row>
        <row r="288">
          <cell r="A288">
            <v>2041</v>
          </cell>
          <cell r="B288" t="str">
            <v>製造請負</v>
          </cell>
          <cell r="C288" t="str">
            <v>南北線転てつ器遠方監視装置</v>
          </cell>
          <cell r="D288">
            <v>38974</v>
          </cell>
          <cell r="E288" t="str">
            <v>特命</v>
          </cell>
          <cell r="G288">
            <v>42294000</v>
          </cell>
          <cell r="I288">
            <v>1</v>
          </cell>
          <cell r="J288" t="str">
            <v>式</v>
          </cell>
          <cell r="K288" t="str">
            <v/>
          </cell>
          <cell r="L288">
            <v>42294000</v>
          </cell>
          <cell r="M288" t="str">
            <v>特命</v>
          </cell>
          <cell r="N288" t="str">
            <v>高・建改</v>
          </cell>
          <cell r="P288">
            <v>39164</v>
          </cell>
          <cell r="Q288" t="str">
            <v>壱</v>
          </cell>
          <cell r="R288" t="str">
            <v>無</v>
          </cell>
          <cell r="S288" t="str">
            <v>施設課</v>
          </cell>
          <cell r="T288" t="str">
            <v>玉置　靖</v>
          </cell>
          <cell r="U288">
            <v>2592</v>
          </cell>
          <cell r="V288" t="str">
            <v>管理者</v>
          </cell>
          <cell r="W288" t="str">
            <v>なか５日</v>
          </cell>
          <cell r="X288" t="str">
            <v>特命</v>
          </cell>
          <cell r="Y288">
            <v>38985</v>
          </cell>
          <cell r="Z288">
            <v>38986</v>
          </cell>
          <cell r="AA288">
            <v>1400</v>
          </cell>
          <cell r="AB288" t="str">
            <v>交通局３階総務課（契約担当）</v>
          </cell>
          <cell r="AD288" t="str">
            <v>平成18年9月26日(火)　14時00分</v>
          </cell>
          <cell r="AI288">
            <v>1</v>
          </cell>
          <cell r="AJ288" t="str">
            <v>札幌川重車両エンジニアリング（株）</v>
          </cell>
          <cell r="AU288" t="str">
            <v>要</v>
          </cell>
          <cell r="AV288">
            <v>40000000</v>
          </cell>
          <cell r="AW288">
            <v>42000000</v>
          </cell>
          <cell r="AX288">
            <v>6.9513406156901381E-3</v>
          </cell>
          <cell r="AY288" t="str">
            <v>札幌川重車両エンジニアリング（株）</v>
          </cell>
          <cell r="AZ288">
            <v>39161000</v>
          </cell>
          <cell r="BA288">
            <v>41119050</v>
          </cell>
          <cell r="BB288">
            <v>1958050</v>
          </cell>
          <cell r="BC288" t="str">
            <v>契約書</v>
          </cell>
          <cell r="BE288">
            <v>38988</v>
          </cell>
          <cell r="BF288" t="str">
            <v>する</v>
          </cell>
          <cell r="BG288" t="str">
            <v>見積</v>
          </cell>
          <cell r="BH288">
            <v>0.97902500000000003</v>
          </cell>
          <cell r="BK288">
            <v>40280000</v>
          </cell>
          <cell r="BL288" t="str">
            <v xml:space="preserve"> </v>
          </cell>
          <cell r="BM288">
            <v>1174950</v>
          </cell>
          <cell r="BN288">
            <v>0.97221946375372392</v>
          </cell>
        </row>
        <row r="289">
          <cell r="A289">
            <v>1161</v>
          </cell>
          <cell r="B289" t="str">
            <v>物品購入</v>
          </cell>
          <cell r="C289" t="str">
            <v>７０００形車両インバータ装置用コンデンサ</v>
          </cell>
          <cell r="D289">
            <v>38975</v>
          </cell>
          <cell r="E289" t="str">
            <v>特命</v>
          </cell>
          <cell r="G289">
            <v>824670</v>
          </cell>
          <cell r="I289">
            <v>1</v>
          </cell>
          <cell r="J289" t="str">
            <v>式</v>
          </cell>
          <cell r="K289" t="str">
            <v/>
          </cell>
          <cell r="L289">
            <v>824670</v>
          </cell>
          <cell r="M289" t="str">
            <v>特命</v>
          </cell>
          <cell r="N289" t="str">
            <v>高・営</v>
          </cell>
          <cell r="P289">
            <v>39113</v>
          </cell>
          <cell r="Q289" t="str">
            <v>壱</v>
          </cell>
          <cell r="R289" t="str">
            <v>無</v>
          </cell>
          <cell r="S289" t="str">
            <v>車両課(二十四軒)</v>
          </cell>
          <cell r="T289" t="str">
            <v>加賀　明</v>
          </cell>
          <cell r="U289">
            <v>8203</v>
          </cell>
          <cell r="V289" t="str">
            <v>課長</v>
          </cell>
          <cell r="W289" t="str">
            <v>なか１日</v>
          </cell>
          <cell r="X289" t="str">
            <v>特命</v>
          </cell>
          <cell r="Y289">
            <v>38981</v>
          </cell>
          <cell r="Z289">
            <v>38981</v>
          </cell>
          <cell r="AA289">
            <v>1630</v>
          </cell>
          <cell r="AB289" t="str">
            <v>交通局３階総務課（契約担当）</v>
          </cell>
          <cell r="AD289" t="str">
            <v>平成18年9月21日(木)　16時30分</v>
          </cell>
          <cell r="AI289">
            <v>1</v>
          </cell>
          <cell r="AJ289" t="str">
            <v>三菱電機（株）北海道支社</v>
          </cell>
          <cell r="AU289" t="str">
            <v>省略可</v>
          </cell>
          <cell r="AW289">
            <v>824670</v>
          </cell>
          <cell r="AX289">
            <v>1</v>
          </cell>
          <cell r="AY289" t="str">
            <v>三菱電機（株）北海道支社</v>
          </cell>
          <cell r="AZ289">
            <v>783200</v>
          </cell>
          <cell r="BA289">
            <v>822360</v>
          </cell>
          <cell r="BB289">
            <v>39160</v>
          </cell>
          <cell r="BC289" t="str">
            <v>請書</v>
          </cell>
          <cell r="BE289">
            <v>38985</v>
          </cell>
          <cell r="BF289" t="str">
            <v>しない</v>
          </cell>
          <cell r="BG289" t="str">
            <v>見積</v>
          </cell>
          <cell r="BH289">
            <v>0.99719887955182074</v>
          </cell>
          <cell r="BK289">
            <v>785400</v>
          </cell>
          <cell r="BL289" t="str">
            <v xml:space="preserve"> </v>
          </cell>
          <cell r="BM289">
            <v>2310</v>
          </cell>
          <cell r="BN289">
            <v>0.99719887955182074</v>
          </cell>
        </row>
        <row r="290">
          <cell r="A290">
            <v>1162</v>
          </cell>
          <cell r="B290" t="str">
            <v>物品購入</v>
          </cell>
          <cell r="C290" t="str">
            <v>ギヤーオイル</v>
          </cell>
          <cell r="D290">
            <v>38975</v>
          </cell>
          <cell r="G290">
            <v>214200</v>
          </cell>
          <cell r="I290">
            <v>1</v>
          </cell>
          <cell r="J290" t="str">
            <v>式</v>
          </cell>
          <cell r="K290" t="str">
            <v/>
          </cell>
          <cell r="L290">
            <v>214200</v>
          </cell>
          <cell r="M290" t="str">
            <v>公開</v>
          </cell>
          <cell r="N290" t="str">
            <v>高・営</v>
          </cell>
          <cell r="P290">
            <v>39021</v>
          </cell>
          <cell r="Q290" t="str">
            <v>壱</v>
          </cell>
          <cell r="R290" t="str">
            <v>無</v>
          </cell>
          <cell r="S290" t="str">
            <v>車両課(二十四軒)</v>
          </cell>
          <cell r="T290" t="str">
            <v>中野　敏雄</v>
          </cell>
          <cell r="U290">
            <v>8210</v>
          </cell>
          <cell r="V290" t="str">
            <v>課長</v>
          </cell>
          <cell r="W290" t="str">
            <v>なか１日</v>
          </cell>
          <cell r="X290" t="str">
            <v>公開</v>
          </cell>
          <cell r="Y290">
            <v>38981</v>
          </cell>
          <cell r="Z290">
            <v>38981</v>
          </cell>
          <cell r="AB290" t="str">
            <v>交通局３階総務課（契約担当）</v>
          </cell>
          <cell r="AD290" t="e">
            <v>#VALUE!</v>
          </cell>
          <cell r="AI290">
            <v>3</v>
          </cell>
          <cell r="AJ290" t="str">
            <v>（株）東日本宇佐美</v>
          </cell>
          <cell r="AK290" t="str">
            <v>福田部品（株）</v>
          </cell>
          <cell r="AU290" t="str">
            <v>省略可</v>
          </cell>
          <cell r="AW290">
            <v>214200</v>
          </cell>
          <cell r="AX290">
            <v>1</v>
          </cell>
          <cell r="AY290" t="str">
            <v>福田部品（株）</v>
          </cell>
          <cell r="AZ290">
            <v>204000</v>
          </cell>
          <cell r="BA290">
            <v>214200</v>
          </cell>
          <cell r="BB290">
            <v>10200</v>
          </cell>
          <cell r="BC290" t="str">
            <v>発注書</v>
          </cell>
          <cell r="BE290">
            <v>38982</v>
          </cell>
          <cell r="BF290" t="str">
            <v>しない</v>
          </cell>
          <cell r="BG290" t="str">
            <v>見積(公開)</v>
          </cell>
          <cell r="BH290">
            <v>1</v>
          </cell>
          <cell r="BK290">
            <v>204000</v>
          </cell>
          <cell r="BL290" t="str">
            <v xml:space="preserve"> </v>
          </cell>
          <cell r="BM290">
            <v>0</v>
          </cell>
          <cell r="BN290">
            <v>1</v>
          </cell>
        </row>
        <row r="291">
          <cell r="A291">
            <v>7087</v>
          </cell>
          <cell r="B291" t="str">
            <v>業務委託</v>
          </cell>
          <cell r="C291" t="str">
            <v>共聴アンテナ保守点検</v>
          </cell>
          <cell r="D291">
            <v>38975</v>
          </cell>
          <cell r="E291" t="str">
            <v>特命</v>
          </cell>
          <cell r="G291">
            <v>381150</v>
          </cell>
          <cell r="I291">
            <v>1</v>
          </cell>
          <cell r="J291" t="str">
            <v>式</v>
          </cell>
          <cell r="K291" t="str">
            <v/>
          </cell>
          <cell r="L291">
            <v>381150</v>
          </cell>
          <cell r="M291" t="str">
            <v>特命</v>
          </cell>
          <cell r="N291" t="str">
            <v>高・営</v>
          </cell>
          <cell r="O291">
            <v>38986</v>
          </cell>
          <cell r="P291">
            <v>39041</v>
          </cell>
          <cell r="Q291" t="str">
            <v>壱</v>
          </cell>
          <cell r="R291" t="str">
            <v>無</v>
          </cell>
          <cell r="S291" t="str">
            <v>施設課</v>
          </cell>
          <cell r="T291" t="str">
            <v>佐藤　博</v>
          </cell>
          <cell r="U291">
            <v>2529</v>
          </cell>
          <cell r="V291" t="str">
            <v>部長</v>
          </cell>
          <cell r="W291" t="str">
            <v>なか１日</v>
          </cell>
          <cell r="X291" t="str">
            <v>特命</v>
          </cell>
          <cell r="Y291">
            <v>38982</v>
          </cell>
          <cell r="Z291">
            <v>38982</v>
          </cell>
          <cell r="AA291">
            <v>1430</v>
          </cell>
          <cell r="AB291" t="str">
            <v>交通局３階総務課（契約担当）</v>
          </cell>
          <cell r="AD291" t="str">
            <v>平成18年9月22日(金)　14時30分</v>
          </cell>
          <cell r="AI291">
            <v>1</v>
          </cell>
          <cell r="AJ291" t="str">
            <v>（株）エヌエイチケイアイテック札幌支社</v>
          </cell>
          <cell r="AU291" t="str">
            <v>省略可</v>
          </cell>
          <cell r="AW291">
            <v>381150</v>
          </cell>
          <cell r="AX291">
            <v>1</v>
          </cell>
          <cell r="AY291" t="str">
            <v>（株）エヌエイチケイアイテック札幌支社</v>
          </cell>
          <cell r="AZ291">
            <v>363000</v>
          </cell>
          <cell r="BA291">
            <v>381150</v>
          </cell>
          <cell r="BB291">
            <v>18150</v>
          </cell>
          <cell r="BC291" t="str">
            <v>請書</v>
          </cell>
          <cell r="BE291">
            <v>38985</v>
          </cell>
          <cell r="BF291" t="str">
            <v>しない</v>
          </cell>
          <cell r="BG291" t="str">
            <v>見積</v>
          </cell>
          <cell r="BH291">
            <v>1</v>
          </cell>
          <cell r="BK291">
            <v>363000</v>
          </cell>
          <cell r="BL291" t="str">
            <v xml:space="preserve"> </v>
          </cell>
          <cell r="BM291">
            <v>0</v>
          </cell>
          <cell r="BN291">
            <v>1</v>
          </cell>
        </row>
        <row r="292">
          <cell r="A292">
            <v>1163</v>
          </cell>
          <cell r="B292" t="str">
            <v>物品購入</v>
          </cell>
          <cell r="C292" t="str">
            <v>舌付座金（２４）他</v>
          </cell>
          <cell r="D292">
            <v>38975</v>
          </cell>
          <cell r="G292">
            <v>1462335</v>
          </cell>
          <cell r="I292">
            <v>1</v>
          </cell>
          <cell r="J292" t="str">
            <v>式</v>
          </cell>
          <cell r="K292" t="str">
            <v/>
          </cell>
          <cell r="L292">
            <v>1462335</v>
          </cell>
          <cell r="M292" t="str">
            <v>公開</v>
          </cell>
          <cell r="N292" t="str">
            <v>高・営</v>
          </cell>
          <cell r="P292">
            <v>39066</v>
          </cell>
          <cell r="Q292" t="str">
            <v>壱</v>
          </cell>
          <cell r="R292" t="str">
            <v>無</v>
          </cell>
          <cell r="S292" t="str">
            <v>車両課(二十四軒)</v>
          </cell>
          <cell r="T292" t="str">
            <v>及川　博</v>
          </cell>
          <cell r="U292">
            <v>8210</v>
          </cell>
          <cell r="V292" t="str">
            <v>課長</v>
          </cell>
          <cell r="W292" t="str">
            <v>なか１日</v>
          </cell>
          <cell r="X292" t="str">
            <v>公開</v>
          </cell>
          <cell r="Y292">
            <v>38981</v>
          </cell>
          <cell r="Z292">
            <v>38981</v>
          </cell>
          <cell r="AB292" t="str">
            <v>交通局３階総務課（契約担当）</v>
          </cell>
          <cell r="AD292" t="e">
            <v>#VALUE!</v>
          </cell>
          <cell r="AI292">
            <v>3</v>
          </cell>
          <cell r="AJ292" t="str">
            <v>潮物産（株）札幌支店</v>
          </cell>
          <cell r="AU292" t="str">
            <v>省略可</v>
          </cell>
          <cell r="AW292">
            <v>1462335</v>
          </cell>
          <cell r="AX292">
            <v>1</v>
          </cell>
          <cell r="AY292" t="str">
            <v>潮物産（株）札幌支店</v>
          </cell>
          <cell r="AZ292">
            <v>1392700</v>
          </cell>
          <cell r="BA292">
            <v>1462335</v>
          </cell>
          <cell r="BB292">
            <v>69635</v>
          </cell>
          <cell r="BC292" t="str">
            <v>請書</v>
          </cell>
          <cell r="BE292">
            <v>38985</v>
          </cell>
          <cell r="BF292" t="str">
            <v>しない</v>
          </cell>
          <cell r="BG292" t="str">
            <v>見積(公開)</v>
          </cell>
          <cell r="BH292">
            <v>1</v>
          </cell>
          <cell r="BK292">
            <v>1392700</v>
          </cell>
          <cell r="BL292" t="str">
            <v xml:space="preserve"> </v>
          </cell>
          <cell r="BM292">
            <v>0</v>
          </cell>
          <cell r="BN292">
            <v>1</v>
          </cell>
        </row>
        <row r="293">
          <cell r="A293">
            <v>2042</v>
          </cell>
          <cell r="B293" t="str">
            <v>製造請負</v>
          </cell>
          <cell r="C293" t="str">
            <v>南車両基地トラバーサ式転てつ器曲線案内軌条</v>
          </cell>
          <cell r="D293">
            <v>38975</v>
          </cell>
          <cell r="E293" t="str">
            <v>特命</v>
          </cell>
          <cell r="G293">
            <v>7266000</v>
          </cell>
          <cell r="I293">
            <v>1</v>
          </cell>
          <cell r="J293" t="str">
            <v>式</v>
          </cell>
          <cell r="K293" t="str">
            <v/>
          </cell>
          <cell r="L293">
            <v>7266000</v>
          </cell>
          <cell r="M293" t="str">
            <v>特命</v>
          </cell>
          <cell r="N293" t="str">
            <v>高・営</v>
          </cell>
          <cell r="P293">
            <v>39150</v>
          </cell>
          <cell r="Q293" t="str">
            <v>壱</v>
          </cell>
          <cell r="R293" t="str">
            <v>無</v>
          </cell>
          <cell r="S293" t="str">
            <v>施設課</v>
          </cell>
          <cell r="T293" t="str">
            <v>木村　英輝</v>
          </cell>
          <cell r="U293">
            <v>2593</v>
          </cell>
          <cell r="V293" t="str">
            <v>部長</v>
          </cell>
          <cell r="W293" t="str">
            <v>なか５日</v>
          </cell>
          <cell r="X293" t="str">
            <v>特命</v>
          </cell>
          <cell r="Y293">
            <v>38985</v>
          </cell>
          <cell r="Z293">
            <v>38986</v>
          </cell>
          <cell r="AA293">
            <v>1415</v>
          </cell>
          <cell r="AB293" t="str">
            <v>交通局３階総務課（契約担当）</v>
          </cell>
          <cell r="AD293" t="str">
            <v>平成18年9月26日(火)　14時15分</v>
          </cell>
          <cell r="AI293">
            <v>1</v>
          </cell>
          <cell r="AJ293" t="str">
            <v>札幌川重車両エンジニアリング（株）</v>
          </cell>
          <cell r="AU293" t="str">
            <v>要</v>
          </cell>
          <cell r="AV293">
            <v>6850000</v>
          </cell>
          <cell r="AW293">
            <v>7192500</v>
          </cell>
          <cell r="AX293">
            <v>1.0115606936416222E-2</v>
          </cell>
          <cell r="AY293" t="str">
            <v>札幌川重車両エンジニアリング（株）</v>
          </cell>
          <cell r="AZ293">
            <v>6820000</v>
          </cell>
          <cell r="BA293">
            <v>7161000</v>
          </cell>
          <cell r="BB293">
            <v>341000</v>
          </cell>
          <cell r="BC293" t="str">
            <v>契約書</v>
          </cell>
          <cell r="BE293">
            <v>38988</v>
          </cell>
          <cell r="BF293" t="str">
            <v>しない</v>
          </cell>
          <cell r="BG293" t="str">
            <v>見積</v>
          </cell>
          <cell r="BH293">
            <v>0.99562043795620436</v>
          </cell>
          <cell r="BK293">
            <v>6920000</v>
          </cell>
          <cell r="BL293" t="str">
            <v xml:space="preserve"> </v>
          </cell>
          <cell r="BM293">
            <v>105000</v>
          </cell>
          <cell r="BN293">
            <v>0.98554913294797686</v>
          </cell>
        </row>
        <row r="294">
          <cell r="A294">
            <v>1164</v>
          </cell>
          <cell r="B294" t="str">
            <v>物品購入</v>
          </cell>
          <cell r="C294" t="str">
            <v>東豊線駅電気室デジタルリレー電源装置</v>
          </cell>
          <cell r="D294">
            <v>38975</v>
          </cell>
          <cell r="E294" t="str">
            <v>特命</v>
          </cell>
          <cell r="G294">
            <v>4998000</v>
          </cell>
          <cell r="I294">
            <v>1</v>
          </cell>
          <cell r="J294" t="str">
            <v>式</v>
          </cell>
          <cell r="K294" t="str">
            <v/>
          </cell>
          <cell r="L294">
            <v>4998000</v>
          </cell>
          <cell r="M294" t="str">
            <v>特命</v>
          </cell>
          <cell r="N294" t="str">
            <v>高・営</v>
          </cell>
          <cell r="P294">
            <v>39036</v>
          </cell>
          <cell r="Q294" t="str">
            <v>壱</v>
          </cell>
          <cell r="R294" t="str">
            <v>無</v>
          </cell>
          <cell r="S294" t="str">
            <v>電気課</v>
          </cell>
          <cell r="T294" t="str">
            <v>田中　敏雄</v>
          </cell>
          <cell r="U294">
            <v>2628</v>
          </cell>
          <cell r="V294" t="str">
            <v>部長</v>
          </cell>
          <cell r="W294" t="str">
            <v>なか１日</v>
          </cell>
          <cell r="X294" t="str">
            <v>特命</v>
          </cell>
          <cell r="Y294">
            <v>38982</v>
          </cell>
          <cell r="Z294">
            <v>38981</v>
          </cell>
          <cell r="AA294">
            <v>1645</v>
          </cell>
          <cell r="AB294" t="str">
            <v>交通局３階総務課（契約担当）</v>
          </cell>
          <cell r="AD294" t="str">
            <v>平成18年9月21日(木)　16時45分</v>
          </cell>
          <cell r="AI294">
            <v>1</v>
          </cell>
          <cell r="AJ294" t="str">
            <v>三菱電機（株）北海道支社</v>
          </cell>
          <cell r="AU294" t="str">
            <v>要</v>
          </cell>
          <cell r="AV294">
            <v>4480000</v>
          </cell>
          <cell r="AW294">
            <v>4704000</v>
          </cell>
          <cell r="AX294">
            <v>5.8823529411764719E-2</v>
          </cell>
          <cell r="AY294" t="str">
            <v>三菱電機（株）北海道支社</v>
          </cell>
          <cell r="AZ294">
            <v>4480000</v>
          </cell>
          <cell r="BA294">
            <v>4704000</v>
          </cell>
          <cell r="BB294">
            <v>224000</v>
          </cell>
          <cell r="BC294" t="str">
            <v>契約書</v>
          </cell>
          <cell r="BE294">
            <v>38985</v>
          </cell>
          <cell r="BF294" t="str">
            <v>しない</v>
          </cell>
          <cell r="BG294" t="str">
            <v>見積</v>
          </cell>
          <cell r="BH294">
            <v>1</v>
          </cell>
          <cell r="BK294">
            <v>4760000</v>
          </cell>
          <cell r="BL294" t="str">
            <v xml:space="preserve"> </v>
          </cell>
          <cell r="BM294">
            <v>294000</v>
          </cell>
          <cell r="BN294">
            <v>0.94117647058823528</v>
          </cell>
        </row>
        <row r="295">
          <cell r="A295">
            <v>1165</v>
          </cell>
          <cell r="B295" t="str">
            <v>物品購入</v>
          </cell>
          <cell r="C295" t="str">
            <v>ポイントヒーター</v>
          </cell>
          <cell r="D295">
            <v>38975</v>
          </cell>
          <cell r="G295">
            <v>357000</v>
          </cell>
          <cell r="I295">
            <v>1</v>
          </cell>
          <cell r="J295" t="str">
            <v>式</v>
          </cell>
          <cell r="K295" t="str">
            <v/>
          </cell>
          <cell r="L295">
            <v>357000</v>
          </cell>
          <cell r="M295" t="str">
            <v>公開</v>
          </cell>
          <cell r="N295" t="str">
            <v>軌・建改</v>
          </cell>
          <cell r="P295">
            <v>39017</v>
          </cell>
          <cell r="Q295" t="str">
            <v>壱</v>
          </cell>
          <cell r="R295" t="str">
            <v>無</v>
          </cell>
          <cell r="S295" t="str">
            <v>電車事業所</v>
          </cell>
          <cell r="T295" t="str">
            <v>須藤　誠一</v>
          </cell>
          <cell r="U295">
            <v>2933</v>
          </cell>
          <cell r="V295" t="str">
            <v>課長</v>
          </cell>
          <cell r="W295" t="str">
            <v>なか１日</v>
          </cell>
          <cell r="X295" t="str">
            <v>公開</v>
          </cell>
          <cell r="Y295">
            <v>38981</v>
          </cell>
          <cell r="Z295">
            <v>38981</v>
          </cell>
          <cell r="AB295" t="str">
            <v>交通局３階総務課（契約担当）</v>
          </cell>
          <cell r="AD295" t="e">
            <v>#VALUE!</v>
          </cell>
          <cell r="AI295">
            <v>3</v>
          </cell>
          <cell r="AJ295" t="str">
            <v>（株）ニュートラル</v>
          </cell>
          <cell r="AU295" t="str">
            <v>省略可</v>
          </cell>
          <cell r="AW295">
            <v>357000</v>
          </cell>
          <cell r="AX295">
            <v>1</v>
          </cell>
          <cell r="AY295" t="str">
            <v>（株）ニュートラル</v>
          </cell>
          <cell r="AZ295">
            <v>340000</v>
          </cell>
          <cell r="BA295">
            <v>357000</v>
          </cell>
          <cell r="BB295">
            <v>17000</v>
          </cell>
          <cell r="BC295" t="str">
            <v>発注書</v>
          </cell>
          <cell r="BE295">
            <v>38982</v>
          </cell>
          <cell r="BF295" t="str">
            <v>する</v>
          </cell>
          <cell r="BG295" t="str">
            <v>見積(公開)</v>
          </cell>
          <cell r="BH295">
            <v>1</v>
          </cell>
          <cell r="BK295">
            <v>340000</v>
          </cell>
          <cell r="BL295" t="str">
            <v xml:space="preserve"> </v>
          </cell>
          <cell r="BM295">
            <v>0</v>
          </cell>
          <cell r="BN295">
            <v>1</v>
          </cell>
        </row>
        <row r="296">
          <cell r="A296">
            <v>1166</v>
          </cell>
          <cell r="B296" t="str">
            <v>物品購入</v>
          </cell>
          <cell r="C296" t="str">
            <v>排水管</v>
          </cell>
          <cell r="D296">
            <v>38975</v>
          </cell>
          <cell r="G296">
            <v>227640</v>
          </cell>
          <cell r="I296">
            <v>1</v>
          </cell>
          <cell r="J296" t="str">
            <v>式</v>
          </cell>
          <cell r="K296" t="str">
            <v/>
          </cell>
          <cell r="L296">
            <v>227640</v>
          </cell>
          <cell r="M296" t="str">
            <v>公開</v>
          </cell>
          <cell r="N296" t="str">
            <v>軌・建改</v>
          </cell>
          <cell r="P296">
            <v>39007</v>
          </cell>
          <cell r="Q296" t="str">
            <v>壱</v>
          </cell>
          <cell r="R296" t="str">
            <v>無</v>
          </cell>
          <cell r="S296" t="str">
            <v>電車事業所</v>
          </cell>
          <cell r="T296" t="str">
            <v>須藤　誠一</v>
          </cell>
          <cell r="U296">
            <v>2933</v>
          </cell>
          <cell r="V296" t="str">
            <v>課長</v>
          </cell>
          <cell r="W296" t="str">
            <v>なか１日</v>
          </cell>
          <cell r="X296" t="str">
            <v>公開</v>
          </cell>
          <cell r="Y296">
            <v>38981</v>
          </cell>
          <cell r="Z296">
            <v>38981</v>
          </cell>
          <cell r="AB296" t="str">
            <v>交通局３階総務課（契約担当）</v>
          </cell>
          <cell r="AD296" t="e">
            <v>#VALUE!</v>
          </cell>
          <cell r="AI296">
            <v>3</v>
          </cell>
          <cell r="AJ296" t="str">
            <v>理興産業（株）</v>
          </cell>
          <cell r="AU296" t="str">
            <v>省略可</v>
          </cell>
          <cell r="AW296">
            <v>227640</v>
          </cell>
          <cell r="AX296">
            <v>1</v>
          </cell>
          <cell r="AY296" t="str">
            <v>理興産業（株）</v>
          </cell>
          <cell r="AZ296">
            <v>204000</v>
          </cell>
          <cell r="BA296">
            <v>214200</v>
          </cell>
          <cell r="BB296">
            <v>10200</v>
          </cell>
          <cell r="BC296" t="str">
            <v>発注書</v>
          </cell>
          <cell r="BE296">
            <v>38982</v>
          </cell>
          <cell r="BF296" t="str">
            <v>する</v>
          </cell>
          <cell r="BG296" t="str">
            <v>見積(公開)</v>
          </cell>
          <cell r="BH296">
            <v>0.94095940959409596</v>
          </cell>
          <cell r="BK296">
            <v>216800</v>
          </cell>
          <cell r="BL296" t="str">
            <v xml:space="preserve"> </v>
          </cell>
          <cell r="BM296">
            <v>13440</v>
          </cell>
          <cell r="BN296">
            <v>0.94095940959409596</v>
          </cell>
        </row>
        <row r="297">
          <cell r="A297">
            <v>1167</v>
          </cell>
          <cell r="B297" t="str">
            <v>物品購入</v>
          </cell>
          <cell r="C297" t="str">
            <v>新山鼻変電所保守用交換部品一式</v>
          </cell>
          <cell r="D297">
            <v>38979</v>
          </cell>
          <cell r="E297" t="str">
            <v>特命</v>
          </cell>
          <cell r="G297">
            <v>9135000</v>
          </cell>
          <cell r="I297">
            <v>1</v>
          </cell>
          <cell r="J297" t="str">
            <v>式</v>
          </cell>
          <cell r="K297" t="str">
            <v/>
          </cell>
          <cell r="L297">
            <v>9135000</v>
          </cell>
          <cell r="M297" t="str">
            <v>特命</v>
          </cell>
          <cell r="N297" t="str">
            <v>軌・建改</v>
          </cell>
          <cell r="P297">
            <v>39171</v>
          </cell>
          <cell r="Q297" t="str">
            <v>壱</v>
          </cell>
          <cell r="R297" t="str">
            <v>無</v>
          </cell>
          <cell r="S297" t="str">
            <v>電車事業所</v>
          </cell>
          <cell r="T297" t="str">
            <v>高橋　伊勢男</v>
          </cell>
          <cell r="U297">
            <v>2933</v>
          </cell>
          <cell r="V297" t="str">
            <v>部長</v>
          </cell>
          <cell r="W297" t="str">
            <v>なか５日</v>
          </cell>
          <cell r="X297" t="str">
            <v>特命</v>
          </cell>
          <cell r="Y297">
            <v>38986</v>
          </cell>
          <cell r="Z297">
            <v>38987</v>
          </cell>
          <cell r="AA297">
            <v>1400</v>
          </cell>
          <cell r="AB297" t="str">
            <v>交通局３階総務課（契約担当）</v>
          </cell>
          <cell r="AD297" t="str">
            <v>平成18年9月27日(水)　14時00分</v>
          </cell>
          <cell r="AI297">
            <v>1</v>
          </cell>
          <cell r="AJ297" t="str">
            <v>三菱電機（株）北海道支社</v>
          </cell>
          <cell r="AU297" t="str">
            <v>要</v>
          </cell>
          <cell r="AV297">
            <v>8670000</v>
          </cell>
          <cell r="AW297">
            <v>9103500</v>
          </cell>
          <cell r="AX297">
            <v>3.4482758620689724E-3</v>
          </cell>
          <cell r="AY297" t="str">
            <v>三菱電機（株）北海道支社</v>
          </cell>
          <cell r="AZ297">
            <v>8650000</v>
          </cell>
          <cell r="BA297">
            <v>9082500</v>
          </cell>
          <cell r="BB297">
            <v>432500</v>
          </cell>
          <cell r="BC297" t="str">
            <v>契約書</v>
          </cell>
          <cell r="BE297">
            <v>38989</v>
          </cell>
          <cell r="BF297" t="str">
            <v>する</v>
          </cell>
          <cell r="BG297" t="str">
            <v>見積</v>
          </cell>
          <cell r="BH297">
            <v>0.99769319492502884</v>
          </cell>
          <cell r="BK297">
            <v>8700000</v>
          </cell>
          <cell r="BL297" t="str">
            <v xml:space="preserve"> </v>
          </cell>
          <cell r="BM297">
            <v>52500</v>
          </cell>
          <cell r="BN297">
            <v>0.99425287356321834</v>
          </cell>
        </row>
        <row r="298">
          <cell r="A298">
            <v>7088</v>
          </cell>
          <cell r="B298" t="str">
            <v>業務委託</v>
          </cell>
          <cell r="C298" t="str">
            <v>地下鉄駅業務</v>
          </cell>
          <cell r="D298">
            <v>38980</v>
          </cell>
          <cell r="E298" t="str">
            <v>特命</v>
          </cell>
          <cell r="G298">
            <v>42612000</v>
          </cell>
          <cell r="I298">
            <v>1</v>
          </cell>
          <cell r="J298" t="str">
            <v>式</v>
          </cell>
          <cell r="K298" t="str">
            <v/>
          </cell>
          <cell r="L298">
            <v>42612000</v>
          </cell>
          <cell r="M298" t="str">
            <v>特命</v>
          </cell>
          <cell r="N298" t="str">
            <v>高・営</v>
          </cell>
          <cell r="O298">
            <v>38991</v>
          </cell>
          <cell r="P298">
            <v>39172</v>
          </cell>
          <cell r="Q298" t="str">
            <v>壱</v>
          </cell>
          <cell r="R298" t="str">
            <v>無</v>
          </cell>
          <cell r="S298" t="str">
            <v>業務課</v>
          </cell>
          <cell r="T298" t="str">
            <v>佐藤　顕</v>
          </cell>
          <cell r="U298">
            <v>2418</v>
          </cell>
          <cell r="V298" t="str">
            <v>管理者</v>
          </cell>
          <cell r="W298" t="str">
            <v>なか５日</v>
          </cell>
          <cell r="X298" t="str">
            <v>特命</v>
          </cell>
          <cell r="Y298">
            <v>38988</v>
          </cell>
          <cell r="Z298">
            <v>38988</v>
          </cell>
          <cell r="AA298">
            <v>1400</v>
          </cell>
          <cell r="AB298" t="str">
            <v>交通局３階総務課（契約担当）</v>
          </cell>
          <cell r="AD298" t="str">
            <v>平成18年9月28日(木)　14時00分</v>
          </cell>
          <cell r="AI298">
            <v>1</v>
          </cell>
          <cell r="AJ298" t="str">
            <v>（財）札幌市交通事業振興公社</v>
          </cell>
          <cell r="AU298" t="str">
            <v>要</v>
          </cell>
          <cell r="AV298">
            <v>40582858</v>
          </cell>
          <cell r="AW298">
            <v>42612000</v>
          </cell>
          <cell r="AX298">
            <v>0</v>
          </cell>
          <cell r="AY298" t="str">
            <v>（財）札幌市交通事業振興公社</v>
          </cell>
          <cell r="AZ298">
            <v>40582000</v>
          </cell>
          <cell r="BA298">
            <v>42611100</v>
          </cell>
          <cell r="BB298">
            <v>2029100</v>
          </cell>
          <cell r="BC298" t="str">
            <v>契約書</v>
          </cell>
          <cell r="BE298">
            <v>38989</v>
          </cell>
          <cell r="BF298" t="str">
            <v>しない</v>
          </cell>
          <cell r="BG298" t="str">
            <v>見積</v>
          </cell>
          <cell r="BH298">
            <v>0.99997887918896089</v>
          </cell>
          <cell r="BI298" t="str">
            <v>特定役務の指定を受けていないからそもそもＷＴＯではない</v>
          </cell>
          <cell r="BK298">
            <v>40582857.142857142</v>
          </cell>
          <cell r="BL298" t="str">
            <v xml:space="preserve"> </v>
          </cell>
          <cell r="BM298">
            <v>900</v>
          </cell>
          <cell r="BN298">
            <v>0.99997887918896089</v>
          </cell>
        </row>
        <row r="299">
          <cell r="A299">
            <v>1168</v>
          </cell>
          <cell r="B299" t="str">
            <v>物品購入</v>
          </cell>
          <cell r="C299" t="str">
            <v>空気呼吸器更新</v>
          </cell>
          <cell r="D299">
            <v>38979</v>
          </cell>
          <cell r="G299">
            <v>9909900</v>
          </cell>
          <cell r="I299">
            <v>1</v>
          </cell>
          <cell r="J299" t="str">
            <v>式</v>
          </cell>
          <cell r="K299" t="str">
            <v/>
          </cell>
          <cell r="L299">
            <v>9909900</v>
          </cell>
          <cell r="M299" t="str">
            <v>入札</v>
          </cell>
          <cell r="N299" t="str">
            <v>高・建改</v>
          </cell>
          <cell r="P299">
            <v>39079</v>
          </cell>
          <cell r="Q299" t="str">
            <v>壱</v>
          </cell>
          <cell r="R299" t="str">
            <v>無</v>
          </cell>
          <cell r="S299" t="str">
            <v>駅務課</v>
          </cell>
          <cell r="T299" t="str">
            <v>山本　剛</v>
          </cell>
          <cell r="U299">
            <v>5713</v>
          </cell>
          <cell r="V299" t="str">
            <v>部長</v>
          </cell>
          <cell r="W299" t="str">
            <v>なか５日</v>
          </cell>
          <cell r="X299" t="str">
            <v>入札</v>
          </cell>
          <cell r="Y299">
            <v>38989</v>
          </cell>
          <cell r="Z299">
            <v>38989</v>
          </cell>
          <cell r="AA299">
            <v>1110</v>
          </cell>
          <cell r="AB299" t="str">
            <v>交通局５階入札室</v>
          </cell>
          <cell r="AD299" t="str">
            <v>平成18年9月29日(金)　11時10分</v>
          </cell>
          <cell r="AE299" t="str">
            <v>卸小売業</v>
          </cell>
          <cell r="AF299" t="str">
            <v>一般機械器具卸小売業</v>
          </cell>
          <cell r="AG299" t="str">
            <v>消防用機械器具</v>
          </cell>
          <cell r="AH299" t="str">
            <v>B</v>
          </cell>
          <cell r="AI299">
            <v>4</v>
          </cell>
          <cell r="AJ299" t="str">
            <v>北信機械工業（株）</v>
          </cell>
          <cell r="AK299" t="str">
            <v>北海道消防機材（株）</v>
          </cell>
          <cell r="AL299" t="str">
            <v>丸三商事（株）</v>
          </cell>
          <cell r="AM299" t="str">
            <v>（株）ムラカミ</v>
          </cell>
          <cell r="AU299" t="str">
            <v>要</v>
          </cell>
          <cell r="AV299">
            <v>9372000</v>
          </cell>
          <cell r="AW299">
            <v>9840600</v>
          </cell>
          <cell r="AX299">
            <v>6.9930069930069783E-3</v>
          </cell>
          <cell r="AY299" t="str">
            <v>（株）ムラカミ</v>
          </cell>
          <cell r="AZ299">
            <v>9306000</v>
          </cell>
          <cell r="BA299">
            <v>9771300</v>
          </cell>
          <cell r="BB299">
            <v>465300</v>
          </cell>
          <cell r="BC299" t="str">
            <v>契約書</v>
          </cell>
          <cell r="BE299">
            <v>38993</v>
          </cell>
          <cell r="BF299" t="str">
            <v>する</v>
          </cell>
          <cell r="BG299" t="str">
            <v>入  札</v>
          </cell>
          <cell r="BH299">
            <v>0.99295774647887325</v>
          </cell>
          <cell r="BK299">
            <v>9438000</v>
          </cell>
          <cell r="BL299" t="str">
            <v xml:space="preserve"> </v>
          </cell>
          <cell r="BM299">
            <v>138600</v>
          </cell>
          <cell r="BN299">
            <v>0.98601398601398604</v>
          </cell>
        </row>
        <row r="300">
          <cell r="A300">
            <v>1169</v>
          </cell>
          <cell r="B300" t="str">
            <v>物品購入</v>
          </cell>
          <cell r="C300" t="str">
            <v>７０００形車両空制部品その２</v>
          </cell>
          <cell r="D300">
            <v>38980</v>
          </cell>
          <cell r="E300" t="str">
            <v>特命</v>
          </cell>
          <cell r="G300">
            <v>3096607</v>
          </cell>
          <cell r="I300">
            <v>1</v>
          </cell>
          <cell r="J300" t="str">
            <v>式</v>
          </cell>
          <cell r="K300" t="str">
            <v/>
          </cell>
          <cell r="L300">
            <v>3096607</v>
          </cell>
          <cell r="M300" t="str">
            <v>特命</v>
          </cell>
          <cell r="N300" t="str">
            <v>高・営</v>
          </cell>
          <cell r="P300">
            <v>39141</v>
          </cell>
          <cell r="Q300" t="str">
            <v>壱</v>
          </cell>
          <cell r="R300" t="str">
            <v>無</v>
          </cell>
          <cell r="S300" t="str">
            <v>車両課(二十四軒)</v>
          </cell>
          <cell r="T300" t="str">
            <v>小野　尚喜</v>
          </cell>
          <cell r="U300">
            <v>8209</v>
          </cell>
          <cell r="V300" t="str">
            <v>部長</v>
          </cell>
          <cell r="W300" t="str">
            <v>なか１日</v>
          </cell>
          <cell r="X300" t="str">
            <v>特命</v>
          </cell>
          <cell r="Y300">
            <v>38986</v>
          </cell>
          <cell r="Z300">
            <v>38987</v>
          </cell>
          <cell r="AA300">
            <v>1430</v>
          </cell>
          <cell r="AB300" t="str">
            <v>交通局３階総務課（契約担当）</v>
          </cell>
          <cell r="AD300" t="str">
            <v>平成18年9月27日(水)　14時30分</v>
          </cell>
          <cell r="AI300">
            <v>1</v>
          </cell>
          <cell r="AJ300" t="str">
            <v>ナブテスコ（株）鉄道カンパニー札幌営業所</v>
          </cell>
          <cell r="AU300" t="str">
            <v>要</v>
          </cell>
          <cell r="AV300">
            <v>2940000</v>
          </cell>
          <cell r="AW300">
            <v>3087000</v>
          </cell>
          <cell r="AX300">
            <v>3.1024279154571177E-3</v>
          </cell>
          <cell r="AY300" t="str">
            <v>ナブテスコ（株）鉄道カンパニー札幌営業所</v>
          </cell>
          <cell r="AZ300">
            <v>2940000</v>
          </cell>
          <cell r="BA300">
            <v>3087000</v>
          </cell>
          <cell r="BB300">
            <v>147000</v>
          </cell>
          <cell r="BC300" t="str">
            <v>契約書</v>
          </cell>
          <cell r="BE300">
            <v>38988</v>
          </cell>
          <cell r="BF300" t="str">
            <v>しない</v>
          </cell>
          <cell r="BG300" t="str">
            <v>見積</v>
          </cell>
          <cell r="BH300">
            <v>1</v>
          </cell>
          <cell r="BK300">
            <v>2949149.5238095238</v>
          </cell>
          <cell r="BL300" t="str">
            <v xml:space="preserve"> </v>
          </cell>
          <cell r="BM300">
            <v>9607</v>
          </cell>
          <cell r="BN300">
            <v>0.99689757208454288</v>
          </cell>
        </row>
        <row r="301">
          <cell r="A301">
            <v>7089</v>
          </cell>
          <cell r="B301" t="str">
            <v>業務委託</v>
          </cell>
          <cell r="C301" t="str">
            <v>ポンプオーバーホール（荏原製ほか）</v>
          </cell>
          <cell r="D301">
            <v>38979</v>
          </cell>
          <cell r="G301">
            <v>13041000</v>
          </cell>
          <cell r="I301">
            <v>1</v>
          </cell>
          <cell r="J301" t="str">
            <v>式</v>
          </cell>
          <cell r="K301" t="str">
            <v/>
          </cell>
          <cell r="L301">
            <v>13041000</v>
          </cell>
          <cell r="M301" t="str">
            <v>入札</v>
          </cell>
          <cell r="N301" t="str">
            <v>高・営</v>
          </cell>
          <cell r="O301">
            <v>38994</v>
          </cell>
          <cell r="P301">
            <v>39150</v>
          </cell>
          <cell r="Q301" t="str">
            <v>壱</v>
          </cell>
          <cell r="R301" t="str">
            <v>無</v>
          </cell>
          <cell r="S301" t="str">
            <v>施設課</v>
          </cell>
          <cell r="T301" t="str">
            <v>平野　重喜</v>
          </cell>
          <cell r="U301">
            <v>2527</v>
          </cell>
          <cell r="V301" t="str">
            <v>管理者</v>
          </cell>
          <cell r="W301" t="str">
            <v>なか５日</v>
          </cell>
          <cell r="X301" t="str">
            <v>入札</v>
          </cell>
          <cell r="Y301">
            <v>38992</v>
          </cell>
          <cell r="Z301">
            <v>38992</v>
          </cell>
          <cell r="AA301">
            <v>1120</v>
          </cell>
          <cell r="AB301" t="str">
            <v>交通局５階入札室</v>
          </cell>
          <cell r="AD301" t="str">
            <v>平成18年10月2日(月)　11時20分</v>
          </cell>
          <cell r="AE301" t="str">
            <v>サービス業</v>
          </cell>
          <cell r="AF301" t="str">
            <v>機械・家具等保守・修理業</v>
          </cell>
          <cell r="AG301" t="str">
            <v>機械保守・修理業</v>
          </cell>
          <cell r="AH301" t="str">
            <v>-</v>
          </cell>
          <cell r="AI301">
            <v>5</v>
          </cell>
          <cell r="AJ301" t="str">
            <v>荏原エンジニアリングサービス（株）北海道支店</v>
          </cell>
          <cell r="AK301" t="str">
            <v>荏原テクノサーブ（株）北海道支店</v>
          </cell>
          <cell r="AL301" t="str">
            <v>札幌日信電子（株）</v>
          </cell>
          <cell r="AM301" t="str">
            <v>日協エンジニアリング（株）</v>
          </cell>
          <cell r="AN301" t="str">
            <v>本多産業（株）札幌支店</v>
          </cell>
          <cell r="AU301" t="str">
            <v>要</v>
          </cell>
          <cell r="AV301">
            <v>12290000</v>
          </cell>
          <cell r="AW301">
            <v>12904500</v>
          </cell>
          <cell r="AX301">
            <v>1.046698872785834E-2</v>
          </cell>
          <cell r="AY301" t="str">
            <v>本多産業（株）札幌支店</v>
          </cell>
          <cell r="AZ301">
            <v>12200000</v>
          </cell>
          <cell r="BA301">
            <v>12810000</v>
          </cell>
          <cell r="BB301">
            <v>610000</v>
          </cell>
          <cell r="BC301" t="str">
            <v>契約書</v>
          </cell>
          <cell r="BE301">
            <v>38993</v>
          </cell>
          <cell r="BF301" t="str">
            <v>しない</v>
          </cell>
          <cell r="BG301" t="str">
            <v>入  札</v>
          </cell>
          <cell r="BH301">
            <v>0.99267697314890158</v>
          </cell>
          <cell r="BK301">
            <v>12420000</v>
          </cell>
          <cell r="BL301" t="str">
            <v xml:space="preserve"> </v>
          </cell>
          <cell r="BM301">
            <v>231000</v>
          </cell>
          <cell r="BN301">
            <v>0.98228663446054754</v>
          </cell>
        </row>
        <row r="302">
          <cell r="A302">
            <v>7090</v>
          </cell>
          <cell r="B302" t="str">
            <v>業務委託</v>
          </cell>
          <cell r="C302" t="str">
            <v>インバーターゲート装置（東芝製）改修</v>
          </cell>
          <cell r="D302">
            <v>38981</v>
          </cell>
          <cell r="E302" t="str">
            <v>特命</v>
          </cell>
          <cell r="G302">
            <v>1045800</v>
          </cell>
          <cell r="I302">
            <v>1</v>
          </cell>
          <cell r="J302" t="str">
            <v>式</v>
          </cell>
          <cell r="K302" t="str">
            <v/>
          </cell>
          <cell r="L302">
            <v>1045800</v>
          </cell>
          <cell r="M302" t="str">
            <v>特命</v>
          </cell>
          <cell r="N302" t="str">
            <v>高・営</v>
          </cell>
          <cell r="O302">
            <v>38989</v>
          </cell>
          <cell r="P302">
            <v>39168</v>
          </cell>
          <cell r="Q302" t="str">
            <v>壱</v>
          </cell>
          <cell r="R302" t="str">
            <v>無</v>
          </cell>
          <cell r="S302" t="str">
            <v>車両課(二十四軒)</v>
          </cell>
          <cell r="T302" t="str">
            <v>工藤　清</v>
          </cell>
          <cell r="U302">
            <v>8204</v>
          </cell>
          <cell r="V302" t="str">
            <v>部長</v>
          </cell>
          <cell r="W302" t="str">
            <v>なか１日</v>
          </cell>
          <cell r="X302" t="str">
            <v>特命</v>
          </cell>
          <cell r="Y302">
            <v>38987</v>
          </cell>
          <cell r="Z302">
            <v>38988</v>
          </cell>
          <cell r="AA302">
            <v>1500</v>
          </cell>
          <cell r="AB302" t="str">
            <v>交通局３階総務課（契約担当）</v>
          </cell>
          <cell r="AD302" t="str">
            <v>平成18年9月28日(木)　15時00分</v>
          </cell>
          <cell r="AI302">
            <v>1</v>
          </cell>
          <cell r="AJ302" t="str">
            <v>（株）東芝北海道支社</v>
          </cell>
          <cell r="AU302" t="str">
            <v>要</v>
          </cell>
          <cell r="AV302">
            <v>986000</v>
          </cell>
          <cell r="AW302">
            <v>1035300</v>
          </cell>
          <cell r="AX302">
            <v>1.0040160642570295E-2</v>
          </cell>
          <cell r="AY302" t="str">
            <v>（株）東芝北海道支社</v>
          </cell>
          <cell r="AZ302">
            <v>980000</v>
          </cell>
          <cell r="BA302">
            <v>1029000</v>
          </cell>
          <cell r="BB302">
            <v>49000</v>
          </cell>
          <cell r="BC302" t="str">
            <v>契約書</v>
          </cell>
          <cell r="BE302">
            <v>38989</v>
          </cell>
          <cell r="BF302" t="str">
            <v>しない</v>
          </cell>
          <cell r="BG302" t="str">
            <v>見積</v>
          </cell>
          <cell r="BH302">
            <v>0.99391480730223125</v>
          </cell>
          <cell r="BK302">
            <v>996000</v>
          </cell>
          <cell r="BL302" t="str">
            <v xml:space="preserve"> </v>
          </cell>
          <cell r="BM302">
            <v>16800</v>
          </cell>
          <cell r="BN302">
            <v>0.98393574297188757</v>
          </cell>
        </row>
        <row r="303">
          <cell r="A303">
            <v>1170</v>
          </cell>
          <cell r="B303" t="str">
            <v>物品購入</v>
          </cell>
          <cell r="C303" t="str">
            <v>５０００形誘導無線送受話器</v>
          </cell>
          <cell r="D303">
            <v>38981</v>
          </cell>
          <cell r="E303" t="str">
            <v>特命</v>
          </cell>
          <cell r="G303">
            <v>285600</v>
          </cell>
          <cell r="I303">
            <v>1</v>
          </cell>
          <cell r="J303" t="str">
            <v>式</v>
          </cell>
          <cell r="K303" t="str">
            <v/>
          </cell>
          <cell r="L303">
            <v>285600</v>
          </cell>
          <cell r="M303" t="str">
            <v>特命</v>
          </cell>
          <cell r="N303" t="str">
            <v>高・営</v>
          </cell>
          <cell r="P303">
            <v>39135</v>
          </cell>
          <cell r="Q303" t="str">
            <v>壱</v>
          </cell>
          <cell r="R303" t="str">
            <v>無</v>
          </cell>
          <cell r="S303" t="str">
            <v>車両課(真駒内)</v>
          </cell>
          <cell r="T303" t="str">
            <v>山内　光男</v>
          </cell>
          <cell r="U303">
            <v>8312</v>
          </cell>
          <cell r="V303" t="str">
            <v>課長</v>
          </cell>
          <cell r="W303" t="str">
            <v>なか１日</v>
          </cell>
          <cell r="X303" t="str">
            <v>特命</v>
          </cell>
          <cell r="Y303">
            <v>38986</v>
          </cell>
          <cell r="Z303">
            <v>38987</v>
          </cell>
          <cell r="AA303">
            <v>1530</v>
          </cell>
          <cell r="AB303" t="str">
            <v>交通局３階総務課（契約担当）</v>
          </cell>
          <cell r="AD303" t="str">
            <v>平成18年9月27日(水)　15時30分</v>
          </cell>
          <cell r="AI303">
            <v>1</v>
          </cell>
          <cell r="AJ303" t="str">
            <v>日本信号（株）北海道支店</v>
          </cell>
          <cell r="AU303" t="str">
            <v>省略可</v>
          </cell>
          <cell r="AW303">
            <v>285600</v>
          </cell>
          <cell r="AX303">
            <v>1</v>
          </cell>
          <cell r="AY303" t="str">
            <v>日本信号（株）北海道支店</v>
          </cell>
          <cell r="AZ303">
            <v>272000</v>
          </cell>
          <cell r="BA303">
            <v>285600</v>
          </cell>
          <cell r="BB303">
            <v>13600</v>
          </cell>
          <cell r="BC303" t="str">
            <v>発注書</v>
          </cell>
          <cell r="BE303">
            <v>38987</v>
          </cell>
          <cell r="BF303" t="str">
            <v>しない</v>
          </cell>
          <cell r="BG303" t="str">
            <v>見積</v>
          </cell>
          <cell r="BH303">
            <v>1</v>
          </cell>
          <cell r="BK303">
            <v>272000</v>
          </cell>
          <cell r="BL303" t="str">
            <v xml:space="preserve"> </v>
          </cell>
          <cell r="BM303">
            <v>0</v>
          </cell>
          <cell r="BN303">
            <v>1</v>
          </cell>
        </row>
        <row r="304">
          <cell r="A304">
            <v>1171</v>
          </cell>
          <cell r="B304" t="str">
            <v>物品購入</v>
          </cell>
          <cell r="C304" t="str">
            <v>自動出改札装置ベアリングその２</v>
          </cell>
          <cell r="D304">
            <v>38981</v>
          </cell>
          <cell r="G304">
            <v>153100</v>
          </cell>
          <cell r="I304">
            <v>1</v>
          </cell>
          <cell r="J304" t="str">
            <v>式</v>
          </cell>
          <cell r="K304" t="str">
            <v/>
          </cell>
          <cell r="L304">
            <v>153100</v>
          </cell>
          <cell r="M304" t="str">
            <v>公開</v>
          </cell>
          <cell r="N304" t="str">
            <v>高・営</v>
          </cell>
          <cell r="P304">
            <v>39006</v>
          </cell>
          <cell r="Q304" t="str">
            <v>壱</v>
          </cell>
          <cell r="R304" t="str">
            <v>無</v>
          </cell>
          <cell r="S304" t="str">
            <v>電気課</v>
          </cell>
          <cell r="T304" t="str">
            <v>中田　貴也</v>
          </cell>
          <cell r="U304">
            <v>2664</v>
          </cell>
          <cell r="V304" t="str">
            <v>課長</v>
          </cell>
          <cell r="W304" t="str">
            <v>なか１日</v>
          </cell>
          <cell r="X304" t="str">
            <v>公開</v>
          </cell>
          <cell r="Y304">
            <v>38988</v>
          </cell>
          <cell r="Z304">
            <v>38988</v>
          </cell>
          <cell r="AB304" t="str">
            <v>交通局３階総務課（契約担当）</v>
          </cell>
          <cell r="AD304" t="e">
            <v>#VALUE!</v>
          </cell>
          <cell r="AI304">
            <v>3</v>
          </cell>
          <cell r="AJ304" t="str">
            <v>向野商事（株）</v>
          </cell>
          <cell r="AK304" t="str">
            <v>三和商行（株）</v>
          </cell>
          <cell r="AL304" t="str">
            <v>福田部品（株）</v>
          </cell>
          <cell r="AM304" t="str">
            <v>本多産業（株）札幌支店</v>
          </cell>
          <cell r="AU304" t="str">
            <v>省略可</v>
          </cell>
          <cell r="AW304">
            <v>153100</v>
          </cell>
          <cell r="AX304">
            <v>1</v>
          </cell>
          <cell r="AY304" t="str">
            <v>三和商行（株）</v>
          </cell>
          <cell r="AZ304">
            <v>123900</v>
          </cell>
          <cell r="BA304">
            <v>130095</v>
          </cell>
          <cell r="BB304">
            <v>6195</v>
          </cell>
          <cell r="BC304" t="str">
            <v>発注書</v>
          </cell>
          <cell r="BE304">
            <v>38989</v>
          </cell>
          <cell r="BF304" t="str">
            <v>しない</v>
          </cell>
          <cell r="BG304" t="str">
            <v>見積(公開)</v>
          </cell>
          <cell r="BH304">
            <v>0.84973873285434354</v>
          </cell>
          <cell r="BK304">
            <v>145809.52380952382</v>
          </cell>
          <cell r="BL304" t="str">
            <v xml:space="preserve"> </v>
          </cell>
          <cell r="BM304">
            <v>23005</v>
          </cell>
          <cell r="BN304">
            <v>0.84973873285434354</v>
          </cell>
        </row>
        <row r="305">
          <cell r="A305">
            <v>2043</v>
          </cell>
          <cell r="B305" t="str">
            <v>製造請負</v>
          </cell>
          <cell r="C305" t="str">
            <v>案内軌条締結部品</v>
          </cell>
          <cell r="D305">
            <v>38981</v>
          </cell>
          <cell r="E305" t="str">
            <v>特命</v>
          </cell>
          <cell r="G305">
            <v>1764000</v>
          </cell>
          <cell r="I305">
            <v>1</v>
          </cell>
          <cell r="J305" t="str">
            <v>式</v>
          </cell>
          <cell r="K305" t="str">
            <v/>
          </cell>
          <cell r="L305">
            <v>1764000</v>
          </cell>
          <cell r="M305" t="str">
            <v>特命</v>
          </cell>
          <cell r="N305" t="str">
            <v>高・営</v>
          </cell>
          <cell r="P305">
            <v>39036</v>
          </cell>
          <cell r="Q305" t="str">
            <v>壱</v>
          </cell>
          <cell r="R305" t="str">
            <v>無</v>
          </cell>
          <cell r="S305" t="str">
            <v>施設課</v>
          </cell>
          <cell r="T305" t="str">
            <v>川島　孝吉</v>
          </cell>
          <cell r="U305">
            <v>2578</v>
          </cell>
          <cell r="V305" t="str">
            <v>課長</v>
          </cell>
          <cell r="W305" t="str">
            <v>なか１日</v>
          </cell>
          <cell r="X305" t="str">
            <v>特命</v>
          </cell>
          <cell r="Y305">
            <v>38986</v>
          </cell>
          <cell r="Z305">
            <v>38987</v>
          </cell>
          <cell r="AA305">
            <v>1415</v>
          </cell>
          <cell r="AB305" t="str">
            <v>交通局３階総務課（契約担当）</v>
          </cell>
          <cell r="AD305" t="str">
            <v>平成18年9月27日(水)　14時15分</v>
          </cell>
          <cell r="AI305">
            <v>1</v>
          </cell>
          <cell r="AJ305" t="str">
            <v>日本軌道工業（株）札幌営業所</v>
          </cell>
          <cell r="AU305" t="str">
            <v>省略可</v>
          </cell>
          <cell r="AW305">
            <v>1764000</v>
          </cell>
          <cell r="AX305">
            <v>1</v>
          </cell>
          <cell r="AY305" t="str">
            <v>日本軌道工業（株）札幌営業所</v>
          </cell>
          <cell r="AZ305">
            <v>1673000</v>
          </cell>
          <cell r="BA305">
            <v>1756650</v>
          </cell>
          <cell r="BB305">
            <v>83650</v>
          </cell>
          <cell r="BC305" t="str">
            <v>請書</v>
          </cell>
          <cell r="BE305">
            <v>38988</v>
          </cell>
          <cell r="BF305" t="str">
            <v>しない</v>
          </cell>
          <cell r="BG305" t="str">
            <v>見積</v>
          </cell>
          <cell r="BH305">
            <v>0.99583333333333335</v>
          </cell>
          <cell r="BK305">
            <v>1680000</v>
          </cell>
          <cell r="BL305" t="str">
            <v xml:space="preserve"> </v>
          </cell>
          <cell r="BM305">
            <v>7350</v>
          </cell>
          <cell r="BN305">
            <v>0.99583333333333335</v>
          </cell>
        </row>
        <row r="306">
          <cell r="A306">
            <v>2044</v>
          </cell>
          <cell r="B306" t="str">
            <v>製造請負</v>
          </cell>
          <cell r="C306" t="str">
            <v>軌道材料・案内軌条締結部品</v>
          </cell>
          <cell r="D306">
            <v>38981</v>
          </cell>
          <cell r="G306">
            <v>2866500</v>
          </cell>
          <cell r="I306">
            <v>1</v>
          </cell>
          <cell r="J306" t="str">
            <v>式</v>
          </cell>
          <cell r="K306" t="str">
            <v/>
          </cell>
          <cell r="L306">
            <v>2866500</v>
          </cell>
          <cell r="M306" t="str">
            <v>入札</v>
          </cell>
          <cell r="N306" t="str">
            <v>高・営</v>
          </cell>
          <cell r="P306">
            <v>39036</v>
          </cell>
          <cell r="Q306" t="str">
            <v>壱</v>
          </cell>
          <cell r="R306" t="str">
            <v>無</v>
          </cell>
          <cell r="S306" t="str">
            <v>施設課</v>
          </cell>
          <cell r="T306" t="str">
            <v>川島　孝吉</v>
          </cell>
          <cell r="U306">
            <v>2578</v>
          </cell>
          <cell r="V306" t="str">
            <v>課長</v>
          </cell>
          <cell r="W306" t="str">
            <v>なか１日</v>
          </cell>
          <cell r="X306" t="str">
            <v>入札</v>
          </cell>
          <cell r="Y306">
            <v>38986</v>
          </cell>
          <cell r="Z306">
            <v>39001</v>
          </cell>
          <cell r="AA306">
            <v>1130</v>
          </cell>
          <cell r="AB306" t="str">
            <v>交通局５階入札室</v>
          </cell>
          <cell r="AD306" t="str">
            <v>平成18年10月11日(水)　11時30分</v>
          </cell>
          <cell r="AE306" t="str">
            <v>製造業</v>
          </cell>
          <cell r="AF306" t="str">
            <v>輸送機械器具製造業</v>
          </cell>
          <cell r="AG306" t="str">
            <v>鉄道車両・同部品</v>
          </cell>
          <cell r="AH306" t="str">
            <v>C</v>
          </cell>
          <cell r="AI306">
            <v>3</v>
          </cell>
          <cell r="AJ306" t="str">
            <v>札幌交通機械（株）</v>
          </cell>
          <cell r="AK306" t="str">
            <v>泰平電機（株）札幌営業所</v>
          </cell>
          <cell r="AL306" t="str">
            <v>日本軌道工業（株）札幌営業所</v>
          </cell>
          <cell r="AU306" t="str">
            <v>要</v>
          </cell>
          <cell r="AV306">
            <v>2730000</v>
          </cell>
          <cell r="AW306">
            <v>2866500</v>
          </cell>
          <cell r="AX306">
            <v>0</v>
          </cell>
          <cell r="AY306" t="str">
            <v>日本軌道工業（株）札幌営業所</v>
          </cell>
          <cell r="AZ306">
            <v>2700000</v>
          </cell>
          <cell r="BA306">
            <v>2835000</v>
          </cell>
          <cell r="BB306">
            <v>135000</v>
          </cell>
          <cell r="BC306" t="str">
            <v>契約書</v>
          </cell>
          <cell r="BE306">
            <v>39002</v>
          </cell>
          <cell r="BF306" t="str">
            <v>しない</v>
          </cell>
          <cell r="BG306" t="str">
            <v>入  札</v>
          </cell>
          <cell r="BH306">
            <v>0.98901098901098905</v>
          </cell>
          <cell r="BI306" t="str">
            <v>9月28日（木）に入札を行ったが、Ｃランク指名業者については全者辞退届を提出。よってＢランク３者を指名することとする。</v>
          </cell>
          <cell r="BK306">
            <v>2730000</v>
          </cell>
          <cell r="BL306" t="str">
            <v xml:space="preserve"> </v>
          </cell>
          <cell r="BM306">
            <v>31500</v>
          </cell>
          <cell r="BN306">
            <v>0.98901098901098905</v>
          </cell>
        </row>
        <row r="307">
          <cell r="A307">
            <v>7091</v>
          </cell>
          <cell r="B307" t="str">
            <v>業務委託</v>
          </cell>
          <cell r="C307" t="str">
            <v>東豊線大通駅インバータ装置改良業務（三菱製）</v>
          </cell>
          <cell r="D307">
            <v>38982</v>
          </cell>
          <cell r="E307" t="str">
            <v>特命</v>
          </cell>
          <cell r="G307">
            <v>26974500</v>
          </cell>
          <cell r="I307">
            <v>1</v>
          </cell>
          <cell r="J307" t="str">
            <v>式</v>
          </cell>
          <cell r="K307" t="str">
            <v/>
          </cell>
          <cell r="L307">
            <v>26974500</v>
          </cell>
          <cell r="M307" t="str">
            <v>特命</v>
          </cell>
          <cell r="N307" t="str">
            <v>高・建改</v>
          </cell>
          <cell r="O307">
            <v>38995</v>
          </cell>
          <cell r="P307">
            <v>39156</v>
          </cell>
          <cell r="Q307" t="str">
            <v>壱</v>
          </cell>
          <cell r="R307" t="str">
            <v>無</v>
          </cell>
          <cell r="S307" t="str">
            <v>施設課</v>
          </cell>
          <cell r="T307" t="str">
            <v>倉内　隆</v>
          </cell>
          <cell r="U307">
            <v>2529</v>
          </cell>
          <cell r="V307" t="str">
            <v>管理者</v>
          </cell>
          <cell r="W307" t="str">
            <v>なか５日</v>
          </cell>
          <cell r="X307" t="str">
            <v>特命</v>
          </cell>
          <cell r="Y307">
            <v>38992</v>
          </cell>
          <cell r="Z307">
            <v>38993</v>
          </cell>
          <cell r="AA307">
            <v>1400</v>
          </cell>
          <cell r="AB307" t="str">
            <v>交通局３階総務課（契約担当）</v>
          </cell>
          <cell r="AD307" t="str">
            <v>平成18年10月3日(火)　14時00分</v>
          </cell>
          <cell r="AI307">
            <v>1</v>
          </cell>
          <cell r="AJ307" t="str">
            <v>三菱電機（株）北海道支社</v>
          </cell>
          <cell r="AU307" t="str">
            <v>要</v>
          </cell>
          <cell r="AV307">
            <v>25430000</v>
          </cell>
          <cell r="AW307">
            <v>26701500</v>
          </cell>
          <cell r="AX307">
            <v>1.0120669521214487E-2</v>
          </cell>
          <cell r="AY307" t="str">
            <v>三菱電機（株）北海道支社</v>
          </cell>
          <cell r="AZ307">
            <v>25200000</v>
          </cell>
          <cell r="BA307">
            <v>26460000</v>
          </cell>
          <cell r="BB307">
            <v>1260000</v>
          </cell>
          <cell r="BC307" t="str">
            <v>契約書</v>
          </cell>
          <cell r="BE307">
            <v>38994</v>
          </cell>
          <cell r="BF307" t="str">
            <v>する</v>
          </cell>
          <cell r="BG307" t="str">
            <v>見積</v>
          </cell>
          <cell r="BH307">
            <v>0.99095556429414078</v>
          </cell>
          <cell r="BK307">
            <v>25690000</v>
          </cell>
          <cell r="BL307" t="str">
            <v xml:space="preserve"> </v>
          </cell>
          <cell r="BM307">
            <v>514500</v>
          </cell>
          <cell r="BN307">
            <v>0.98092643051771122</v>
          </cell>
        </row>
        <row r="308">
          <cell r="A308">
            <v>7092</v>
          </cell>
          <cell r="B308" t="str">
            <v>業務委託</v>
          </cell>
          <cell r="C308" t="str">
            <v>空制予備品整備</v>
          </cell>
          <cell r="D308">
            <v>38982</v>
          </cell>
          <cell r="E308" t="str">
            <v>特命</v>
          </cell>
          <cell r="G308">
            <v>284550</v>
          </cell>
          <cell r="I308">
            <v>1</v>
          </cell>
          <cell r="J308" t="str">
            <v>式</v>
          </cell>
          <cell r="K308" t="str">
            <v/>
          </cell>
          <cell r="L308">
            <v>284550</v>
          </cell>
          <cell r="M308" t="str">
            <v>特命</v>
          </cell>
          <cell r="N308" t="str">
            <v>高・営</v>
          </cell>
          <cell r="O308">
            <v>38993</v>
          </cell>
          <cell r="P308">
            <v>39031</v>
          </cell>
          <cell r="Q308" t="str">
            <v>壱</v>
          </cell>
          <cell r="R308" t="str">
            <v>無</v>
          </cell>
          <cell r="S308" t="str">
            <v>車両課(二十四軒)</v>
          </cell>
          <cell r="T308" t="str">
            <v>今井　道雄</v>
          </cell>
          <cell r="U308">
            <v>8210</v>
          </cell>
          <cell r="V308" t="str">
            <v>課長</v>
          </cell>
          <cell r="W308" t="str">
            <v>なか１日</v>
          </cell>
          <cell r="X308" t="str">
            <v>特命</v>
          </cell>
          <cell r="Y308">
            <v>38987</v>
          </cell>
          <cell r="Z308">
            <v>38989</v>
          </cell>
          <cell r="AA308">
            <v>1400</v>
          </cell>
          <cell r="AB308" t="str">
            <v>交通局３階総務課（契約担当）</v>
          </cell>
          <cell r="AD308" t="str">
            <v>平成18年9月29日(金)　14時00分</v>
          </cell>
          <cell r="AI308">
            <v>1</v>
          </cell>
          <cell r="AJ308" t="str">
            <v>札幌交通機械（株）</v>
          </cell>
          <cell r="AU308" t="str">
            <v>省略可</v>
          </cell>
          <cell r="AW308">
            <v>284550</v>
          </cell>
          <cell r="AX308">
            <v>1</v>
          </cell>
          <cell r="AY308" t="str">
            <v>札幌交通機械（株）</v>
          </cell>
          <cell r="AZ308">
            <v>270000</v>
          </cell>
          <cell r="BA308">
            <v>283500</v>
          </cell>
          <cell r="BB308">
            <v>13500</v>
          </cell>
          <cell r="BC308" t="str">
            <v>請書</v>
          </cell>
          <cell r="BE308">
            <v>38992</v>
          </cell>
          <cell r="BF308" t="str">
            <v>しない</v>
          </cell>
          <cell r="BG308" t="str">
            <v>見積</v>
          </cell>
          <cell r="BH308">
            <v>0.99630996309963105</v>
          </cell>
          <cell r="BK308">
            <v>271000</v>
          </cell>
          <cell r="BL308" t="str">
            <v xml:space="preserve"> </v>
          </cell>
          <cell r="BM308">
            <v>1050</v>
          </cell>
          <cell r="BN308">
            <v>0.99630996309963105</v>
          </cell>
        </row>
        <row r="309">
          <cell r="A309">
            <v>1172</v>
          </cell>
          <cell r="B309" t="str">
            <v>物品購入</v>
          </cell>
          <cell r="C309" t="str">
            <v>側開戸忍錠用音止め他</v>
          </cell>
          <cell r="D309">
            <v>38982</v>
          </cell>
          <cell r="E309" t="str">
            <v>特命</v>
          </cell>
          <cell r="G309">
            <v>1565046</v>
          </cell>
          <cell r="I309">
            <v>1</v>
          </cell>
          <cell r="J309" t="str">
            <v>式</v>
          </cell>
          <cell r="K309" t="str">
            <v/>
          </cell>
          <cell r="L309">
            <v>1565046</v>
          </cell>
          <cell r="M309" t="str">
            <v>特命</v>
          </cell>
          <cell r="N309" t="str">
            <v>高・営</v>
          </cell>
          <cell r="P309">
            <v>39141</v>
          </cell>
          <cell r="Q309" t="str">
            <v>壱</v>
          </cell>
          <cell r="R309" t="str">
            <v>無</v>
          </cell>
          <cell r="S309" t="str">
            <v>車両課(二十四軒)</v>
          </cell>
          <cell r="T309" t="str">
            <v>碓井　博明</v>
          </cell>
          <cell r="U309">
            <v>8213</v>
          </cell>
          <cell r="V309" t="str">
            <v>課長</v>
          </cell>
          <cell r="W309" t="str">
            <v>なか１日</v>
          </cell>
          <cell r="X309" t="str">
            <v>特命</v>
          </cell>
          <cell r="Y309">
            <v>38987</v>
          </cell>
          <cell r="Z309">
            <v>38989</v>
          </cell>
          <cell r="AA309">
            <v>1430</v>
          </cell>
          <cell r="AB309" t="str">
            <v>交通局３階総務課（契約担当）</v>
          </cell>
          <cell r="AD309" t="str">
            <v>平成18年9月29日(金)　14時30分</v>
          </cell>
          <cell r="AI309">
            <v>1</v>
          </cell>
          <cell r="AJ309" t="str">
            <v>札幌川重車両エンジニアリング（株）</v>
          </cell>
          <cell r="AU309" t="str">
            <v>省略可</v>
          </cell>
          <cell r="AW309">
            <v>1565046</v>
          </cell>
          <cell r="AX309">
            <v>1</v>
          </cell>
          <cell r="AY309" t="str">
            <v>札幌川重車両エンジニアリング（株）</v>
          </cell>
          <cell r="AZ309">
            <v>1488000</v>
          </cell>
          <cell r="BA309">
            <v>1562400</v>
          </cell>
          <cell r="BB309">
            <v>74400</v>
          </cell>
          <cell r="BC309" t="str">
            <v>請書</v>
          </cell>
          <cell r="BE309">
            <v>38992</v>
          </cell>
          <cell r="BF309" t="str">
            <v>しない</v>
          </cell>
          <cell r="BG309" t="str">
            <v>見積</v>
          </cell>
          <cell r="BH309">
            <v>0.99830931486997831</v>
          </cell>
          <cell r="BK309">
            <v>1490520</v>
          </cell>
          <cell r="BL309" t="str">
            <v xml:space="preserve"> </v>
          </cell>
          <cell r="BM309">
            <v>2646</v>
          </cell>
          <cell r="BN309">
            <v>0.99830931486997831</v>
          </cell>
        </row>
        <row r="310">
          <cell r="A310">
            <v>1173</v>
          </cell>
          <cell r="B310" t="str">
            <v>物品購入</v>
          </cell>
          <cell r="C310" t="str">
            <v>車軸</v>
          </cell>
          <cell r="D310">
            <v>38982</v>
          </cell>
          <cell r="E310" t="str">
            <v>特命</v>
          </cell>
          <cell r="G310">
            <v>640710</v>
          </cell>
          <cell r="I310">
            <v>1</v>
          </cell>
          <cell r="J310" t="str">
            <v>式</v>
          </cell>
          <cell r="K310" t="str">
            <v/>
          </cell>
          <cell r="L310">
            <v>640710</v>
          </cell>
          <cell r="M310" t="str">
            <v>特命</v>
          </cell>
          <cell r="N310" t="str">
            <v>軌・営</v>
          </cell>
          <cell r="P310">
            <v>39167</v>
          </cell>
          <cell r="Q310" t="str">
            <v>壱</v>
          </cell>
          <cell r="R310" t="str">
            <v>無</v>
          </cell>
          <cell r="S310" t="str">
            <v>電車事業所</v>
          </cell>
          <cell r="T310" t="str">
            <v>萩原　徹</v>
          </cell>
          <cell r="U310">
            <v>2933</v>
          </cell>
          <cell r="V310" t="str">
            <v>課長</v>
          </cell>
          <cell r="W310" t="str">
            <v>なか１日</v>
          </cell>
          <cell r="X310" t="str">
            <v>特命</v>
          </cell>
          <cell r="Y310">
            <v>38987</v>
          </cell>
          <cell r="Z310">
            <v>38989</v>
          </cell>
          <cell r="AA310">
            <v>1500</v>
          </cell>
          <cell r="AB310" t="str">
            <v>交通局３階総務課（契約担当）</v>
          </cell>
          <cell r="AD310" t="str">
            <v>平成18年9月29日(金)　15時00分</v>
          </cell>
          <cell r="AI310">
            <v>1</v>
          </cell>
          <cell r="AJ310" t="str">
            <v>住友商事北海道（株）</v>
          </cell>
          <cell r="AU310" t="str">
            <v>省略可</v>
          </cell>
          <cell r="AW310">
            <v>640710</v>
          </cell>
          <cell r="AX310">
            <v>1</v>
          </cell>
          <cell r="AY310" t="str">
            <v>住友商事北海道（株）</v>
          </cell>
          <cell r="AZ310">
            <v>610000</v>
          </cell>
          <cell r="BA310">
            <v>640500</v>
          </cell>
          <cell r="BB310">
            <v>30500</v>
          </cell>
          <cell r="BC310" t="str">
            <v>請書</v>
          </cell>
          <cell r="BE310">
            <v>38992</v>
          </cell>
          <cell r="BF310" t="str">
            <v>しない</v>
          </cell>
          <cell r="BG310" t="str">
            <v>見積</v>
          </cell>
          <cell r="BH310">
            <v>0.99967223861029175</v>
          </cell>
          <cell r="BK310">
            <v>610200</v>
          </cell>
          <cell r="BL310" t="str">
            <v xml:space="preserve"> </v>
          </cell>
          <cell r="BM310">
            <v>210</v>
          </cell>
          <cell r="BN310">
            <v>0.99967223861029175</v>
          </cell>
        </row>
        <row r="311">
          <cell r="A311">
            <v>2045</v>
          </cell>
          <cell r="B311" t="str">
            <v>製造請負</v>
          </cell>
          <cell r="C311" t="str">
            <v>東豊線旅客案内表示器子機改修</v>
          </cell>
          <cell r="D311">
            <v>38985</v>
          </cell>
          <cell r="E311" t="str">
            <v>特命</v>
          </cell>
          <cell r="G311">
            <v>15949500</v>
          </cell>
          <cell r="I311">
            <v>1</v>
          </cell>
          <cell r="J311" t="str">
            <v>式</v>
          </cell>
          <cell r="K311" t="str">
            <v/>
          </cell>
          <cell r="L311">
            <v>15949500</v>
          </cell>
          <cell r="M311" t="str">
            <v>特命</v>
          </cell>
          <cell r="N311" t="str">
            <v>高・営</v>
          </cell>
          <cell r="P311">
            <v>39164</v>
          </cell>
          <cell r="Q311" t="str">
            <v>壱</v>
          </cell>
          <cell r="R311" t="str">
            <v>無</v>
          </cell>
          <cell r="S311" t="str">
            <v>電気課</v>
          </cell>
          <cell r="T311" t="str">
            <v>桜庭　常夫</v>
          </cell>
          <cell r="U311">
            <v>2643</v>
          </cell>
          <cell r="V311" t="str">
            <v>管理者</v>
          </cell>
          <cell r="W311" t="str">
            <v>なか５日</v>
          </cell>
          <cell r="X311" t="str">
            <v>特命</v>
          </cell>
          <cell r="Y311">
            <v>38993</v>
          </cell>
          <cell r="Z311">
            <v>39021</v>
          </cell>
          <cell r="AA311">
            <v>1400</v>
          </cell>
          <cell r="AB311" t="str">
            <v>交通局３階総務課（契約担当）</v>
          </cell>
          <cell r="AD311" t="str">
            <v>平成18年10月31日(火)　14時00分</v>
          </cell>
          <cell r="AI311">
            <v>1</v>
          </cell>
          <cell r="AJ311" t="str">
            <v>松下電器産業（株）北海道支店</v>
          </cell>
          <cell r="AU311" t="str">
            <v>要</v>
          </cell>
          <cell r="AV311">
            <v>15000000</v>
          </cell>
          <cell r="AW311">
            <v>15750000</v>
          </cell>
          <cell r="AX311">
            <v>1.2508229098090795E-2</v>
          </cell>
          <cell r="AY311" t="str">
            <v>松下電器産業（株）北海道支店</v>
          </cell>
          <cell r="AZ311">
            <v>15000000</v>
          </cell>
          <cell r="BA311">
            <v>15750000</v>
          </cell>
          <cell r="BB311">
            <v>750000</v>
          </cell>
          <cell r="BC311" t="str">
            <v>契約書</v>
          </cell>
          <cell r="BE311">
            <v>39023</v>
          </cell>
          <cell r="BF311" t="str">
            <v>しない</v>
          </cell>
          <cell r="BG311" t="str">
            <v>見積</v>
          </cell>
          <cell r="BH311">
            <v>1</v>
          </cell>
          <cell r="BK311">
            <v>15190000</v>
          </cell>
          <cell r="BL311" t="str">
            <v xml:space="preserve"> </v>
          </cell>
          <cell r="BM311">
            <v>199500</v>
          </cell>
          <cell r="BN311">
            <v>0.9874917709019092</v>
          </cell>
        </row>
        <row r="312">
          <cell r="A312">
            <v>7093</v>
          </cell>
          <cell r="B312" t="str">
            <v>業務委託</v>
          </cell>
          <cell r="C312" t="str">
            <v>自動車体洗浄機保守点検業務</v>
          </cell>
          <cell r="D312">
            <v>38985</v>
          </cell>
          <cell r="E312" t="str">
            <v>特命</v>
          </cell>
          <cell r="G312">
            <v>343350</v>
          </cell>
          <cell r="I312">
            <v>1</v>
          </cell>
          <cell r="J312" t="str">
            <v>式</v>
          </cell>
          <cell r="K312" t="str">
            <v/>
          </cell>
          <cell r="L312">
            <v>343350</v>
          </cell>
          <cell r="M312" t="str">
            <v>特命</v>
          </cell>
          <cell r="N312" t="str">
            <v>軌・営</v>
          </cell>
          <cell r="O312">
            <v>38994</v>
          </cell>
          <cell r="P312">
            <v>39021</v>
          </cell>
          <cell r="Q312" t="str">
            <v>壱</v>
          </cell>
          <cell r="R312" t="str">
            <v>無</v>
          </cell>
          <cell r="S312" t="str">
            <v>電車事業所</v>
          </cell>
          <cell r="T312" t="str">
            <v>内山　晃良</v>
          </cell>
          <cell r="U312">
            <v>2933</v>
          </cell>
          <cell r="V312" t="str">
            <v>部長</v>
          </cell>
          <cell r="W312" t="str">
            <v>なか１日</v>
          </cell>
          <cell r="X312" t="str">
            <v>特命</v>
          </cell>
          <cell r="Y312">
            <v>38989</v>
          </cell>
          <cell r="Z312">
            <v>38992</v>
          </cell>
          <cell r="AA312">
            <v>1430</v>
          </cell>
          <cell r="AB312" t="str">
            <v>交通局３階総務課（契約担当）</v>
          </cell>
          <cell r="AD312" t="str">
            <v>平成18年10月2日(月)　14時30分</v>
          </cell>
          <cell r="AI312">
            <v>1</v>
          </cell>
          <cell r="AJ312" t="str">
            <v>日本車輌洗滌機（株）北海道支店</v>
          </cell>
          <cell r="AU312" t="str">
            <v>省略可</v>
          </cell>
          <cell r="AW312">
            <v>343350</v>
          </cell>
          <cell r="AX312">
            <v>1</v>
          </cell>
          <cell r="AY312" t="str">
            <v>日本車輌洗滌機（株）北海道支店</v>
          </cell>
          <cell r="AZ312">
            <v>327000</v>
          </cell>
          <cell r="BA312">
            <v>343350</v>
          </cell>
          <cell r="BB312">
            <v>16350</v>
          </cell>
          <cell r="BC312" t="str">
            <v>請書</v>
          </cell>
          <cell r="BE312">
            <v>38993</v>
          </cell>
          <cell r="BF312" t="str">
            <v>しない</v>
          </cell>
          <cell r="BG312" t="str">
            <v>見積</v>
          </cell>
          <cell r="BH312">
            <v>1</v>
          </cell>
          <cell r="BK312">
            <v>327000</v>
          </cell>
          <cell r="BL312" t="str">
            <v xml:space="preserve"> </v>
          </cell>
          <cell r="BM312">
            <v>0</v>
          </cell>
          <cell r="BN312">
            <v>1</v>
          </cell>
        </row>
        <row r="313">
          <cell r="A313">
            <v>1174</v>
          </cell>
          <cell r="B313" t="str">
            <v>物品購入</v>
          </cell>
          <cell r="C313" t="str">
            <v>８０００形車両ＶＶＶＦ制御装置用部品</v>
          </cell>
          <cell r="D313">
            <v>38985</v>
          </cell>
          <cell r="E313" t="str">
            <v>特命</v>
          </cell>
          <cell r="G313">
            <v>1627500</v>
          </cell>
          <cell r="I313">
            <v>1</v>
          </cell>
          <cell r="J313" t="str">
            <v>式</v>
          </cell>
          <cell r="K313" t="str">
            <v/>
          </cell>
          <cell r="L313">
            <v>1627500</v>
          </cell>
          <cell r="M313" t="str">
            <v>特命</v>
          </cell>
          <cell r="N313" t="str">
            <v>高・営</v>
          </cell>
          <cell r="P313">
            <v>39150</v>
          </cell>
          <cell r="Q313" t="str">
            <v>壱</v>
          </cell>
          <cell r="R313" t="str">
            <v>無</v>
          </cell>
          <cell r="S313" t="str">
            <v>車両課(大谷地)</v>
          </cell>
          <cell r="T313" t="str">
            <v>山倉　裕司</v>
          </cell>
          <cell r="U313">
            <v>8415</v>
          </cell>
          <cell r="V313" t="str">
            <v>課長</v>
          </cell>
          <cell r="W313" t="str">
            <v>なか１日</v>
          </cell>
          <cell r="X313" t="str">
            <v>特命</v>
          </cell>
          <cell r="Y313">
            <v>38988</v>
          </cell>
          <cell r="Z313">
            <v>38989</v>
          </cell>
          <cell r="AA313">
            <v>1330</v>
          </cell>
          <cell r="AB313" t="str">
            <v>交通局３階総務課（契約担当）</v>
          </cell>
          <cell r="AD313" t="str">
            <v>平成18年9月29日(金)　13時30分</v>
          </cell>
          <cell r="AI313">
            <v>1</v>
          </cell>
          <cell r="AJ313" t="str">
            <v>（株）東芝北海道支社</v>
          </cell>
          <cell r="AU313" t="str">
            <v>要</v>
          </cell>
          <cell r="AV313">
            <v>1550000</v>
          </cell>
          <cell r="AW313">
            <v>1627500</v>
          </cell>
          <cell r="AX313">
            <v>0</v>
          </cell>
          <cell r="AY313" t="str">
            <v>（株）東芝北海道支社</v>
          </cell>
          <cell r="AZ313">
            <v>1550000</v>
          </cell>
          <cell r="BA313">
            <v>1627500</v>
          </cell>
          <cell r="BB313">
            <v>77500</v>
          </cell>
          <cell r="BC313" t="str">
            <v>契約書</v>
          </cell>
          <cell r="BE313">
            <v>38992</v>
          </cell>
          <cell r="BF313" t="str">
            <v>しない</v>
          </cell>
          <cell r="BG313" t="str">
            <v>見積</v>
          </cell>
          <cell r="BH313">
            <v>1</v>
          </cell>
          <cell r="BK313">
            <v>1550000</v>
          </cell>
          <cell r="BL313" t="str">
            <v xml:space="preserve"> </v>
          </cell>
          <cell r="BM313">
            <v>0</v>
          </cell>
          <cell r="BN313">
            <v>1</v>
          </cell>
        </row>
        <row r="314">
          <cell r="A314">
            <v>7094</v>
          </cell>
          <cell r="B314" t="str">
            <v>業務委託</v>
          </cell>
          <cell r="C314" t="str">
            <v>空調機オーバーホール（東芝製）</v>
          </cell>
          <cell r="D314">
            <v>38985</v>
          </cell>
          <cell r="E314" t="str">
            <v>特命</v>
          </cell>
          <cell r="G314">
            <v>495600</v>
          </cell>
          <cell r="I314">
            <v>1</v>
          </cell>
          <cell r="J314" t="str">
            <v>式</v>
          </cell>
          <cell r="K314" t="str">
            <v/>
          </cell>
          <cell r="L314">
            <v>495600</v>
          </cell>
          <cell r="M314" t="str">
            <v>特命</v>
          </cell>
          <cell r="N314" t="str">
            <v>高・営</v>
          </cell>
          <cell r="O314">
            <v>38994</v>
          </cell>
          <cell r="P314">
            <v>39021</v>
          </cell>
          <cell r="Q314" t="str">
            <v>壱</v>
          </cell>
          <cell r="R314" t="str">
            <v>無</v>
          </cell>
          <cell r="S314" t="str">
            <v>施設課</v>
          </cell>
          <cell r="T314" t="str">
            <v>北川　博教</v>
          </cell>
          <cell r="U314">
            <v>2528</v>
          </cell>
          <cell r="V314" t="str">
            <v>部長</v>
          </cell>
          <cell r="W314" t="str">
            <v>なか１日</v>
          </cell>
          <cell r="X314" t="str">
            <v>特命</v>
          </cell>
          <cell r="Y314">
            <v>38989</v>
          </cell>
          <cell r="Z314">
            <v>38992</v>
          </cell>
          <cell r="AA314">
            <v>1400</v>
          </cell>
          <cell r="AB314" t="str">
            <v>交通局３階総務課（契約担当）</v>
          </cell>
          <cell r="AD314" t="str">
            <v>平成18年10月2日(月)　14時00分</v>
          </cell>
          <cell r="AI314">
            <v>1</v>
          </cell>
          <cell r="AJ314" t="str">
            <v>札幌日信電子（株）</v>
          </cell>
          <cell r="AU314" t="str">
            <v>省略可</v>
          </cell>
          <cell r="AW314">
            <v>495600</v>
          </cell>
          <cell r="AX314">
            <v>1</v>
          </cell>
          <cell r="AY314" t="str">
            <v>札幌日信電子（株）</v>
          </cell>
          <cell r="AZ314">
            <v>470000</v>
          </cell>
          <cell r="BA314">
            <v>493500</v>
          </cell>
          <cell r="BB314">
            <v>23500</v>
          </cell>
          <cell r="BC314" t="str">
            <v>請書</v>
          </cell>
          <cell r="BE314">
            <v>38992</v>
          </cell>
          <cell r="BF314" t="str">
            <v>しない</v>
          </cell>
          <cell r="BG314" t="str">
            <v>見積</v>
          </cell>
          <cell r="BH314">
            <v>0.99576271186440679</v>
          </cell>
          <cell r="BK314">
            <v>472000</v>
          </cell>
          <cell r="BL314" t="str">
            <v xml:space="preserve"> </v>
          </cell>
          <cell r="BM314">
            <v>2100</v>
          </cell>
          <cell r="BN314">
            <v>0.99576271186440679</v>
          </cell>
        </row>
        <row r="315">
          <cell r="A315">
            <v>1175</v>
          </cell>
          <cell r="B315" t="str">
            <v>物品購入</v>
          </cell>
          <cell r="C315" t="str">
            <v>プレート式熱交換器用部品（アルファ・ラバル製）</v>
          </cell>
          <cell r="D315">
            <v>38987</v>
          </cell>
          <cell r="G315">
            <v>123480</v>
          </cell>
          <cell r="I315">
            <v>1</v>
          </cell>
          <cell r="J315" t="str">
            <v>式</v>
          </cell>
          <cell r="K315" t="str">
            <v/>
          </cell>
          <cell r="L315">
            <v>123480</v>
          </cell>
          <cell r="M315" t="str">
            <v>公開</v>
          </cell>
          <cell r="N315" t="str">
            <v>高・営</v>
          </cell>
          <cell r="P315">
            <v>39021</v>
          </cell>
          <cell r="Q315" t="str">
            <v>壱</v>
          </cell>
          <cell r="R315" t="str">
            <v>無</v>
          </cell>
          <cell r="S315" t="str">
            <v>施設課</v>
          </cell>
          <cell r="T315" t="str">
            <v>岡島　昌仁</v>
          </cell>
          <cell r="U315">
            <v>2522</v>
          </cell>
          <cell r="V315" t="str">
            <v>課長</v>
          </cell>
          <cell r="W315" t="str">
            <v>なか１日</v>
          </cell>
          <cell r="X315" t="str">
            <v>公開</v>
          </cell>
          <cell r="Y315">
            <v>38995</v>
          </cell>
          <cell r="Z315">
            <v>38995</v>
          </cell>
          <cell r="AB315" t="str">
            <v>交通局３階総務課（契約担当）</v>
          </cell>
          <cell r="AD315" t="e">
            <v>#VALUE!</v>
          </cell>
          <cell r="AI315">
            <v>3</v>
          </cell>
          <cell r="AJ315" t="str">
            <v>正栄機工（株）</v>
          </cell>
          <cell r="AK315" t="str">
            <v>ジョンソンコントロールズ（株）北海道支店</v>
          </cell>
          <cell r="AU315" t="str">
            <v>省略可</v>
          </cell>
          <cell r="AW315">
            <v>123480</v>
          </cell>
          <cell r="AX315">
            <v>1</v>
          </cell>
          <cell r="AY315" t="str">
            <v>ジョンソンコントロールズ（株）北海道支店</v>
          </cell>
          <cell r="AZ315">
            <v>36500</v>
          </cell>
          <cell r="BA315">
            <v>38325</v>
          </cell>
          <cell r="BB315">
            <v>1825</v>
          </cell>
          <cell r="BC315" t="e">
            <v>#N/A</v>
          </cell>
          <cell r="BE315">
            <v>38996</v>
          </cell>
          <cell r="BF315" t="str">
            <v>しない</v>
          </cell>
          <cell r="BG315" t="str">
            <v>見積(公開)</v>
          </cell>
          <cell r="BH315">
            <v>0.31037414965986393</v>
          </cell>
          <cell r="BK315">
            <v>117600</v>
          </cell>
          <cell r="BL315" t="str">
            <v xml:space="preserve"> </v>
          </cell>
          <cell r="BM315">
            <v>85155</v>
          </cell>
          <cell r="BN315">
            <v>0.31037414965986393</v>
          </cell>
        </row>
        <row r="316">
          <cell r="A316">
            <v>1176</v>
          </cell>
          <cell r="B316" t="str">
            <v>物品購入</v>
          </cell>
          <cell r="C316" t="str">
            <v>プレート式熱交換器用部品（日阪製作所製）</v>
          </cell>
          <cell r="D316">
            <v>38987</v>
          </cell>
          <cell r="G316">
            <v>187845</v>
          </cell>
          <cell r="I316">
            <v>1</v>
          </cell>
          <cell r="J316" t="str">
            <v>式</v>
          </cell>
          <cell r="K316" t="str">
            <v/>
          </cell>
          <cell r="L316">
            <v>187845</v>
          </cell>
          <cell r="M316" t="str">
            <v>公開</v>
          </cell>
          <cell r="N316" t="str">
            <v>高・営</v>
          </cell>
          <cell r="P316">
            <v>39021</v>
          </cell>
          <cell r="Q316" t="str">
            <v>壱</v>
          </cell>
          <cell r="R316" t="str">
            <v>無</v>
          </cell>
          <cell r="S316" t="str">
            <v>施設課</v>
          </cell>
          <cell r="T316" t="str">
            <v>岡島　昌仁</v>
          </cell>
          <cell r="U316">
            <v>2522</v>
          </cell>
          <cell r="V316" t="str">
            <v>課長</v>
          </cell>
          <cell r="W316" t="str">
            <v>なか１日</v>
          </cell>
          <cell r="X316" t="str">
            <v>公開</v>
          </cell>
          <cell r="Y316">
            <v>38995</v>
          </cell>
          <cell r="Z316">
            <v>38995</v>
          </cell>
          <cell r="AB316" t="str">
            <v>交通局３階総務課（契約担当）</v>
          </cell>
          <cell r="AD316" t="e">
            <v>#VALUE!</v>
          </cell>
          <cell r="AI316">
            <v>3</v>
          </cell>
          <cell r="AJ316" t="str">
            <v>正栄機工（株）</v>
          </cell>
          <cell r="AK316" t="str">
            <v>ジョンソンコントロールズ（株）北海道支店</v>
          </cell>
          <cell r="AU316" t="str">
            <v>省略可</v>
          </cell>
          <cell r="AW316">
            <v>187845</v>
          </cell>
          <cell r="AX316">
            <v>1</v>
          </cell>
          <cell r="AY316" t="str">
            <v>ジョンソンコントロールズ（株）北海道支店</v>
          </cell>
          <cell r="AZ316">
            <v>107190</v>
          </cell>
          <cell r="BA316">
            <v>112549</v>
          </cell>
          <cell r="BB316">
            <v>5359</v>
          </cell>
          <cell r="BC316" t="str">
            <v>発注書</v>
          </cell>
          <cell r="BE316">
            <v>38996</v>
          </cell>
          <cell r="BF316" t="str">
            <v>しない</v>
          </cell>
          <cell r="BG316" t="str">
            <v>見積(公開)</v>
          </cell>
          <cell r="BH316">
            <v>0.59915888099230752</v>
          </cell>
          <cell r="BK316">
            <v>178900</v>
          </cell>
          <cell r="BL316" t="str">
            <v xml:space="preserve"> </v>
          </cell>
          <cell r="BM316">
            <v>75296</v>
          </cell>
          <cell r="BN316">
            <v>0.59915888099230752</v>
          </cell>
        </row>
        <row r="317">
          <cell r="A317">
            <v>1177</v>
          </cell>
          <cell r="B317" t="str">
            <v>物品購入</v>
          </cell>
          <cell r="C317" t="str">
            <v>ゴム板</v>
          </cell>
          <cell r="D317">
            <v>38988</v>
          </cell>
          <cell r="G317">
            <v>319200</v>
          </cell>
          <cell r="I317">
            <v>1</v>
          </cell>
          <cell r="J317" t="str">
            <v>式</v>
          </cell>
          <cell r="K317" t="str">
            <v/>
          </cell>
          <cell r="L317">
            <v>319200</v>
          </cell>
          <cell r="M317" t="str">
            <v>公開</v>
          </cell>
          <cell r="N317" t="str">
            <v>高・営</v>
          </cell>
          <cell r="P317">
            <v>39031</v>
          </cell>
          <cell r="Q317" t="str">
            <v>壱</v>
          </cell>
          <cell r="R317" t="str">
            <v>無</v>
          </cell>
          <cell r="S317" t="str">
            <v>車両課(大谷地)</v>
          </cell>
          <cell r="T317" t="str">
            <v>田島　義雄</v>
          </cell>
          <cell r="U317">
            <v>8417</v>
          </cell>
          <cell r="V317" t="str">
            <v>課長</v>
          </cell>
          <cell r="W317" t="str">
            <v>なか１日</v>
          </cell>
          <cell r="X317" t="str">
            <v>公開</v>
          </cell>
          <cell r="Y317">
            <v>38995</v>
          </cell>
          <cell r="Z317">
            <v>38995</v>
          </cell>
          <cell r="AB317" t="str">
            <v>交通局３階総務課（契約担当）</v>
          </cell>
          <cell r="AD317" t="e">
            <v>#VALUE!</v>
          </cell>
          <cell r="AI317">
            <v>3</v>
          </cell>
          <cell r="AJ317" t="str">
            <v>（株）ササキ札幌営業所</v>
          </cell>
          <cell r="AK317" t="str">
            <v>三和商行（株）</v>
          </cell>
          <cell r="AL317" t="str">
            <v>（株）大興商事</v>
          </cell>
          <cell r="AM317" t="str">
            <v>福田部品（株）</v>
          </cell>
          <cell r="AN317" t="str">
            <v>マルキン機鋼（株）</v>
          </cell>
          <cell r="AO317" t="str">
            <v>吉見産商（株）</v>
          </cell>
          <cell r="AP317" t="str">
            <v>理興産業（株）</v>
          </cell>
          <cell r="AQ317" t="str">
            <v>（株）渡商</v>
          </cell>
          <cell r="AU317" t="str">
            <v>省略可</v>
          </cell>
          <cell r="AW317">
            <v>319200</v>
          </cell>
          <cell r="AX317">
            <v>1</v>
          </cell>
          <cell r="AY317" t="str">
            <v>吉見産商（株）</v>
          </cell>
          <cell r="AZ317">
            <v>288000</v>
          </cell>
          <cell r="BA317">
            <v>302400</v>
          </cell>
          <cell r="BB317">
            <v>14400</v>
          </cell>
          <cell r="BC317" t="str">
            <v>発注書</v>
          </cell>
          <cell r="BE317">
            <v>38996</v>
          </cell>
          <cell r="BF317" t="str">
            <v>しない</v>
          </cell>
          <cell r="BG317" t="str">
            <v>見積(公開)</v>
          </cell>
          <cell r="BH317">
            <v>0.94736842105263153</v>
          </cell>
          <cell r="BK317">
            <v>304000</v>
          </cell>
          <cell r="BL317" t="str">
            <v xml:space="preserve"> </v>
          </cell>
          <cell r="BM317">
            <v>16800</v>
          </cell>
          <cell r="BN317">
            <v>0.94736842105263153</v>
          </cell>
        </row>
        <row r="318">
          <cell r="A318">
            <v>7095</v>
          </cell>
          <cell r="B318" t="str">
            <v>業務委託</v>
          </cell>
          <cell r="C318" t="str">
            <v>南北線非常列車停止警報装置パトライト増設</v>
          </cell>
          <cell r="D318">
            <v>38988</v>
          </cell>
          <cell r="E318" t="str">
            <v>特命</v>
          </cell>
          <cell r="G318">
            <v>435750</v>
          </cell>
          <cell r="I318">
            <v>1</v>
          </cell>
          <cell r="J318" t="str">
            <v>式</v>
          </cell>
          <cell r="K318" t="str">
            <v/>
          </cell>
          <cell r="L318">
            <v>435750</v>
          </cell>
          <cell r="M318" t="str">
            <v>特命</v>
          </cell>
          <cell r="N318" t="str">
            <v>高・建改</v>
          </cell>
          <cell r="O318">
            <v>39002</v>
          </cell>
          <cell r="P318">
            <v>39051</v>
          </cell>
          <cell r="Q318" t="str">
            <v>壱</v>
          </cell>
          <cell r="R318" t="str">
            <v>無</v>
          </cell>
          <cell r="S318" t="str">
            <v>電気課</v>
          </cell>
          <cell r="T318" t="str">
            <v>桜庭　常夫</v>
          </cell>
          <cell r="U318">
            <v>2643</v>
          </cell>
          <cell r="V318" t="str">
            <v>部長</v>
          </cell>
          <cell r="W318" t="str">
            <v>なか１日</v>
          </cell>
          <cell r="X318" t="str">
            <v>特命</v>
          </cell>
          <cell r="Y318">
            <v>38994</v>
          </cell>
          <cell r="Z318">
            <v>38996</v>
          </cell>
          <cell r="AA318">
            <v>1400</v>
          </cell>
          <cell r="AB318" t="str">
            <v>交通局３階総務課（契約担当）</v>
          </cell>
          <cell r="AD318" t="str">
            <v>平成18年10月6日(金)　14時00分</v>
          </cell>
          <cell r="AI318">
            <v>1</v>
          </cell>
          <cell r="AJ318" t="str">
            <v>パナソニックＳＳエンジニアリング（株）北海道ＰＳＳＥ社</v>
          </cell>
          <cell r="AU318" t="str">
            <v>省略可</v>
          </cell>
          <cell r="AW318">
            <v>435750</v>
          </cell>
          <cell r="AX318">
            <v>1</v>
          </cell>
          <cell r="AY318" t="str">
            <v>パナソニックＳＳエンジニアリング（株）北海道ＰＳＳＥ社</v>
          </cell>
          <cell r="AZ318">
            <v>410000</v>
          </cell>
          <cell r="BA318">
            <v>430500</v>
          </cell>
          <cell r="BB318">
            <v>20500</v>
          </cell>
          <cell r="BC318" t="str">
            <v>請書</v>
          </cell>
          <cell r="BE318">
            <v>39000</v>
          </cell>
          <cell r="BF318" t="str">
            <v>する</v>
          </cell>
          <cell r="BG318" t="str">
            <v>見積</v>
          </cell>
          <cell r="BH318">
            <v>0.98795180722891562</v>
          </cell>
          <cell r="BK318">
            <v>415000</v>
          </cell>
          <cell r="BL318" t="str">
            <v xml:space="preserve"> </v>
          </cell>
          <cell r="BM318">
            <v>5250</v>
          </cell>
          <cell r="BN318">
            <v>0.98795180722891562</v>
          </cell>
        </row>
        <row r="319">
          <cell r="A319">
            <v>7096</v>
          </cell>
          <cell r="B319" t="str">
            <v>業務委託</v>
          </cell>
          <cell r="C319" t="str">
            <v>ポンプオーバーホール（鶴見製ほか）</v>
          </cell>
          <cell r="D319">
            <v>38988</v>
          </cell>
          <cell r="G319">
            <v>13703550</v>
          </cell>
          <cell r="I319">
            <v>1</v>
          </cell>
          <cell r="J319" t="str">
            <v>式</v>
          </cell>
          <cell r="K319" t="str">
            <v/>
          </cell>
          <cell r="L319">
            <v>13703550</v>
          </cell>
          <cell r="M319" t="str">
            <v>入札</v>
          </cell>
          <cell r="N319" t="str">
            <v>高・営</v>
          </cell>
          <cell r="O319">
            <v>39003</v>
          </cell>
          <cell r="P319">
            <v>39150</v>
          </cell>
          <cell r="Q319" t="str">
            <v>壱</v>
          </cell>
          <cell r="R319" t="str">
            <v>無</v>
          </cell>
          <cell r="S319" t="str">
            <v>施設課</v>
          </cell>
          <cell r="T319" t="str">
            <v>平野　重喜</v>
          </cell>
          <cell r="U319">
            <v>2527</v>
          </cell>
          <cell r="V319" t="str">
            <v>管理者</v>
          </cell>
          <cell r="W319" t="str">
            <v>なか５日</v>
          </cell>
          <cell r="X319" t="str">
            <v>入札</v>
          </cell>
          <cell r="Y319">
            <v>39002</v>
          </cell>
          <cell r="Z319">
            <v>39002</v>
          </cell>
          <cell r="AA319">
            <v>1100</v>
          </cell>
          <cell r="AB319" t="str">
            <v>交通局５階入札室</v>
          </cell>
          <cell r="AD319" t="str">
            <v>平成18年10月12日(木)　11時00分</v>
          </cell>
          <cell r="AE319" t="str">
            <v>サービス業</v>
          </cell>
          <cell r="AF319" t="str">
            <v>機械・家具等保守・修理業</v>
          </cell>
          <cell r="AG319" t="str">
            <v>機械保守・修理業</v>
          </cell>
          <cell r="AH319" t="str">
            <v>-</v>
          </cell>
          <cell r="AI319">
            <v>5</v>
          </cell>
          <cell r="AJ319" t="str">
            <v>正栄機工（株）</v>
          </cell>
          <cell r="AK319" t="str">
            <v>（株）鶴見製作所北海道支店</v>
          </cell>
          <cell r="AL319" t="str">
            <v>（株）日立産機システム北海道支社</v>
          </cell>
          <cell r="AM319" t="str">
            <v>（株）北海道日立</v>
          </cell>
          <cell r="AN319" t="str">
            <v>本多産業（株）札幌支店</v>
          </cell>
          <cell r="AU319" t="str">
            <v>要</v>
          </cell>
          <cell r="AV319">
            <v>12920000</v>
          </cell>
          <cell r="AW319">
            <v>13566000</v>
          </cell>
          <cell r="AX319">
            <v>1.0037545015707638E-2</v>
          </cell>
          <cell r="AY319" t="str">
            <v>正栄機工（株）</v>
          </cell>
          <cell r="AZ319">
            <v>12900000</v>
          </cell>
          <cell r="BA319">
            <v>13545000</v>
          </cell>
          <cell r="BB319">
            <v>645000</v>
          </cell>
          <cell r="BC319" t="str">
            <v>契約書</v>
          </cell>
          <cell r="BE319">
            <v>39003</v>
          </cell>
          <cell r="BF319" t="str">
            <v>しない</v>
          </cell>
          <cell r="BG319" t="str">
            <v>入  札</v>
          </cell>
          <cell r="BH319">
            <v>0.99845201238390091</v>
          </cell>
          <cell r="BK319">
            <v>13051000</v>
          </cell>
          <cell r="BL319" t="str">
            <v xml:space="preserve"> </v>
          </cell>
          <cell r="BM319">
            <v>158550</v>
          </cell>
          <cell r="BN319">
            <v>0.98843000536357373</v>
          </cell>
        </row>
        <row r="320">
          <cell r="A320">
            <v>1178</v>
          </cell>
          <cell r="B320" t="str">
            <v>物品購入</v>
          </cell>
          <cell r="C320" t="str">
            <v>アルミパーテーション</v>
          </cell>
          <cell r="D320">
            <v>38989</v>
          </cell>
          <cell r="G320">
            <v>592641</v>
          </cell>
          <cell r="I320">
            <v>1</v>
          </cell>
          <cell r="J320" t="str">
            <v>式</v>
          </cell>
          <cell r="K320" t="str">
            <v/>
          </cell>
          <cell r="L320">
            <v>592641</v>
          </cell>
          <cell r="M320" t="str">
            <v>公開</v>
          </cell>
          <cell r="N320" t="str">
            <v>高・営</v>
          </cell>
          <cell r="P320">
            <v>39051</v>
          </cell>
          <cell r="Q320" t="str">
            <v>壱</v>
          </cell>
          <cell r="R320" t="str">
            <v>無</v>
          </cell>
          <cell r="S320" t="str">
            <v>車両課(真駒内)</v>
          </cell>
          <cell r="T320" t="str">
            <v>松本　伸哉</v>
          </cell>
          <cell r="U320">
            <v>8306</v>
          </cell>
          <cell r="V320" t="str">
            <v>課長</v>
          </cell>
          <cell r="W320" t="str">
            <v>なか１日</v>
          </cell>
          <cell r="X320" t="str">
            <v>公開</v>
          </cell>
          <cell r="Y320">
            <v>38995</v>
          </cell>
          <cell r="Z320">
            <v>38995</v>
          </cell>
          <cell r="AB320" t="str">
            <v>交通局３階総務課（契約担当）</v>
          </cell>
          <cell r="AD320" t="e">
            <v>#VALUE!</v>
          </cell>
          <cell r="AI320">
            <v>3</v>
          </cell>
          <cell r="AJ320" t="str">
            <v>（株）文進堂</v>
          </cell>
          <cell r="AK320" t="str">
            <v>北海文具（株）</v>
          </cell>
          <cell r="AL320" t="str">
            <v>（株）渡商</v>
          </cell>
          <cell r="AU320" t="str">
            <v>省略可</v>
          </cell>
          <cell r="AW320">
            <v>592641</v>
          </cell>
          <cell r="AX320">
            <v>1</v>
          </cell>
          <cell r="AY320" t="str">
            <v>北海文具（株）</v>
          </cell>
          <cell r="AZ320">
            <v>503500</v>
          </cell>
          <cell r="BA320">
            <v>528675</v>
          </cell>
          <cell r="BB320">
            <v>25175</v>
          </cell>
          <cell r="BC320" t="str">
            <v>請書</v>
          </cell>
          <cell r="BE320">
            <v>39000</v>
          </cell>
          <cell r="BF320" t="str">
            <v>しない</v>
          </cell>
          <cell r="BG320" t="str">
            <v>見積(公開)</v>
          </cell>
          <cell r="BH320">
            <v>0.89206619184295388</v>
          </cell>
          <cell r="BK320">
            <v>564420</v>
          </cell>
          <cell r="BL320" t="str">
            <v xml:space="preserve"> </v>
          </cell>
          <cell r="BM320">
            <v>63966</v>
          </cell>
          <cell r="BN320">
            <v>0.89206619184295388</v>
          </cell>
        </row>
        <row r="321">
          <cell r="A321">
            <v>1179</v>
          </cell>
          <cell r="B321" t="str">
            <v>物品購入</v>
          </cell>
          <cell r="C321" t="str">
            <v>ショックアブソーバー</v>
          </cell>
          <cell r="D321">
            <v>38989</v>
          </cell>
          <cell r="E321" t="str">
            <v>特命</v>
          </cell>
          <cell r="G321">
            <v>206850</v>
          </cell>
          <cell r="I321">
            <v>1</v>
          </cell>
          <cell r="J321" t="str">
            <v>式</v>
          </cell>
          <cell r="K321" t="str">
            <v/>
          </cell>
          <cell r="L321">
            <v>206850</v>
          </cell>
          <cell r="M321" t="str">
            <v>特命</v>
          </cell>
          <cell r="N321" t="str">
            <v>高・営</v>
          </cell>
          <cell r="P321">
            <v>39129</v>
          </cell>
          <cell r="Q321" t="str">
            <v>壱</v>
          </cell>
          <cell r="R321" t="str">
            <v>無</v>
          </cell>
          <cell r="S321" t="str">
            <v>車両課(二十四軒)</v>
          </cell>
          <cell r="T321" t="str">
            <v>及川　博</v>
          </cell>
          <cell r="U321">
            <v>8210</v>
          </cell>
          <cell r="V321" t="str">
            <v>課長</v>
          </cell>
          <cell r="W321" t="str">
            <v>なか１日</v>
          </cell>
          <cell r="X321" t="str">
            <v>特命</v>
          </cell>
          <cell r="Y321">
            <v>38994</v>
          </cell>
          <cell r="Z321">
            <v>38995</v>
          </cell>
          <cell r="AA321">
            <v>1400</v>
          </cell>
          <cell r="AB321" t="str">
            <v>交通局３階総務課（契約担当）</v>
          </cell>
          <cell r="AD321" t="str">
            <v>平成18年10月5日(木)　14時00分</v>
          </cell>
          <cell r="AI321">
            <v>1</v>
          </cell>
          <cell r="AJ321" t="str">
            <v>札幌川重車両エンジニアリング（株）</v>
          </cell>
          <cell r="AU321" t="str">
            <v>省略可</v>
          </cell>
          <cell r="AW321">
            <v>206850</v>
          </cell>
          <cell r="AX321">
            <v>1</v>
          </cell>
          <cell r="AY321" t="str">
            <v>札幌川重車両エンジニアリング（株）</v>
          </cell>
          <cell r="AZ321">
            <v>197000</v>
          </cell>
          <cell r="BA321">
            <v>206850</v>
          </cell>
          <cell r="BB321">
            <v>9850</v>
          </cell>
          <cell r="BC321" t="str">
            <v>発注書</v>
          </cell>
          <cell r="BE321">
            <v>38995</v>
          </cell>
          <cell r="BF321" t="str">
            <v>しない</v>
          </cell>
          <cell r="BG321" t="str">
            <v>見積</v>
          </cell>
          <cell r="BH321">
            <v>1</v>
          </cell>
          <cell r="BK321">
            <v>197000</v>
          </cell>
          <cell r="BL321" t="str">
            <v xml:space="preserve"> </v>
          </cell>
          <cell r="BM321">
            <v>0</v>
          </cell>
          <cell r="BN321">
            <v>1</v>
          </cell>
        </row>
        <row r="322">
          <cell r="A322">
            <v>7097</v>
          </cell>
          <cell r="B322" t="str">
            <v>業務委託</v>
          </cell>
          <cell r="C322" t="str">
            <v>６０００形車両廃車車両運搬</v>
          </cell>
          <cell r="D322">
            <v>38989</v>
          </cell>
          <cell r="E322" t="str">
            <v>特命</v>
          </cell>
          <cell r="G322">
            <v>2413950</v>
          </cell>
          <cell r="I322">
            <v>1</v>
          </cell>
          <cell r="J322" t="str">
            <v>式</v>
          </cell>
          <cell r="K322" t="str">
            <v/>
          </cell>
          <cell r="L322">
            <v>2413950</v>
          </cell>
          <cell r="M322" t="str">
            <v>特命</v>
          </cell>
          <cell r="N322" t="str">
            <v>高・営</v>
          </cell>
          <cell r="O322">
            <v>39001</v>
          </cell>
          <cell r="P322">
            <v>39048</v>
          </cell>
          <cell r="Q322" t="str">
            <v>壱</v>
          </cell>
          <cell r="R322" t="str">
            <v>無</v>
          </cell>
          <cell r="S322" t="str">
            <v>車両課(大谷地)</v>
          </cell>
          <cell r="T322" t="str">
            <v>田島　義雄</v>
          </cell>
          <cell r="U322">
            <v>8417</v>
          </cell>
          <cell r="V322" t="str">
            <v>管理者</v>
          </cell>
          <cell r="W322" t="str">
            <v>なか１日</v>
          </cell>
          <cell r="X322" t="str">
            <v>特命</v>
          </cell>
          <cell r="Y322">
            <v>38996</v>
          </cell>
          <cell r="Z322">
            <v>39000</v>
          </cell>
          <cell r="AA322">
            <v>1400</v>
          </cell>
          <cell r="AB322" t="str">
            <v>交通局３階総務課（契約担当）</v>
          </cell>
          <cell r="AD322" t="str">
            <v>平成18年10月10日(火)　14時00分</v>
          </cell>
          <cell r="AI322">
            <v>1</v>
          </cell>
          <cell r="AJ322" t="str">
            <v>日本通運（株）札幌支店</v>
          </cell>
          <cell r="AU322" t="str">
            <v>要</v>
          </cell>
          <cell r="AV322">
            <v>2070000</v>
          </cell>
          <cell r="AW322">
            <v>2173500</v>
          </cell>
          <cell r="AX322">
            <v>9.9608525445845975E-2</v>
          </cell>
          <cell r="AY322" t="str">
            <v>日本通運（株）札幌支店</v>
          </cell>
          <cell r="AZ322">
            <v>2070000</v>
          </cell>
          <cell r="BA322">
            <v>2173500</v>
          </cell>
          <cell r="BB322">
            <v>103500</v>
          </cell>
          <cell r="BC322" t="str">
            <v>契約書</v>
          </cell>
          <cell r="BE322">
            <v>39001</v>
          </cell>
          <cell r="BF322" t="str">
            <v>しない</v>
          </cell>
          <cell r="BG322" t="str">
            <v>見積</v>
          </cell>
          <cell r="BH322">
            <v>1</v>
          </cell>
          <cell r="BK322">
            <v>2299000</v>
          </cell>
          <cell r="BL322" t="str">
            <v xml:space="preserve"> </v>
          </cell>
          <cell r="BM322">
            <v>240450</v>
          </cell>
          <cell r="BN322">
            <v>0.90039147455415403</v>
          </cell>
        </row>
        <row r="323">
          <cell r="A323">
            <v>7098</v>
          </cell>
          <cell r="B323" t="str">
            <v>業務委託</v>
          </cell>
          <cell r="C323" t="str">
            <v>新山鼻変電所機器設備保守点検業務</v>
          </cell>
          <cell r="D323">
            <v>38989</v>
          </cell>
          <cell r="E323" t="str">
            <v>特命</v>
          </cell>
          <cell r="G323">
            <v>4389000</v>
          </cell>
          <cell r="I323">
            <v>1</v>
          </cell>
          <cell r="J323" t="str">
            <v>式</v>
          </cell>
          <cell r="K323" t="str">
            <v/>
          </cell>
          <cell r="L323">
            <v>4389000</v>
          </cell>
          <cell r="M323" t="str">
            <v>特命</v>
          </cell>
          <cell r="N323" t="str">
            <v>軌・営</v>
          </cell>
          <cell r="O323">
            <v>39006</v>
          </cell>
          <cell r="P323">
            <v>39157</v>
          </cell>
          <cell r="Q323" t="str">
            <v>壱</v>
          </cell>
          <cell r="R323" t="str">
            <v>無</v>
          </cell>
          <cell r="S323" t="str">
            <v>電車事業所</v>
          </cell>
          <cell r="T323" t="str">
            <v>高橋　伊勢男</v>
          </cell>
          <cell r="U323">
            <v>2933</v>
          </cell>
          <cell r="V323" t="str">
            <v>管理者</v>
          </cell>
          <cell r="W323" t="str">
            <v>なか１日</v>
          </cell>
          <cell r="X323" t="str">
            <v>特命</v>
          </cell>
          <cell r="Y323">
            <v>38996</v>
          </cell>
          <cell r="Z323">
            <v>39001</v>
          </cell>
          <cell r="AA323">
            <v>1430</v>
          </cell>
          <cell r="AB323" t="str">
            <v>交通局３階総務課（契約担当）</v>
          </cell>
          <cell r="AD323" t="str">
            <v>平成18年10月11日(水)　14時30分</v>
          </cell>
          <cell r="AI323">
            <v>1</v>
          </cell>
          <cell r="AJ323" t="str">
            <v>三菱電機（株）北海道支社</v>
          </cell>
          <cell r="AU323" t="str">
            <v>要</v>
          </cell>
          <cell r="AV323">
            <v>4150000</v>
          </cell>
          <cell r="AW323">
            <v>4357500</v>
          </cell>
          <cell r="AX323">
            <v>7.1770334928229484E-3</v>
          </cell>
          <cell r="AY323" t="str">
            <v>三菱電機（株）北海道支社</v>
          </cell>
          <cell r="AZ323">
            <v>4150000</v>
          </cell>
          <cell r="BA323">
            <v>4357500</v>
          </cell>
          <cell r="BB323">
            <v>207500</v>
          </cell>
          <cell r="BC323" t="str">
            <v>契約書</v>
          </cell>
          <cell r="BE323">
            <v>39002</v>
          </cell>
          <cell r="BF323" t="str">
            <v>しない</v>
          </cell>
          <cell r="BG323" t="str">
            <v>見積</v>
          </cell>
          <cell r="BH323">
            <v>1</v>
          </cell>
          <cell r="BK323">
            <v>4180000</v>
          </cell>
          <cell r="BL323" t="str">
            <v xml:space="preserve"> </v>
          </cell>
          <cell r="BM323">
            <v>31500</v>
          </cell>
          <cell r="BN323">
            <v>0.99282296650717705</v>
          </cell>
        </row>
        <row r="324">
          <cell r="A324">
            <v>7099</v>
          </cell>
          <cell r="B324" t="str">
            <v>業務委託</v>
          </cell>
          <cell r="C324" t="str">
            <v>防水扉定期点検整備（東豊線）</v>
          </cell>
          <cell r="D324">
            <v>38989</v>
          </cell>
          <cell r="E324" t="str">
            <v>特命</v>
          </cell>
          <cell r="G324">
            <v>304500</v>
          </cell>
          <cell r="I324">
            <v>1</v>
          </cell>
          <cell r="J324" t="str">
            <v>式</v>
          </cell>
          <cell r="K324" t="str">
            <v/>
          </cell>
          <cell r="L324">
            <v>304500</v>
          </cell>
          <cell r="M324" t="str">
            <v>特命</v>
          </cell>
          <cell r="N324" t="str">
            <v>高・営</v>
          </cell>
          <cell r="O324">
            <v>39000</v>
          </cell>
          <cell r="P324">
            <v>39051</v>
          </cell>
          <cell r="Q324" t="str">
            <v>壱</v>
          </cell>
          <cell r="R324" t="str">
            <v>無</v>
          </cell>
          <cell r="S324" t="str">
            <v>施設課</v>
          </cell>
          <cell r="T324" t="str">
            <v>水口　博</v>
          </cell>
          <cell r="U324">
            <v>2594</v>
          </cell>
          <cell r="V324" t="str">
            <v>部長</v>
          </cell>
          <cell r="W324" t="str">
            <v>なか１日</v>
          </cell>
          <cell r="X324" t="str">
            <v>特命</v>
          </cell>
          <cell r="Y324">
            <v>38995</v>
          </cell>
          <cell r="Z324">
            <v>38996</v>
          </cell>
          <cell r="AA324">
            <v>1430</v>
          </cell>
          <cell r="AB324" t="str">
            <v>交通局３階総務課（契約担当）</v>
          </cell>
          <cell r="AD324" t="str">
            <v>平成18年10月6日(金)　14時30分</v>
          </cell>
          <cell r="AI324">
            <v>1</v>
          </cell>
          <cell r="AJ324" t="str">
            <v>（株）旭鉄工所</v>
          </cell>
          <cell r="AU324" t="str">
            <v>省略可</v>
          </cell>
          <cell r="AW324">
            <v>304500</v>
          </cell>
          <cell r="AX324">
            <v>1</v>
          </cell>
          <cell r="AY324" t="str">
            <v>（株）旭鉄工所</v>
          </cell>
          <cell r="AZ324">
            <v>280000</v>
          </cell>
          <cell r="BA324">
            <v>294000</v>
          </cell>
          <cell r="BB324">
            <v>14000</v>
          </cell>
          <cell r="BC324" t="str">
            <v>請書</v>
          </cell>
          <cell r="BE324">
            <v>38996</v>
          </cell>
          <cell r="BF324" t="str">
            <v>しない</v>
          </cell>
          <cell r="BG324" t="str">
            <v>見積</v>
          </cell>
          <cell r="BH324">
            <v>0.96551724137931039</v>
          </cell>
          <cell r="BK324">
            <v>290000</v>
          </cell>
          <cell r="BL324" t="str">
            <v xml:space="preserve"> </v>
          </cell>
          <cell r="BM324">
            <v>10500</v>
          </cell>
          <cell r="BN324">
            <v>0.96551724137931039</v>
          </cell>
        </row>
        <row r="325">
          <cell r="A325">
            <v>7100</v>
          </cell>
          <cell r="B325" t="str">
            <v>業務委託</v>
          </cell>
          <cell r="C325" t="str">
            <v>防水扉定期点検整備（南北線、東西線）</v>
          </cell>
          <cell r="D325">
            <v>38989</v>
          </cell>
          <cell r="E325" t="str">
            <v>特命</v>
          </cell>
          <cell r="G325">
            <v>882000</v>
          </cell>
          <cell r="I325">
            <v>1</v>
          </cell>
          <cell r="J325" t="str">
            <v>式</v>
          </cell>
          <cell r="K325" t="str">
            <v/>
          </cell>
          <cell r="L325">
            <v>882000</v>
          </cell>
          <cell r="M325" t="str">
            <v>特命</v>
          </cell>
          <cell r="N325" t="str">
            <v>高・営</v>
          </cell>
          <cell r="O325">
            <v>39001</v>
          </cell>
          <cell r="P325">
            <v>39051</v>
          </cell>
          <cell r="Q325" t="str">
            <v>壱</v>
          </cell>
          <cell r="R325" t="str">
            <v>無</v>
          </cell>
          <cell r="S325" t="str">
            <v>施設課</v>
          </cell>
          <cell r="T325" t="str">
            <v>水口　博</v>
          </cell>
          <cell r="U325">
            <v>2594</v>
          </cell>
          <cell r="V325" t="str">
            <v>部長</v>
          </cell>
          <cell r="W325" t="str">
            <v>なか１日</v>
          </cell>
          <cell r="X325" t="str">
            <v>特命</v>
          </cell>
          <cell r="Y325">
            <v>38995</v>
          </cell>
          <cell r="Z325">
            <v>38996</v>
          </cell>
          <cell r="AA325">
            <v>1500</v>
          </cell>
          <cell r="AB325" t="str">
            <v>交通局３階総務課（契約担当）</v>
          </cell>
          <cell r="AD325" t="str">
            <v>平成18年10月6日(金)　15時00分</v>
          </cell>
          <cell r="AI325">
            <v>1</v>
          </cell>
          <cell r="AJ325" t="str">
            <v>豊国工業（株）北海道支店</v>
          </cell>
          <cell r="AU325" t="str">
            <v>省略可</v>
          </cell>
          <cell r="AW325">
            <v>882000</v>
          </cell>
          <cell r="AX325">
            <v>1</v>
          </cell>
          <cell r="AY325" t="str">
            <v>豊国工業（株）北海道支店</v>
          </cell>
          <cell r="AZ325">
            <v>840000</v>
          </cell>
          <cell r="BA325">
            <v>882000</v>
          </cell>
          <cell r="BB325">
            <v>42000</v>
          </cell>
          <cell r="BC325" t="str">
            <v>契約書</v>
          </cell>
          <cell r="BE325">
            <v>39000</v>
          </cell>
          <cell r="BF325" t="str">
            <v>しない</v>
          </cell>
          <cell r="BG325" t="str">
            <v>見積</v>
          </cell>
          <cell r="BH325">
            <v>1</v>
          </cell>
          <cell r="BK325">
            <v>840000</v>
          </cell>
          <cell r="BL325" t="str">
            <v xml:space="preserve"> </v>
          </cell>
          <cell r="BM325">
            <v>0</v>
          </cell>
          <cell r="BN325">
            <v>1</v>
          </cell>
        </row>
        <row r="326">
          <cell r="A326">
            <v>2046</v>
          </cell>
          <cell r="B326" t="str">
            <v>製造請負</v>
          </cell>
          <cell r="C326" t="str">
            <v>現金収納小袋</v>
          </cell>
          <cell r="D326">
            <v>38992</v>
          </cell>
          <cell r="G326">
            <v>179550</v>
          </cell>
          <cell r="I326">
            <v>1</v>
          </cell>
          <cell r="J326" t="str">
            <v>式</v>
          </cell>
          <cell r="K326" t="str">
            <v/>
          </cell>
          <cell r="L326">
            <v>179550</v>
          </cell>
          <cell r="M326" t="str">
            <v>公開</v>
          </cell>
          <cell r="N326" t="str">
            <v>高・営</v>
          </cell>
          <cell r="P326">
            <v>39023</v>
          </cell>
          <cell r="Q326" t="str">
            <v>壱</v>
          </cell>
          <cell r="R326" t="str">
            <v>無</v>
          </cell>
          <cell r="S326" t="str">
            <v>駅務課</v>
          </cell>
          <cell r="T326" t="str">
            <v>山本　剛</v>
          </cell>
          <cell r="U326">
            <v>5713</v>
          </cell>
          <cell r="V326" t="str">
            <v>課長</v>
          </cell>
          <cell r="W326" t="str">
            <v>なか１日</v>
          </cell>
          <cell r="X326" t="str">
            <v>公開</v>
          </cell>
          <cell r="Y326">
            <v>39002</v>
          </cell>
          <cell r="Z326">
            <v>39002</v>
          </cell>
          <cell r="AB326" t="str">
            <v>交通局３階総務課（契約担当）</v>
          </cell>
          <cell r="AD326" t="e">
            <v>#VALUE!</v>
          </cell>
          <cell r="AI326">
            <v>3</v>
          </cell>
          <cell r="AJ326" t="str">
            <v>（株）ササキ札幌営業所</v>
          </cell>
          <cell r="AK326" t="str">
            <v>（株）丸ヨ池内</v>
          </cell>
          <cell r="AU326" t="str">
            <v>省略可</v>
          </cell>
          <cell r="AW326">
            <v>179550</v>
          </cell>
          <cell r="AX326">
            <v>1</v>
          </cell>
          <cell r="AY326" t="str">
            <v>（株）ササキ札幌営業所</v>
          </cell>
          <cell r="AZ326">
            <v>60000</v>
          </cell>
          <cell r="BA326">
            <v>63000</v>
          </cell>
          <cell r="BB326">
            <v>3000</v>
          </cell>
          <cell r="BC326" t="e">
            <v>#N/A</v>
          </cell>
          <cell r="BE326">
            <v>39003</v>
          </cell>
          <cell r="BF326" t="str">
            <v>しない</v>
          </cell>
          <cell r="BG326" t="str">
            <v>見積(公開)</v>
          </cell>
          <cell r="BH326">
            <v>0.35087719298245612</v>
          </cell>
          <cell r="BK326">
            <v>171000</v>
          </cell>
          <cell r="BL326" t="str">
            <v xml:space="preserve"> </v>
          </cell>
          <cell r="BM326">
            <v>116550</v>
          </cell>
          <cell r="BN326">
            <v>0.35087719298245612</v>
          </cell>
        </row>
        <row r="327">
          <cell r="A327">
            <v>1180</v>
          </cell>
          <cell r="B327" t="str">
            <v>物品購入</v>
          </cell>
          <cell r="C327" t="str">
            <v>補助電源装置部品</v>
          </cell>
          <cell r="D327">
            <v>38992</v>
          </cell>
          <cell r="E327" t="str">
            <v>特命</v>
          </cell>
          <cell r="G327">
            <v>959385</v>
          </cell>
          <cell r="I327">
            <v>1</v>
          </cell>
          <cell r="J327" t="str">
            <v>式</v>
          </cell>
          <cell r="K327" t="str">
            <v/>
          </cell>
          <cell r="L327">
            <v>959385</v>
          </cell>
          <cell r="M327" t="str">
            <v>特命</v>
          </cell>
          <cell r="N327" t="str">
            <v>高・営</v>
          </cell>
          <cell r="P327">
            <v>39171</v>
          </cell>
          <cell r="Q327" t="str">
            <v>壱</v>
          </cell>
          <cell r="R327" t="str">
            <v>無</v>
          </cell>
          <cell r="S327" t="str">
            <v>車両課(大谷地)</v>
          </cell>
          <cell r="T327" t="str">
            <v>吉川　智</v>
          </cell>
          <cell r="U327">
            <v>8415</v>
          </cell>
          <cell r="V327" t="str">
            <v>課長</v>
          </cell>
          <cell r="W327" t="str">
            <v>なか１日</v>
          </cell>
          <cell r="X327" t="str">
            <v>特命</v>
          </cell>
          <cell r="Y327">
            <v>38995</v>
          </cell>
          <cell r="Z327">
            <v>39001</v>
          </cell>
          <cell r="AA327">
            <v>1445</v>
          </cell>
          <cell r="AB327" t="str">
            <v>交通局３階総務課（契約担当）</v>
          </cell>
          <cell r="AD327" t="str">
            <v>平成18年10月11日(水)　14時45分</v>
          </cell>
          <cell r="AI327">
            <v>1</v>
          </cell>
          <cell r="AJ327" t="str">
            <v>三菱電機（株）北海道支社</v>
          </cell>
          <cell r="AU327" t="str">
            <v>省略可</v>
          </cell>
          <cell r="AW327">
            <v>959385</v>
          </cell>
          <cell r="AX327">
            <v>1</v>
          </cell>
          <cell r="AY327" t="str">
            <v>三菱電機（株）北海道支社</v>
          </cell>
          <cell r="AZ327">
            <v>910000</v>
          </cell>
          <cell r="BA327">
            <v>955500</v>
          </cell>
          <cell r="BB327">
            <v>45500</v>
          </cell>
          <cell r="BC327" t="str">
            <v>請書</v>
          </cell>
          <cell r="BE327">
            <v>39002</v>
          </cell>
          <cell r="BF327" t="str">
            <v>しない</v>
          </cell>
          <cell r="BG327" t="str">
            <v>見積</v>
          </cell>
          <cell r="BH327">
            <v>0.99595053080879936</v>
          </cell>
          <cell r="BK327">
            <v>913700</v>
          </cell>
          <cell r="BL327" t="str">
            <v xml:space="preserve"> </v>
          </cell>
          <cell r="BM327">
            <v>3885</v>
          </cell>
          <cell r="BN327">
            <v>0.99595053080879936</v>
          </cell>
        </row>
        <row r="328">
          <cell r="A328">
            <v>1181</v>
          </cell>
          <cell r="B328" t="str">
            <v>物品購入</v>
          </cell>
          <cell r="C328" t="str">
            <v>電子レギュレータ</v>
          </cell>
          <cell r="D328">
            <v>38992</v>
          </cell>
          <cell r="E328" t="str">
            <v>特命</v>
          </cell>
          <cell r="G328">
            <v>292950</v>
          </cell>
          <cell r="I328">
            <v>1</v>
          </cell>
          <cell r="J328" t="str">
            <v>式</v>
          </cell>
          <cell r="K328" t="str">
            <v/>
          </cell>
          <cell r="L328">
            <v>292950</v>
          </cell>
          <cell r="M328" t="str">
            <v>特命</v>
          </cell>
          <cell r="N328" t="str">
            <v>高・営</v>
          </cell>
          <cell r="P328">
            <v>39113</v>
          </cell>
          <cell r="Q328" t="str">
            <v>壱</v>
          </cell>
          <cell r="R328" t="str">
            <v>無</v>
          </cell>
          <cell r="S328" t="str">
            <v>車両課(大谷地)</v>
          </cell>
          <cell r="T328" t="str">
            <v>新藤　弘顕</v>
          </cell>
          <cell r="U328">
            <v>8405</v>
          </cell>
          <cell r="V328" t="str">
            <v>課長</v>
          </cell>
          <cell r="W328" t="str">
            <v>なか１日</v>
          </cell>
          <cell r="X328" t="str">
            <v>特命</v>
          </cell>
          <cell r="Y328">
            <v>38995</v>
          </cell>
          <cell r="Z328">
            <v>39000</v>
          </cell>
          <cell r="AA328">
            <v>1430</v>
          </cell>
          <cell r="AB328" t="str">
            <v>交通局３階総務課（契約担当）</v>
          </cell>
          <cell r="AD328" t="str">
            <v>平成18年10月10日(火)　14時30分</v>
          </cell>
          <cell r="AI328">
            <v>1</v>
          </cell>
          <cell r="AJ328" t="str">
            <v>ナブテスコ（株）鉄道カンパニー札幌営業所</v>
          </cell>
          <cell r="AU328" t="str">
            <v>省略可</v>
          </cell>
          <cell r="AW328">
            <v>292950</v>
          </cell>
          <cell r="AX328">
            <v>1</v>
          </cell>
          <cell r="AY328" t="str">
            <v>ナブテスコ（株）鉄道カンパニー札幌営業所</v>
          </cell>
          <cell r="AZ328">
            <v>279000</v>
          </cell>
          <cell r="BA328">
            <v>292950</v>
          </cell>
          <cell r="BB328">
            <v>13950</v>
          </cell>
          <cell r="BC328" t="str">
            <v>発注書</v>
          </cell>
          <cell r="BE328">
            <v>39000</v>
          </cell>
          <cell r="BF328" t="str">
            <v>しない</v>
          </cell>
          <cell r="BG328" t="str">
            <v>見積</v>
          </cell>
          <cell r="BH328">
            <v>1</v>
          </cell>
          <cell r="BK328">
            <v>279000</v>
          </cell>
          <cell r="BL328" t="str">
            <v xml:space="preserve"> </v>
          </cell>
          <cell r="BM328">
            <v>0</v>
          </cell>
          <cell r="BN328">
            <v>1</v>
          </cell>
        </row>
        <row r="329">
          <cell r="A329">
            <v>1182</v>
          </cell>
          <cell r="B329" t="str">
            <v>物品購入</v>
          </cell>
          <cell r="C329" t="str">
            <v>本局受変電設備用真空電磁接触器</v>
          </cell>
          <cell r="D329">
            <v>38992</v>
          </cell>
          <cell r="E329" t="str">
            <v>特命</v>
          </cell>
          <cell r="G329">
            <v>1258425</v>
          </cell>
          <cell r="I329">
            <v>1</v>
          </cell>
          <cell r="J329" t="str">
            <v>式</v>
          </cell>
          <cell r="K329" t="str">
            <v/>
          </cell>
          <cell r="L329">
            <v>1258425</v>
          </cell>
          <cell r="M329" t="str">
            <v>特命</v>
          </cell>
          <cell r="N329" t="str">
            <v>高・営</v>
          </cell>
          <cell r="P329">
            <v>39010</v>
          </cell>
          <cell r="Q329" t="str">
            <v>壱</v>
          </cell>
          <cell r="R329" t="str">
            <v>無</v>
          </cell>
          <cell r="S329" t="str">
            <v>電気課</v>
          </cell>
          <cell r="T329" t="str">
            <v>田中　敏雄</v>
          </cell>
          <cell r="U329">
            <v>2628</v>
          </cell>
          <cell r="V329" t="str">
            <v>課長</v>
          </cell>
          <cell r="W329" t="str">
            <v>なか１日</v>
          </cell>
          <cell r="X329" t="str">
            <v>特命</v>
          </cell>
          <cell r="Y329">
            <v>38995</v>
          </cell>
          <cell r="Z329">
            <v>39001</v>
          </cell>
          <cell r="AA329">
            <v>1500</v>
          </cell>
          <cell r="AB329" t="str">
            <v>交通局３階総務課（契約担当）</v>
          </cell>
          <cell r="AD329" t="str">
            <v>平成18年10月11日(水)　15時00分</v>
          </cell>
          <cell r="AI329">
            <v>1</v>
          </cell>
          <cell r="AJ329" t="str">
            <v>三菱電機（株）北海道支社</v>
          </cell>
          <cell r="AU329" t="str">
            <v>省略可</v>
          </cell>
          <cell r="AW329">
            <v>1258425</v>
          </cell>
          <cell r="AX329">
            <v>1</v>
          </cell>
          <cell r="AY329" t="str">
            <v>三菱電機（株）北海道支社</v>
          </cell>
          <cell r="AZ329">
            <v>1180000</v>
          </cell>
          <cell r="BA329">
            <v>1239000</v>
          </cell>
          <cell r="BB329">
            <v>59000</v>
          </cell>
          <cell r="BC329" t="str">
            <v>請書</v>
          </cell>
          <cell r="BE329">
            <v>39006</v>
          </cell>
          <cell r="BF329" t="str">
            <v>しない</v>
          </cell>
          <cell r="BG329" t="str">
            <v>見積</v>
          </cell>
          <cell r="BH329">
            <v>0.98456403838131001</v>
          </cell>
          <cell r="BK329">
            <v>1198500</v>
          </cell>
          <cell r="BL329" t="str">
            <v xml:space="preserve"> </v>
          </cell>
          <cell r="BM329">
            <v>19425</v>
          </cell>
          <cell r="BN329">
            <v>0.98456403838131001</v>
          </cell>
        </row>
        <row r="330">
          <cell r="A330">
            <v>1183</v>
          </cell>
          <cell r="B330" t="str">
            <v>物品購入</v>
          </cell>
          <cell r="C330" t="str">
            <v>火災感知器ほか</v>
          </cell>
          <cell r="D330">
            <v>38992</v>
          </cell>
          <cell r="G330">
            <v>938731</v>
          </cell>
          <cell r="I330">
            <v>1</v>
          </cell>
          <cell r="J330" t="str">
            <v>式</v>
          </cell>
          <cell r="K330" t="str">
            <v/>
          </cell>
          <cell r="L330">
            <v>938731</v>
          </cell>
          <cell r="M330" t="str">
            <v>公開</v>
          </cell>
          <cell r="N330" t="str">
            <v>高・営</v>
          </cell>
          <cell r="P330">
            <v>39105</v>
          </cell>
          <cell r="Q330" t="str">
            <v>壱</v>
          </cell>
          <cell r="R330" t="str">
            <v>無</v>
          </cell>
          <cell r="S330" t="str">
            <v>施設課</v>
          </cell>
          <cell r="T330" t="str">
            <v>中里　聡</v>
          </cell>
          <cell r="U330">
            <v>2527</v>
          </cell>
          <cell r="V330" t="str">
            <v>課長</v>
          </cell>
          <cell r="W330" t="str">
            <v>なか１日</v>
          </cell>
          <cell r="X330" t="str">
            <v>公開</v>
          </cell>
          <cell r="Y330">
            <v>39002</v>
          </cell>
          <cell r="Z330">
            <v>39002</v>
          </cell>
          <cell r="AB330" t="str">
            <v>交通局３階総務課（契約担当）</v>
          </cell>
          <cell r="AD330" t="e">
            <v>#VALUE!</v>
          </cell>
          <cell r="AI330">
            <v>3</v>
          </cell>
          <cell r="AJ330" t="str">
            <v>（株）エミヤ</v>
          </cell>
          <cell r="AK330" t="str">
            <v>（株）ササキ札幌営業所</v>
          </cell>
          <cell r="AU330" t="str">
            <v>省略可</v>
          </cell>
          <cell r="AW330">
            <v>938731</v>
          </cell>
          <cell r="AX330">
            <v>1</v>
          </cell>
          <cell r="AY330" t="str">
            <v>（株）エミヤ</v>
          </cell>
          <cell r="AZ330">
            <v>603470</v>
          </cell>
          <cell r="BA330">
            <v>633643</v>
          </cell>
          <cell r="BB330">
            <v>30173</v>
          </cell>
          <cell r="BC330" t="str">
            <v>請書</v>
          </cell>
          <cell r="BE330">
            <v>39006</v>
          </cell>
          <cell r="BF330" t="str">
            <v>しない</v>
          </cell>
          <cell r="BG330" t="str">
            <v>見積(公開)</v>
          </cell>
          <cell r="BH330">
            <v>0.67499954726114297</v>
          </cell>
          <cell r="BI330" t="str">
            <v>ｻｻｷは見積金額誤りにより無効</v>
          </cell>
          <cell r="BK330">
            <v>894029.52380952379</v>
          </cell>
          <cell r="BL330" t="str">
            <v xml:space="preserve"> </v>
          </cell>
          <cell r="BM330">
            <v>305088</v>
          </cell>
          <cell r="BN330">
            <v>0.67499954726114297</v>
          </cell>
        </row>
        <row r="331">
          <cell r="A331">
            <v>7101</v>
          </cell>
          <cell r="B331" t="str">
            <v>業務委託</v>
          </cell>
          <cell r="C331" t="str">
            <v>「券売機用ウィズユーカード」（福住駅・栄町駅限定発売）デザイン作成業務</v>
          </cell>
          <cell r="D331">
            <v>38993</v>
          </cell>
          <cell r="E331" t="str">
            <v>特命</v>
          </cell>
          <cell r="G331">
            <v>210000</v>
          </cell>
          <cell r="I331">
            <v>1</v>
          </cell>
          <cell r="J331" t="str">
            <v>式</v>
          </cell>
          <cell r="K331" t="str">
            <v/>
          </cell>
          <cell r="L331">
            <v>210000</v>
          </cell>
          <cell r="M331" t="str">
            <v>特命</v>
          </cell>
          <cell r="N331" t="str">
            <v>高・営</v>
          </cell>
          <cell r="O331">
            <v>39001</v>
          </cell>
          <cell r="P331">
            <v>39003</v>
          </cell>
          <cell r="Q331" t="str">
            <v>壱</v>
          </cell>
          <cell r="R331" t="str">
            <v>無</v>
          </cell>
          <cell r="S331" t="str">
            <v>経営企画課</v>
          </cell>
          <cell r="T331" t="str">
            <v>安藤　友明</v>
          </cell>
          <cell r="U331">
            <v>2115</v>
          </cell>
          <cell r="V331" t="str">
            <v>課長</v>
          </cell>
          <cell r="W331" t="str">
            <v>なか１日</v>
          </cell>
          <cell r="X331" t="str">
            <v>特命</v>
          </cell>
          <cell r="Y331">
            <v>38996</v>
          </cell>
          <cell r="Z331">
            <v>38996</v>
          </cell>
          <cell r="AA331">
            <v>1330</v>
          </cell>
          <cell r="AB331" t="str">
            <v>交通局３階総務課（契約担当）</v>
          </cell>
          <cell r="AD331" t="str">
            <v>平成18年10月6日(金)　13時30分</v>
          </cell>
          <cell r="AI331">
            <v>1</v>
          </cell>
          <cell r="AJ331" t="str">
            <v>表示灯（株）札幌支社</v>
          </cell>
          <cell r="AU331" t="str">
            <v>省略可</v>
          </cell>
          <cell r="AW331">
            <v>210000</v>
          </cell>
          <cell r="AX331">
            <v>1</v>
          </cell>
          <cell r="AY331" t="str">
            <v>表示灯（株）札幌支社</v>
          </cell>
          <cell r="AZ331">
            <v>200000</v>
          </cell>
          <cell r="BA331">
            <v>210000</v>
          </cell>
          <cell r="BB331">
            <v>10000</v>
          </cell>
          <cell r="BC331" t="str">
            <v>請書</v>
          </cell>
          <cell r="BE331">
            <v>39000</v>
          </cell>
          <cell r="BF331" t="str">
            <v>しない</v>
          </cell>
          <cell r="BG331" t="str">
            <v>見積</v>
          </cell>
          <cell r="BH331">
            <v>1</v>
          </cell>
          <cell r="BK331">
            <v>200000</v>
          </cell>
          <cell r="BL331" t="str">
            <v xml:space="preserve"> </v>
          </cell>
          <cell r="BM331">
            <v>0</v>
          </cell>
          <cell r="BN331">
            <v>1</v>
          </cell>
        </row>
        <row r="332">
          <cell r="A332">
            <v>7102</v>
          </cell>
          <cell r="B332" t="str">
            <v>業務委託</v>
          </cell>
          <cell r="C332" t="str">
            <v>パンク検知装置定期整備業務</v>
          </cell>
          <cell r="D332">
            <v>38993</v>
          </cell>
          <cell r="E332" t="str">
            <v>特命</v>
          </cell>
          <cell r="G332">
            <v>149100</v>
          </cell>
          <cell r="I332">
            <v>1</v>
          </cell>
          <cell r="J332" t="str">
            <v>式</v>
          </cell>
          <cell r="K332" t="str">
            <v/>
          </cell>
          <cell r="L332">
            <v>149100</v>
          </cell>
          <cell r="M332" t="str">
            <v>特命</v>
          </cell>
          <cell r="N332" t="str">
            <v>高・営</v>
          </cell>
          <cell r="O332">
            <v>39002</v>
          </cell>
          <cell r="P332">
            <v>39020</v>
          </cell>
          <cell r="Q332" t="str">
            <v>壱</v>
          </cell>
          <cell r="R332" t="str">
            <v>無</v>
          </cell>
          <cell r="S332" t="str">
            <v>車両課(真駒内)</v>
          </cell>
          <cell r="T332" t="str">
            <v>高橋　一美</v>
          </cell>
          <cell r="U332">
            <v>8315</v>
          </cell>
          <cell r="V332" t="str">
            <v>課長</v>
          </cell>
          <cell r="W332" t="str">
            <v>なか１日</v>
          </cell>
          <cell r="X332" t="str">
            <v>特命</v>
          </cell>
          <cell r="Y332">
            <v>38996</v>
          </cell>
          <cell r="Z332">
            <v>39000</v>
          </cell>
          <cell r="AA332">
            <v>1500</v>
          </cell>
          <cell r="AB332" t="str">
            <v>交通局３階総務課（契約担当）</v>
          </cell>
          <cell r="AD332" t="str">
            <v>平成18年10月10日(火)　15時00分</v>
          </cell>
          <cell r="AI332">
            <v>1</v>
          </cell>
          <cell r="AJ332" t="str">
            <v>札幌川重車両エンジニアリング（株）</v>
          </cell>
          <cell r="AU332" t="str">
            <v>省略可</v>
          </cell>
          <cell r="AW332">
            <v>149100</v>
          </cell>
          <cell r="AX332">
            <v>1</v>
          </cell>
          <cell r="AY332" t="str">
            <v>札幌川重車両エンジニアリング（株）</v>
          </cell>
          <cell r="AZ332">
            <v>140000</v>
          </cell>
          <cell r="BA332">
            <v>147000</v>
          </cell>
          <cell r="BB332">
            <v>7000</v>
          </cell>
          <cell r="BC332" t="str">
            <v>請書</v>
          </cell>
          <cell r="BE332">
            <v>39001</v>
          </cell>
          <cell r="BF332" t="str">
            <v>しない</v>
          </cell>
          <cell r="BG332" t="str">
            <v>見積</v>
          </cell>
          <cell r="BH332">
            <v>0.9859154929577465</v>
          </cell>
          <cell r="BK332">
            <v>142000</v>
          </cell>
          <cell r="BL332" t="str">
            <v xml:space="preserve"> </v>
          </cell>
          <cell r="BM332">
            <v>2100</v>
          </cell>
          <cell r="BN332">
            <v>0.9859154929577465</v>
          </cell>
        </row>
        <row r="333">
          <cell r="A333">
            <v>1184</v>
          </cell>
          <cell r="B333" t="str">
            <v>物品購入</v>
          </cell>
          <cell r="C333" t="str">
            <v>マエブタ他</v>
          </cell>
          <cell r="D333">
            <v>38994</v>
          </cell>
          <cell r="E333" t="str">
            <v>特命</v>
          </cell>
          <cell r="G333">
            <v>2985329</v>
          </cell>
          <cell r="I333">
            <v>1</v>
          </cell>
          <cell r="J333" t="str">
            <v>式</v>
          </cell>
          <cell r="K333" t="str">
            <v/>
          </cell>
          <cell r="L333">
            <v>2985329</v>
          </cell>
          <cell r="M333" t="str">
            <v>特命</v>
          </cell>
          <cell r="N333" t="str">
            <v>高・営</v>
          </cell>
          <cell r="P333">
            <v>39164</v>
          </cell>
          <cell r="Q333" t="str">
            <v>壱</v>
          </cell>
          <cell r="R333" t="str">
            <v>無</v>
          </cell>
          <cell r="S333" t="str">
            <v>車両課(真駒内)</v>
          </cell>
          <cell r="T333" t="str">
            <v>茂呂　泰伸</v>
          </cell>
          <cell r="U333">
            <v>8318</v>
          </cell>
          <cell r="V333" t="str">
            <v>課長</v>
          </cell>
          <cell r="W333" t="str">
            <v>なか１日</v>
          </cell>
          <cell r="X333" t="str">
            <v>特命</v>
          </cell>
          <cell r="Y333">
            <v>39000</v>
          </cell>
          <cell r="Z333">
            <v>39000</v>
          </cell>
          <cell r="AA333">
            <v>1515</v>
          </cell>
          <cell r="AB333" t="str">
            <v>交通局３階総務課（契約担当）</v>
          </cell>
          <cell r="AD333" t="str">
            <v>平成18年10月10日(火)　15時15分</v>
          </cell>
          <cell r="AI333">
            <v>1</v>
          </cell>
          <cell r="AJ333" t="str">
            <v>札幌川重車両エンジニアリング（株）</v>
          </cell>
          <cell r="AU333" t="str">
            <v>要</v>
          </cell>
          <cell r="AV333">
            <v>2840000</v>
          </cell>
          <cell r="AW333">
            <v>2982000</v>
          </cell>
          <cell r="AX333">
            <v>1.1151199750513152E-3</v>
          </cell>
          <cell r="AY333" t="str">
            <v>札幌川重車両エンジニアリング（株）</v>
          </cell>
          <cell r="AZ333">
            <v>2840000</v>
          </cell>
          <cell r="BA333">
            <v>2982000</v>
          </cell>
          <cell r="BB333">
            <v>142000</v>
          </cell>
          <cell r="BC333" t="str">
            <v>契約書</v>
          </cell>
          <cell r="BE333">
            <v>39001</v>
          </cell>
          <cell r="BF333" t="str">
            <v>しない</v>
          </cell>
          <cell r="BG333" t="str">
            <v>見積</v>
          </cell>
          <cell r="BH333">
            <v>1</v>
          </cell>
          <cell r="BK333">
            <v>2843170.4761904762</v>
          </cell>
          <cell r="BL333" t="str">
            <v xml:space="preserve"> </v>
          </cell>
          <cell r="BM333">
            <v>3329</v>
          </cell>
          <cell r="BN333">
            <v>0.99888488002494868</v>
          </cell>
        </row>
        <row r="334">
          <cell r="A334">
            <v>1185</v>
          </cell>
          <cell r="B334" t="str">
            <v>物品購入</v>
          </cell>
          <cell r="C334" t="str">
            <v>不凍液</v>
          </cell>
          <cell r="D334">
            <v>38994</v>
          </cell>
          <cell r="G334">
            <v>403200</v>
          </cell>
          <cell r="I334">
            <v>1</v>
          </cell>
          <cell r="J334" t="str">
            <v>式</v>
          </cell>
          <cell r="K334" t="str">
            <v/>
          </cell>
          <cell r="L334">
            <v>403200</v>
          </cell>
          <cell r="M334" t="str">
            <v>公開</v>
          </cell>
          <cell r="N334" t="str">
            <v>高・営</v>
          </cell>
          <cell r="P334">
            <v>39051</v>
          </cell>
          <cell r="Q334" t="str">
            <v>壱</v>
          </cell>
          <cell r="R334" t="str">
            <v>無</v>
          </cell>
          <cell r="S334" t="str">
            <v>施設課</v>
          </cell>
          <cell r="T334" t="str">
            <v>岡島　昌仁</v>
          </cell>
          <cell r="U334">
            <v>2522</v>
          </cell>
          <cell r="V334" t="str">
            <v>課長</v>
          </cell>
          <cell r="W334" t="str">
            <v>なか１日</v>
          </cell>
          <cell r="X334" t="str">
            <v>公開</v>
          </cell>
          <cell r="Y334">
            <v>39002</v>
          </cell>
          <cell r="Z334">
            <v>39002</v>
          </cell>
          <cell r="AB334" t="str">
            <v>交通局３階総務課（契約担当）</v>
          </cell>
          <cell r="AD334" t="e">
            <v>#VALUE!</v>
          </cell>
          <cell r="AI334">
            <v>3</v>
          </cell>
          <cell r="AJ334" t="str">
            <v>（株）大興商事</v>
          </cell>
          <cell r="AK334" t="str">
            <v>（株）東日本宇佐美</v>
          </cell>
          <cell r="AL334" t="str">
            <v>理興産業（株）</v>
          </cell>
          <cell r="AM334" t="str">
            <v>（株）渡商</v>
          </cell>
          <cell r="AU334" t="str">
            <v>省略可</v>
          </cell>
          <cell r="AW334">
            <v>403200</v>
          </cell>
          <cell r="AX334">
            <v>1</v>
          </cell>
          <cell r="AY334" t="str">
            <v>（株）渡商</v>
          </cell>
          <cell r="AZ334">
            <v>323200</v>
          </cell>
          <cell r="BA334">
            <v>339360</v>
          </cell>
          <cell r="BB334">
            <v>16160</v>
          </cell>
          <cell r="BC334" t="str">
            <v>発注書</v>
          </cell>
          <cell r="BE334">
            <v>39003</v>
          </cell>
          <cell r="BF334" t="str">
            <v>しない</v>
          </cell>
          <cell r="BG334" t="str">
            <v>見積(公開)</v>
          </cell>
          <cell r="BH334">
            <v>0.84166666666666667</v>
          </cell>
          <cell r="BK334">
            <v>384000</v>
          </cell>
          <cell r="BL334" t="str">
            <v xml:space="preserve"> </v>
          </cell>
          <cell r="BM334">
            <v>63840</v>
          </cell>
          <cell r="BN334">
            <v>0.84166666666666667</v>
          </cell>
        </row>
        <row r="335">
          <cell r="A335">
            <v>2047</v>
          </cell>
          <cell r="B335" t="str">
            <v>製造請負</v>
          </cell>
          <cell r="C335" t="str">
            <v>映像集中監視装置改良（東豊線運転指令）</v>
          </cell>
          <cell r="D335">
            <v>38994</v>
          </cell>
          <cell r="E335" t="str">
            <v>特命</v>
          </cell>
          <cell r="G335">
            <v>47638500</v>
          </cell>
          <cell r="I335">
            <v>1</v>
          </cell>
          <cell r="J335" t="str">
            <v>式</v>
          </cell>
          <cell r="K335" t="str">
            <v/>
          </cell>
          <cell r="L335">
            <v>47638500</v>
          </cell>
          <cell r="M335" t="str">
            <v>特命</v>
          </cell>
          <cell r="N335" t="str">
            <v>高・建改</v>
          </cell>
          <cell r="P335">
            <v>39521</v>
          </cell>
          <cell r="Q335" t="str">
            <v>壱</v>
          </cell>
          <cell r="R335" t="str">
            <v>無</v>
          </cell>
          <cell r="S335" t="str">
            <v>電気課</v>
          </cell>
          <cell r="T335" t="str">
            <v>片石　英一</v>
          </cell>
          <cell r="U335">
            <v>2645</v>
          </cell>
          <cell r="V335" t="str">
            <v>管理者</v>
          </cell>
          <cell r="W335" t="str">
            <v>なか５日</v>
          </cell>
          <cell r="X335" t="str">
            <v>特命</v>
          </cell>
          <cell r="Y335">
            <v>39003</v>
          </cell>
          <cell r="Z335">
            <v>39021</v>
          </cell>
          <cell r="AA335">
            <v>1415</v>
          </cell>
          <cell r="AB335" t="str">
            <v>交通局３階総務課（契約担当）</v>
          </cell>
          <cell r="AD335" t="str">
            <v>平成18年10月31日(火)　14時15分</v>
          </cell>
          <cell r="AI335">
            <v>1</v>
          </cell>
          <cell r="AJ335" t="str">
            <v>松下電器産業（株）北海道支店</v>
          </cell>
          <cell r="AU335" t="str">
            <v>要</v>
          </cell>
          <cell r="AV335">
            <v>44900000</v>
          </cell>
          <cell r="AW335">
            <v>47145000</v>
          </cell>
          <cell r="AX335">
            <v>1.0359268238924413E-2</v>
          </cell>
          <cell r="AY335" t="str">
            <v>松下電器産業（株）北海道支店</v>
          </cell>
          <cell r="AZ335">
            <v>44900000</v>
          </cell>
          <cell r="BA335">
            <v>47145000</v>
          </cell>
          <cell r="BB335">
            <v>2245000</v>
          </cell>
          <cell r="BC335" t="str">
            <v>契約書</v>
          </cell>
          <cell r="BE335">
            <v>39023</v>
          </cell>
          <cell r="BF335" t="str">
            <v>する</v>
          </cell>
          <cell r="BG335" t="str">
            <v>見積</v>
          </cell>
          <cell r="BH335">
            <v>1</v>
          </cell>
          <cell r="BK335">
            <v>45370000</v>
          </cell>
          <cell r="BL335" t="str">
            <v xml:space="preserve"> </v>
          </cell>
          <cell r="BM335">
            <v>493500</v>
          </cell>
          <cell r="BN335">
            <v>0.98964073176107559</v>
          </cell>
        </row>
        <row r="336">
          <cell r="A336">
            <v>7103</v>
          </cell>
          <cell r="B336" t="str">
            <v>業務委託</v>
          </cell>
          <cell r="C336" t="str">
            <v>本局庁舎自動制御装置改修業務（ジョンソンコントロールズ製）</v>
          </cell>
          <cell r="D336">
            <v>38995</v>
          </cell>
          <cell r="E336" t="str">
            <v>特命</v>
          </cell>
          <cell r="G336">
            <v>5911500</v>
          </cell>
          <cell r="I336">
            <v>1</v>
          </cell>
          <cell r="J336" t="str">
            <v>式</v>
          </cell>
          <cell r="K336" t="str">
            <v/>
          </cell>
          <cell r="L336">
            <v>5911500</v>
          </cell>
          <cell r="M336" t="str">
            <v>特命</v>
          </cell>
          <cell r="N336" t="str">
            <v>高・営</v>
          </cell>
          <cell r="O336">
            <v>39007</v>
          </cell>
          <cell r="P336">
            <v>39051</v>
          </cell>
          <cell r="Q336" t="str">
            <v>壱</v>
          </cell>
          <cell r="R336" t="str">
            <v>無</v>
          </cell>
          <cell r="S336" t="str">
            <v>施設課</v>
          </cell>
          <cell r="T336" t="str">
            <v>岡島　昌仁</v>
          </cell>
          <cell r="U336">
            <v>2522</v>
          </cell>
          <cell r="V336" t="str">
            <v>管理者</v>
          </cell>
          <cell r="W336" t="str">
            <v>なか５日</v>
          </cell>
          <cell r="X336" t="str">
            <v>特命</v>
          </cell>
          <cell r="Y336">
            <v>39006</v>
          </cell>
          <cell r="Z336">
            <v>39003</v>
          </cell>
          <cell r="AA336">
            <v>1400</v>
          </cell>
          <cell r="AB336" t="str">
            <v>交通局３階総務課（契約担当）</v>
          </cell>
          <cell r="AD336" t="str">
            <v>平成18年10月13日(金)　14時00分</v>
          </cell>
          <cell r="AI336">
            <v>1</v>
          </cell>
          <cell r="AJ336" t="str">
            <v>ジョンソンコントロールズ（株）北海道支店</v>
          </cell>
          <cell r="AU336" t="str">
            <v>要</v>
          </cell>
          <cell r="AV336">
            <v>5573000</v>
          </cell>
          <cell r="AW336">
            <v>5851650</v>
          </cell>
          <cell r="AX336">
            <v>1.0124333925399687E-2</v>
          </cell>
          <cell r="AY336" t="str">
            <v>ジョンソンコントロールズ（株）北海道支店</v>
          </cell>
          <cell r="AZ336">
            <v>5300000</v>
          </cell>
          <cell r="BA336">
            <v>5565000</v>
          </cell>
          <cell r="BB336">
            <v>265000</v>
          </cell>
          <cell r="BC336" t="str">
            <v>契約書</v>
          </cell>
          <cell r="BE336">
            <v>39006</v>
          </cell>
          <cell r="BF336" t="str">
            <v>しない</v>
          </cell>
          <cell r="BG336" t="str">
            <v>見積</v>
          </cell>
          <cell r="BH336">
            <v>0.95101381661582629</v>
          </cell>
          <cell r="BK336">
            <v>5630000</v>
          </cell>
          <cell r="BL336" t="str">
            <v xml:space="preserve"> </v>
          </cell>
          <cell r="BM336">
            <v>346500</v>
          </cell>
          <cell r="BN336">
            <v>0.94138543516873885</v>
          </cell>
        </row>
        <row r="337">
          <cell r="A337">
            <v>7104</v>
          </cell>
          <cell r="B337" t="str">
            <v>業務委託</v>
          </cell>
          <cell r="C337" t="str">
            <v>本局庁舎空調機修理（松下製）</v>
          </cell>
          <cell r="D337">
            <v>38995</v>
          </cell>
          <cell r="E337" t="str">
            <v>特命</v>
          </cell>
          <cell r="G337">
            <v>4123350</v>
          </cell>
          <cell r="I337">
            <v>1</v>
          </cell>
          <cell r="J337" t="str">
            <v>式</v>
          </cell>
          <cell r="K337" t="str">
            <v/>
          </cell>
          <cell r="L337">
            <v>4123350</v>
          </cell>
          <cell r="M337" t="str">
            <v>特命</v>
          </cell>
          <cell r="N337" t="str">
            <v>高・営</v>
          </cell>
          <cell r="O337">
            <v>39008</v>
          </cell>
          <cell r="P337">
            <v>39051</v>
          </cell>
          <cell r="Q337" t="str">
            <v>壱</v>
          </cell>
          <cell r="R337" t="str">
            <v>無</v>
          </cell>
          <cell r="S337" t="str">
            <v>施設課</v>
          </cell>
          <cell r="T337" t="str">
            <v>岡島　昌仁</v>
          </cell>
          <cell r="U337">
            <v>2522</v>
          </cell>
          <cell r="V337" t="str">
            <v>管理者</v>
          </cell>
          <cell r="W337" t="str">
            <v>なか１日</v>
          </cell>
          <cell r="X337" t="str">
            <v>特命</v>
          </cell>
          <cell r="Y337">
            <v>39003</v>
          </cell>
          <cell r="Z337">
            <v>39003</v>
          </cell>
          <cell r="AA337">
            <v>1430</v>
          </cell>
          <cell r="AB337" t="str">
            <v>交通局３階総務課（契約担当）</v>
          </cell>
          <cell r="AD337" t="str">
            <v>平成18年10月13日(金)　14時30分</v>
          </cell>
          <cell r="AI337">
            <v>1</v>
          </cell>
          <cell r="AJ337" t="str">
            <v>パナソニックＳＳエンジニアリング（株）北海道ＰＳＳＥ社</v>
          </cell>
          <cell r="AU337" t="str">
            <v>要</v>
          </cell>
          <cell r="AV337">
            <v>3887000</v>
          </cell>
          <cell r="AW337">
            <v>4081350</v>
          </cell>
          <cell r="AX337">
            <v>1.018589253883373E-2</v>
          </cell>
          <cell r="AY337" t="str">
            <v>パナソニックＳＳエンジニアリング（株）北海道ＰＳＳＥ社</v>
          </cell>
          <cell r="AZ337">
            <v>3800000</v>
          </cell>
          <cell r="BA337">
            <v>3990000</v>
          </cell>
          <cell r="BB337">
            <v>190000</v>
          </cell>
          <cell r="BC337" t="str">
            <v>契約書</v>
          </cell>
          <cell r="BE337">
            <v>39006</v>
          </cell>
          <cell r="BF337" t="str">
            <v>しない</v>
          </cell>
          <cell r="BG337" t="str">
            <v>見積</v>
          </cell>
          <cell r="BH337">
            <v>0.97761770002572679</v>
          </cell>
          <cell r="BK337">
            <v>3927000</v>
          </cell>
          <cell r="BL337" t="str">
            <v xml:space="preserve"> </v>
          </cell>
          <cell r="BM337">
            <v>133350</v>
          </cell>
          <cell r="BN337">
            <v>0.96765979118920298</v>
          </cell>
        </row>
        <row r="338">
          <cell r="A338">
            <v>1186</v>
          </cell>
          <cell r="B338" t="str">
            <v>物品購入</v>
          </cell>
          <cell r="C338" t="str">
            <v>単相変圧器</v>
          </cell>
          <cell r="D338">
            <v>38995</v>
          </cell>
          <cell r="G338">
            <v>262500</v>
          </cell>
          <cell r="I338">
            <v>1</v>
          </cell>
          <cell r="J338" t="str">
            <v>式</v>
          </cell>
          <cell r="K338" t="str">
            <v/>
          </cell>
          <cell r="L338">
            <v>262500</v>
          </cell>
          <cell r="M338" t="str">
            <v>公開</v>
          </cell>
          <cell r="N338" t="str">
            <v>高・営</v>
          </cell>
          <cell r="P338">
            <v>39017</v>
          </cell>
          <cell r="Q338" t="str">
            <v>壱</v>
          </cell>
          <cell r="R338" t="str">
            <v>無</v>
          </cell>
          <cell r="S338" t="str">
            <v>経営企画課</v>
          </cell>
          <cell r="T338" t="str">
            <v>中田　邦宏</v>
          </cell>
          <cell r="U338">
            <v>2114</v>
          </cell>
          <cell r="V338" t="str">
            <v>課長</v>
          </cell>
          <cell r="W338" t="str">
            <v>なか１日</v>
          </cell>
          <cell r="X338" t="str">
            <v>公開</v>
          </cell>
          <cell r="Y338">
            <v>39002</v>
          </cell>
          <cell r="Z338">
            <v>39002</v>
          </cell>
          <cell r="AB338" t="str">
            <v>交通局３階総務課（契約担当）</v>
          </cell>
          <cell r="AD338" t="e">
            <v>#VALUE!</v>
          </cell>
          <cell r="AI338">
            <v>3</v>
          </cell>
          <cell r="AJ338" t="str">
            <v>（株）エミヤ</v>
          </cell>
          <cell r="AK338" t="str">
            <v>理興産業（株）</v>
          </cell>
          <cell r="AL338" t="str">
            <v>（株）渡商</v>
          </cell>
          <cell r="AU338" t="str">
            <v>省略可</v>
          </cell>
          <cell r="AW338">
            <v>262500</v>
          </cell>
          <cell r="AX338">
            <v>1</v>
          </cell>
          <cell r="AY338" t="str">
            <v>（株）エミヤ</v>
          </cell>
          <cell r="AZ338">
            <v>100000</v>
          </cell>
          <cell r="BA338">
            <v>105000</v>
          </cell>
          <cell r="BB338">
            <v>5000</v>
          </cell>
          <cell r="BC338" t="str">
            <v>発注書</v>
          </cell>
          <cell r="BE338">
            <v>39003</v>
          </cell>
          <cell r="BF338" t="str">
            <v>しない</v>
          </cell>
          <cell r="BG338" t="str">
            <v>見積(公開)</v>
          </cell>
          <cell r="BH338">
            <v>0.4</v>
          </cell>
          <cell r="BK338">
            <v>250000</v>
          </cell>
          <cell r="BL338" t="str">
            <v xml:space="preserve"> </v>
          </cell>
          <cell r="BM338">
            <v>157500</v>
          </cell>
          <cell r="BN338">
            <v>0.4</v>
          </cell>
        </row>
        <row r="339">
          <cell r="A339">
            <v>1187</v>
          </cell>
          <cell r="B339" t="str">
            <v>物品購入</v>
          </cell>
          <cell r="C339" t="str">
            <v>転てつ器用２段減速機</v>
          </cell>
          <cell r="D339">
            <v>38996</v>
          </cell>
          <cell r="E339" t="str">
            <v>特命</v>
          </cell>
          <cell r="G339">
            <v>17669400</v>
          </cell>
          <cell r="I339">
            <v>1</v>
          </cell>
          <cell r="J339" t="str">
            <v>式</v>
          </cell>
          <cell r="K339" t="str">
            <v/>
          </cell>
          <cell r="L339">
            <v>17669400</v>
          </cell>
          <cell r="M339" t="str">
            <v>特命</v>
          </cell>
          <cell r="N339" t="str">
            <v>高・営</v>
          </cell>
          <cell r="P339">
            <v>39164</v>
          </cell>
          <cell r="Q339" t="str">
            <v>壱</v>
          </cell>
          <cell r="R339" t="str">
            <v>無</v>
          </cell>
          <cell r="S339" t="str">
            <v>施設課</v>
          </cell>
          <cell r="T339" t="str">
            <v>丸山　貴弘</v>
          </cell>
          <cell r="U339">
            <v>2592</v>
          </cell>
          <cell r="V339" t="str">
            <v>管理者</v>
          </cell>
          <cell r="W339" t="str">
            <v>なか５日</v>
          </cell>
          <cell r="X339" t="str">
            <v>特命</v>
          </cell>
          <cell r="Y339">
            <v>39007</v>
          </cell>
          <cell r="Z339">
            <v>39007</v>
          </cell>
          <cell r="AA339">
            <v>1400</v>
          </cell>
          <cell r="AB339" t="str">
            <v>交通局３階総務課（契約担当）</v>
          </cell>
          <cell r="AD339" t="str">
            <v>平成18年10月17日(火)　14時00分</v>
          </cell>
          <cell r="AI339">
            <v>1</v>
          </cell>
          <cell r="AJ339" t="str">
            <v>札幌川重車両エンジニアリング（株）</v>
          </cell>
          <cell r="AU339" t="str">
            <v>要</v>
          </cell>
          <cell r="AV339">
            <v>16788000</v>
          </cell>
          <cell r="AW339">
            <v>17627400</v>
          </cell>
          <cell r="AX339">
            <v>2.3769907297361836E-3</v>
          </cell>
          <cell r="AY339" t="str">
            <v>札幌川重車両エンジニアリング（株）</v>
          </cell>
          <cell r="AZ339">
            <v>16788000</v>
          </cell>
          <cell r="BA339">
            <v>17627400</v>
          </cell>
          <cell r="BB339">
            <v>839400</v>
          </cell>
          <cell r="BC339" t="str">
            <v>契約書</v>
          </cell>
          <cell r="BE339">
            <v>39008</v>
          </cell>
          <cell r="BF339" t="str">
            <v>しない</v>
          </cell>
          <cell r="BG339" t="str">
            <v>見積</v>
          </cell>
          <cell r="BH339">
            <v>1</v>
          </cell>
          <cell r="BK339">
            <v>16828000</v>
          </cell>
          <cell r="BL339" t="str">
            <v xml:space="preserve"> </v>
          </cell>
          <cell r="BM339">
            <v>42000</v>
          </cell>
          <cell r="BN339">
            <v>0.99762300927026382</v>
          </cell>
        </row>
        <row r="340">
          <cell r="A340">
            <v>2048</v>
          </cell>
          <cell r="B340" t="str">
            <v>製造請負</v>
          </cell>
          <cell r="C340" t="str">
            <v>運行状況表示装置改修</v>
          </cell>
          <cell r="D340">
            <v>38996</v>
          </cell>
          <cell r="E340" t="str">
            <v>特命</v>
          </cell>
          <cell r="G340">
            <v>3832500</v>
          </cell>
          <cell r="I340">
            <v>1</v>
          </cell>
          <cell r="J340" t="str">
            <v>式</v>
          </cell>
          <cell r="K340" t="str">
            <v/>
          </cell>
          <cell r="L340">
            <v>3832500</v>
          </cell>
          <cell r="M340" t="str">
            <v>特命</v>
          </cell>
          <cell r="N340" t="str">
            <v>高・営</v>
          </cell>
          <cell r="P340">
            <v>39021</v>
          </cell>
          <cell r="Q340" t="str">
            <v>壱</v>
          </cell>
          <cell r="R340" t="str">
            <v>無</v>
          </cell>
          <cell r="S340" t="str">
            <v>電気課</v>
          </cell>
          <cell r="T340" t="str">
            <v>大久保　孝教</v>
          </cell>
          <cell r="U340">
            <v>2658</v>
          </cell>
          <cell r="V340" t="str">
            <v>部長</v>
          </cell>
          <cell r="W340" t="str">
            <v>なか１日</v>
          </cell>
          <cell r="X340" t="str">
            <v>特命</v>
          </cell>
          <cell r="Y340">
            <v>39003</v>
          </cell>
          <cell r="Z340">
            <v>39003</v>
          </cell>
          <cell r="AA340">
            <v>1500</v>
          </cell>
          <cell r="AB340" t="str">
            <v>交通局３階総務課（契約担当）</v>
          </cell>
          <cell r="AD340" t="str">
            <v>平成18年10月13日(金)　15時00分</v>
          </cell>
          <cell r="AI340">
            <v>1</v>
          </cell>
          <cell r="AJ340" t="str">
            <v>日本信号（株）北海道支店</v>
          </cell>
          <cell r="AU340" t="str">
            <v>要</v>
          </cell>
          <cell r="AV340">
            <v>3610000</v>
          </cell>
          <cell r="AW340">
            <v>3790500</v>
          </cell>
          <cell r="AX340">
            <v>1.0958904109588996E-2</v>
          </cell>
          <cell r="AY340" t="str">
            <v>日本信号（株）北海道支店</v>
          </cell>
          <cell r="AZ340">
            <v>3580000</v>
          </cell>
          <cell r="BA340">
            <v>3759000</v>
          </cell>
          <cell r="BB340">
            <v>179000</v>
          </cell>
          <cell r="BC340" t="str">
            <v>契約書</v>
          </cell>
          <cell r="BE340">
            <v>39006</v>
          </cell>
          <cell r="BF340" t="str">
            <v>しない</v>
          </cell>
          <cell r="BG340" t="str">
            <v>見積</v>
          </cell>
          <cell r="BH340">
            <v>0.99168975069252074</v>
          </cell>
          <cell r="BK340">
            <v>3650000</v>
          </cell>
          <cell r="BL340" t="str">
            <v xml:space="preserve"> </v>
          </cell>
          <cell r="BM340">
            <v>73500</v>
          </cell>
          <cell r="BN340">
            <v>0.98082191780821915</v>
          </cell>
        </row>
        <row r="341">
          <cell r="A341">
            <v>1188</v>
          </cell>
          <cell r="B341" t="str">
            <v>物品購入</v>
          </cell>
          <cell r="C341" t="str">
            <v>８５００形車両用コンデンサ他</v>
          </cell>
          <cell r="D341">
            <v>39000</v>
          </cell>
          <cell r="E341" t="str">
            <v>特命</v>
          </cell>
          <cell r="G341">
            <v>1842750</v>
          </cell>
          <cell r="I341">
            <v>1</v>
          </cell>
          <cell r="J341" t="str">
            <v>式</v>
          </cell>
          <cell r="K341" t="str">
            <v/>
          </cell>
          <cell r="L341">
            <v>1842750</v>
          </cell>
          <cell r="M341" t="str">
            <v>特命</v>
          </cell>
          <cell r="N341" t="str">
            <v>軌・営</v>
          </cell>
          <cell r="P341">
            <v>39157</v>
          </cell>
          <cell r="Q341" t="str">
            <v>壱</v>
          </cell>
          <cell r="R341" t="str">
            <v>無</v>
          </cell>
          <cell r="S341" t="str">
            <v>電車事業所</v>
          </cell>
          <cell r="T341" t="str">
            <v>長田　博司</v>
          </cell>
          <cell r="U341">
            <v>2933</v>
          </cell>
          <cell r="V341" t="str">
            <v>課長</v>
          </cell>
          <cell r="W341" t="str">
            <v>なか１日</v>
          </cell>
          <cell r="X341" t="str">
            <v>特命</v>
          </cell>
          <cell r="Y341">
            <v>39003</v>
          </cell>
          <cell r="Z341">
            <v>39006</v>
          </cell>
          <cell r="AA341">
            <v>1400</v>
          </cell>
          <cell r="AB341" t="str">
            <v>交通局３階総務課（契約担当）</v>
          </cell>
          <cell r="AD341" t="str">
            <v>平成18年10月16日(月)　14時00分</v>
          </cell>
          <cell r="AI341">
            <v>1</v>
          </cell>
          <cell r="AJ341" t="str">
            <v>三菱電機（株）北海道支社</v>
          </cell>
          <cell r="AU341" t="str">
            <v>要</v>
          </cell>
          <cell r="AV341">
            <v>1730000</v>
          </cell>
          <cell r="AW341">
            <v>1816500</v>
          </cell>
          <cell r="AX341">
            <v>1.4245014245014231E-2</v>
          </cell>
          <cell r="AY341" t="str">
            <v>三菱電機（株）北海道支社</v>
          </cell>
          <cell r="AZ341">
            <v>1720000</v>
          </cell>
          <cell r="BA341">
            <v>1806000</v>
          </cell>
          <cell r="BB341">
            <v>86000</v>
          </cell>
          <cell r="BC341" t="str">
            <v>契約書</v>
          </cell>
          <cell r="BE341">
            <v>39007</v>
          </cell>
          <cell r="BF341" t="str">
            <v>しない</v>
          </cell>
          <cell r="BG341" t="str">
            <v>見積</v>
          </cell>
          <cell r="BH341">
            <v>0.9942196531791907</v>
          </cell>
          <cell r="BK341">
            <v>1755000</v>
          </cell>
          <cell r="BL341" t="str">
            <v xml:space="preserve"> </v>
          </cell>
          <cell r="BM341">
            <v>36750</v>
          </cell>
          <cell r="BN341">
            <v>0.98005698005698005</v>
          </cell>
        </row>
        <row r="342">
          <cell r="A342">
            <v>1189</v>
          </cell>
          <cell r="B342" t="str">
            <v>物品購入</v>
          </cell>
          <cell r="C342" t="str">
            <v>導体（短）</v>
          </cell>
          <cell r="D342">
            <v>39001</v>
          </cell>
          <cell r="E342" t="str">
            <v>特命</v>
          </cell>
          <cell r="G342">
            <v>144900</v>
          </cell>
          <cell r="I342">
            <v>1</v>
          </cell>
          <cell r="J342" t="str">
            <v>式</v>
          </cell>
          <cell r="K342" t="str">
            <v/>
          </cell>
          <cell r="L342">
            <v>144900</v>
          </cell>
          <cell r="M342" t="str">
            <v>特命</v>
          </cell>
          <cell r="N342" t="str">
            <v>高・営</v>
          </cell>
          <cell r="P342">
            <v>39141</v>
          </cell>
          <cell r="Q342" t="str">
            <v>壱</v>
          </cell>
          <cell r="R342" t="str">
            <v>無</v>
          </cell>
          <cell r="S342" t="str">
            <v>車両課(大谷地)</v>
          </cell>
          <cell r="T342" t="str">
            <v>金子　彰</v>
          </cell>
          <cell r="U342">
            <v>8413</v>
          </cell>
          <cell r="V342" t="str">
            <v>課長</v>
          </cell>
          <cell r="W342" t="str">
            <v>なか１日</v>
          </cell>
          <cell r="X342" t="str">
            <v>特命</v>
          </cell>
          <cell r="Y342">
            <v>39006</v>
          </cell>
          <cell r="Z342">
            <v>39006</v>
          </cell>
          <cell r="AA342">
            <v>1430</v>
          </cell>
          <cell r="AB342" t="str">
            <v>交通局３階総務課（契約担当）</v>
          </cell>
          <cell r="AD342" t="str">
            <v>平成18年10月16日(月)　14時30分</v>
          </cell>
          <cell r="AI342">
            <v>1</v>
          </cell>
          <cell r="AJ342" t="str">
            <v>富士電機システムズ（株）東日本支社北海道事務所</v>
          </cell>
          <cell r="AU342" t="str">
            <v>省略可</v>
          </cell>
          <cell r="AW342">
            <v>144900</v>
          </cell>
          <cell r="AX342">
            <v>1</v>
          </cell>
          <cell r="AY342" t="str">
            <v>富士電機システムズ（株）東日本支社北海道事務所</v>
          </cell>
          <cell r="AZ342">
            <v>138000</v>
          </cell>
          <cell r="BA342">
            <v>144900</v>
          </cell>
          <cell r="BB342">
            <v>6900</v>
          </cell>
          <cell r="BC342" t="str">
            <v>発注書</v>
          </cell>
          <cell r="BE342">
            <v>39006</v>
          </cell>
          <cell r="BF342" t="str">
            <v>しない</v>
          </cell>
          <cell r="BG342" t="str">
            <v>見積</v>
          </cell>
          <cell r="BH342">
            <v>1</v>
          </cell>
          <cell r="BK342">
            <v>138000</v>
          </cell>
          <cell r="BL342" t="str">
            <v xml:space="preserve"> </v>
          </cell>
          <cell r="BM342">
            <v>0</v>
          </cell>
          <cell r="BN342">
            <v>1</v>
          </cell>
        </row>
        <row r="343">
          <cell r="A343">
            <v>7105</v>
          </cell>
          <cell r="B343" t="str">
            <v>業務委託</v>
          </cell>
          <cell r="C343" t="str">
            <v>車両基地シャッター整備</v>
          </cell>
          <cell r="D343">
            <v>39001</v>
          </cell>
          <cell r="G343">
            <v>433650</v>
          </cell>
          <cell r="I343">
            <v>1</v>
          </cell>
          <cell r="J343" t="str">
            <v>式</v>
          </cell>
          <cell r="K343" t="str">
            <v/>
          </cell>
          <cell r="L343">
            <v>433650</v>
          </cell>
          <cell r="M343" t="str">
            <v>見積</v>
          </cell>
          <cell r="N343" t="str">
            <v>高・営</v>
          </cell>
          <cell r="O343">
            <v>39010</v>
          </cell>
          <cell r="P343">
            <v>39051</v>
          </cell>
          <cell r="Q343" t="str">
            <v>壱</v>
          </cell>
          <cell r="R343" t="str">
            <v>無</v>
          </cell>
          <cell r="S343" t="str">
            <v>車両課(大谷地)</v>
          </cell>
          <cell r="T343" t="str">
            <v>岡田　実</v>
          </cell>
          <cell r="U343">
            <v>8416</v>
          </cell>
          <cell r="V343" t="str">
            <v>部長</v>
          </cell>
          <cell r="W343" t="str">
            <v>なか１日</v>
          </cell>
          <cell r="X343" t="str">
            <v>見積</v>
          </cell>
          <cell r="Y343">
            <v>39007</v>
          </cell>
          <cell r="Z343">
            <v>39008</v>
          </cell>
          <cell r="AA343">
            <v>1100</v>
          </cell>
          <cell r="AB343" t="str">
            <v>交通局５階入札室</v>
          </cell>
          <cell r="AD343" t="str">
            <v>平成18年10月18日(水)　11時00分</v>
          </cell>
          <cell r="AI343">
            <v>3</v>
          </cell>
          <cell r="AJ343" t="str">
            <v>三和シャッター工業（株）札幌支店</v>
          </cell>
          <cell r="AK343" t="str">
            <v>文化シャッターサービス（株）北海道サービス支社</v>
          </cell>
          <cell r="AL343" t="str">
            <v>㈱ベルックス</v>
          </cell>
          <cell r="AU343" t="str">
            <v>省略可</v>
          </cell>
          <cell r="AW343">
            <v>433650</v>
          </cell>
          <cell r="AX343">
            <v>1</v>
          </cell>
          <cell r="AY343" t="str">
            <v>三和シャッター工業（株）札幌支店</v>
          </cell>
          <cell r="AZ343">
            <v>400000</v>
          </cell>
          <cell r="BA343">
            <v>420000</v>
          </cell>
          <cell r="BB343">
            <v>20000</v>
          </cell>
          <cell r="BC343" t="str">
            <v>請書</v>
          </cell>
          <cell r="BE343">
            <v>39009</v>
          </cell>
          <cell r="BF343" t="str">
            <v>しない</v>
          </cell>
          <cell r="BG343" t="str">
            <v>見積</v>
          </cell>
          <cell r="BH343">
            <v>0.96852300242130751</v>
          </cell>
          <cell r="BK343">
            <v>413000</v>
          </cell>
          <cell r="BL343" t="str">
            <v xml:space="preserve"> </v>
          </cell>
          <cell r="BM343">
            <v>13650</v>
          </cell>
          <cell r="BN343">
            <v>0.96852300242130751</v>
          </cell>
        </row>
        <row r="344">
          <cell r="A344">
            <v>1190</v>
          </cell>
          <cell r="B344" t="str">
            <v>物品購入</v>
          </cell>
          <cell r="C344" t="str">
            <v>ギヤーオイル</v>
          </cell>
          <cell r="D344">
            <v>39001</v>
          </cell>
          <cell r="G344">
            <v>556500</v>
          </cell>
          <cell r="I344">
            <v>1</v>
          </cell>
          <cell r="J344" t="str">
            <v>式</v>
          </cell>
          <cell r="K344" t="str">
            <v/>
          </cell>
          <cell r="L344">
            <v>556500</v>
          </cell>
          <cell r="M344" t="str">
            <v>公開</v>
          </cell>
          <cell r="N344" t="str">
            <v>高・営</v>
          </cell>
          <cell r="P344">
            <v>39043</v>
          </cell>
          <cell r="Q344" t="str">
            <v>壱</v>
          </cell>
          <cell r="R344" t="str">
            <v>無</v>
          </cell>
          <cell r="S344" t="str">
            <v>車両課(真駒内)</v>
          </cell>
          <cell r="T344" t="str">
            <v>茂呂　泰伸</v>
          </cell>
          <cell r="U344">
            <v>8318</v>
          </cell>
          <cell r="V344" t="str">
            <v>課長</v>
          </cell>
          <cell r="W344" t="str">
            <v>なか１日</v>
          </cell>
          <cell r="X344" t="str">
            <v>公開</v>
          </cell>
          <cell r="Y344">
            <v>39009</v>
          </cell>
          <cell r="Z344">
            <v>39009</v>
          </cell>
          <cell r="AB344" t="str">
            <v>交通局３階総務課（契約担当）</v>
          </cell>
          <cell r="AD344" t="e">
            <v>#VALUE!</v>
          </cell>
          <cell r="AI344">
            <v>3</v>
          </cell>
          <cell r="AJ344" t="str">
            <v>三和商行（株）</v>
          </cell>
          <cell r="AK344" t="str">
            <v>太平洋石油販売（株）札幌支店</v>
          </cell>
          <cell r="AL344" t="str">
            <v>（株）東日本宇佐美</v>
          </cell>
          <cell r="AM344" t="str">
            <v>マルキン機鋼（株）</v>
          </cell>
          <cell r="AU344" t="str">
            <v>省略可</v>
          </cell>
          <cell r="AW344">
            <v>556500</v>
          </cell>
          <cell r="AX344">
            <v>1</v>
          </cell>
          <cell r="AY344" t="str">
            <v>（株）東日本宇佐美</v>
          </cell>
          <cell r="AZ344">
            <v>390000</v>
          </cell>
          <cell r="BA344">
            <v>409500</v>
          </cell>
          <cell r="BB344">
            <v>19500</v>
          </cell>
          <cell r="BC344" t="str">
            <v>発注書</v>
          </cell>
          <cell r="BE344">
            <v>39010</v>
          </cell>
          <cell r="BF344" t="str">
            <v>しない</v>
          </cell>
          <cell r="BG344" t="str">
            <v>見積(公開)</v>
          </cell>
          <cell r="BH344">
            <v>0.73584905660377353</v>
          </cell>
          <cell r="BK344">
            <v>530000</v>
          </cell>
          <cell r="BL344" t="str">
            <v xml:space="preserve"> </v>
          </cell>
          <cell r="BM344">
            <v>147000</v>
          </cell>
          <cell r="BN344">
            <v>0.73584905660377353</v>
          </cell>
        </row>
        <row r="345">
          <cell r="A345">
            <v>1191</v>
          </cell>
          <cell r="B345" t="str">
            <v>物品購入</v>
          </cell>
          <cell r="C345" t="str">
            <v>車両用座席裏地</v>
          </cell>
          <cell r="D345">
            <v>39001</v>
          </cell>
          <cell r="G345">
            <v>1116990</v>
          </cell>
          <cell r="I345">
            <v>1</v>
          </cell>
          <cell r="J345" t="str">
            <v>式</v>
          </cell>
          <cell r="K345" t="str">
            <v/>
          </cell>
          <cell r="L345">
            <v>1116990</v>
          </cell>
          <cell r="M345" t="str">
            <v>公開</v>
          </cell>
          <cell r="N345" t="str">
            <v>高・営</v>
          </cell>
          <cell r="P345">
            <v>39122</v>
          </cell>
          <cell r="Q345" t="str">
            <v>壱</v>
          </cell>
          <cell r="R345" t="str">
            <v>無</v>
          </cell>
          <cell r="S345" t="str">
            <v>車両課(真駒内)</v>
          </cell>
          <cell r="T345" t="str">
            <v>阿部　光男</v>
          </cell>
          <cell r="U345">
            <v>8317</v>
          </cell>
          <cell r="V345" t="str">
            <v>課長</v>
          </cell>
          <cell r="W345" t="str">
            <v>なか１日</v>
          </cell>
          <cell r="X345" t="str">
            <v>公開</v>
          </cell>
          <cell r="Y345">
            <v>39009</v>
          </cell>
          <cell r="Z345">
            <v>39009</v>
          </cell>
          <cell r="AB345" t="str">
            <v>交通局３階総務課（契約担当）</v>
          </cell>
          <cell r="AD345" t="e">
            <v>#VALUE!</v>
          </cell>
          <cell r="AI345">
            <v>3</v>
          </cell>
          <cell r="AJ345" t="str">
            <v>（株）ササキ札幌営業所</v>
          </cell>
          <cell r="AK345" t="str">
            <v>福田実業（株）</v>
          </cell>
          <cell r="AU345" t="str">
            <v>省略可</v>
          </cell>
          <cell r="AW345">
            <v>1116990</v>
          </cell>
          <cell r="AX345">
            <v>1</v>
          </cell>
          <cell r="AY345" t="str">
            <v>福田実業（株）</v>
          </cell>
          <cell r="AZ345">
            <v>1026000</v>
          </cell>
          <cell r="BA345">
            <v>1077300</v>
          </cell>
          <cell r="BB345">
            <v>51300</v>
          </cell>
          <cell r="BC345" t="str">
            <v>請書</v>
          </cell>
          <cell r="BE345">
            <v>39013</v>
          </cell>
          <cell r="BF345" t="str">
            <v>しない</v>
          </cell>
          <cell r="BG345" t="str">
            <v>見積(公開)</v>
          </cell>
          <cell r="BH345">
            <v>0.96446700507614214</v>
          </cell>
          <cell r="BK345">
            <v>1063800</v>
          </cell>
          <cell r="BL345" t="str">
            <v xml:space="preserve"> </v>
          </cell>
          <cell r="BM345">
            <v>39690</v>
          </cell>
          <cell r="BN345">
            <v>0.96446700507614214</v>
          </cell>
        </row>
        <row r="346">
          <cell r="A346">
            <v>1192</v>
          </cell>
          <cell r="B346" t="str">
            <v>物品購入</v>
          </cell>
          <cell r="C346" t="str">
            <v>５０００形車両用座席モケット</v>
          </cell>
          <cell r="D346">
            <v>39001</v>
          </cell>
          <cell r="G346">
            <v>7994175</v>
          </cell>
          <cell r="I346">
            <v>1</v>
          </cell>
          <cell r="J346" t="str">
            <v>式</v>
          </cell>
          <cell r="K346" t="str">
            <v/>
          </cell>
          <cell r="L346">
            <v>7994175</v>
          </cell>
          <cell r="M346" t="str">
            <v>入札</v>
          </cell>
          <cell r="N346" t="str">
            <v>高・営</v>
          </cell>
          <cell r="P346">
            <v>39146</v>
          </cell>
          <cell r="Q346" t="str">
            <v>壱</v>
          </cell>
          <cell r="R346" t="str">
            <v>無</v>
          </cell>
          <cell r="S346" t="str">
            <v>車両課(真駒内)</v>
          </cell>
          <cell r="T346" t="str">
            <v>阿部　光男</v>
          </cell>
          <cell r="U346">
            <v>8317</v>
          </cell>
          <cell r="V346" t="str">
            <v>部長</v>
          </cell>
          <cell r="W346" t="str">
            <v>なか５日</v>
          </cell>
          <cell r="X346" t="str">
            <v>入札</v>
          </cell>
          <cell r="Y346">
            <v>39013</v>
          </cell>
          <cell r="Z346">
            <v>39015</v>
          </cell>
          <cell r="AA346">
            <v>1110</v>
          </cell>
          <cell r="AB346" t="str">
            <v>交通局５階入札室</v>
          </cell>
          <cell r="AD346" t="str">
            <v>平成18年10月25日(水)　11時10分</v>
          </cell>
          <cell r="AE346" t="str">
            <v>卸小売業</v>
          </cell>
          <cell r="AF346" t="str">
            <v>繊維製品卸小売業</v>
          </cell>
          <cell r="AG346" t="str">
            <v>繊維製品</v>
          </cell>
          <cell r="AH346" t="str">
            <v>B</v>
          </cell>
          <cell r="AI346">
            <v>4</v>
          </cell>
          <cell r="AJ346" t="str">
            <v>（株）ササキ札幌営業所</v>
          </cell>
          <cell r="AK346" t="str">
            <v>三和商行（株）</v>
          </cell>
          <cell r="AL346" t="str">
            <v>福田実業（株）</v>
          </cell>
          <cell r="AM346" t="str">
            <v>（株）丸ヨ池内</v>
          </cell>
          <cell r="AN346" t="str">
            <v>（株）ムラカミ</v>
          </cell>
          <cell r="AU346" t="str">
            <v>要</v>
          </cell>
          <cell r="AV346">
            <v>7613500</v>
          </cell>
          <cell r="AW346">
            <v>7994175</v>
          </cell>
          <cell r="AX346">
            <v>0</v>
          </cell>
          <cell r="AY346" t="str">
            <v>福田実業（株）</v>
          </cell>
          <cell r="AZ346">
            <v>7613500</v>
          </cell>
          <cell r="BA346">
            <v>7994175</v>
          </cell>
          <cell r="BB346">
            <v>380675</v>
          </cell>
          <cell r="BC346" t="str">
            <v>契約書</v>
          </cell>
          <cell r="BE346">
            <v>39016</v>
          </cell>
          <cell r="BF346" t="str">
            <v>しない</v>
          </cell>
          <cell r="BG346" t="str">
            <v>入  札</v>
          </cell>
          <cell r="BH346">
            <v>1</v>
          </cell>
          <cell r="BK346">
            <v>7613500</v>
          </cell>
          <cell r="BL346" t="str">
            <v xml:space="preserve"> </v>
          </cell>
          <cell r="BM346">
            <v>0</v>
          </cell>
          <cell r="BN346">
            <v>1</v>
          </cell>
        </row>
        <row r="347">
          <cell r="A347">
            <v>7106</v>
          </cell>
          <cell r="B347" t="str">
            <v>業務委託</v>
          </cell>
          <cell r="C347" t="str">
            <v>工作車等保守車両定期点検整備</v>
          </cell>
          <cell r="D347">
            <v>39002</v>
          </cell>
          <cell r="E347" t="str">
            <v>特命</v>
          </cell>
          <cell r="G347">
            <v>2614500</v>
          </cell>
          <cell r="I347">
            <v>1</v>
          </cell>
          <cell r="J347" t="str">
            <v>式</v>
          </cell>
          <cell r="K347" t="str">
            <v/>
          </cell>
          <cell r="L347">
            <v>2614500</v>
          </cell>
          <cell r="M347" t="str">
            <v>特命</v>
          </cell>
          <cell r="N347" t="str">
            <v>高・営</v>
          </cell>
          <cell r="O347">
            <v>39014</v>
          </cell>
          <cell r="P347">
            <v>39161</v>
          </cell>
          <cell r="Q347" t="str">
            <v>壱</v>
          </cell>
          <cell r="R347" t="str">
            <v>無</v>
          </cell>
          <cell r="S347" t="str">
            <v>施設課</v>
          </cell>
          <cell r="T347" t="str">
            <v>水口　博</v>
          </cell>
          <cell r="U347">
            <v>2594</v>
          </cell>
          <cell r="V347" t="str">
            <v>管理者</v>
          </cell>
          <cell r="W347" t="str">
            <v>なか１日</v>
          </cell>
          <cell r="X347" t="str">
            <v>特命</v>
          </cell>
          <cell r="Y347">
            <v>39009</v>
          </cell>
          <cell r="Z347">
            <v>39010</v>
          </cell>
          <cell r="AA347">
            <v>1400</v>
          </cell>
          <cell r="AB347" t="str">
            <v>交通局３階総務課（契約担当）</v>
          </cell>
          <cell r="AD347" t="str">
            <v>平成18年10月20日(金)　14時00分</v>
          </cell>
          <cell r="AI347">
            <v>1</v>
          </cell>
          <cell r="AJ347" t="str">
            <v>札幌交通機械（株）</v>
          </cell>
          <cell r="AU347" t="str">
            <v>要</v>
          </cell>
          <cell r="AV347">
            <v>2465000</v>
          </cell>
          <cell r="AW347">
            <v>2588250</v>
          </cell>
          <cell r="AX347">
            <v>1.0040160642570295E-2</v>
          </cell>
          <cell r="AY347" t="str">
            <v>札幌交通機械（株）</v>
          </cell>
          <cell r="AZ347">
            <v>2450000</v>
          </cell>
          <cell r="BA347">
            <v>2572500</v>
          </cell>
          <cell r="BB347">
            <v>122500</v>
          </cell>
          <cell r="BC347" t="str">
            <v>契約書</v>
          </cell>
          <cell r="BE347">
            <v>39014</v>
          </cell>
          <cell r="BF347" t="str">
            <v>しない</v>
          </cell>
          <cell r="BG347" t="str">
            <v>見積</v>
          </cell>
          <cell r="BH347">
            <v>0.99391480730223125</v>
          </cell>
          <cell r="BK347">
            <v>2490000</v>
          </cell>
          <cell r="BL347" t="str">
            <v xml:space="preserve"> </v>
          </cell>
          <cell r="BM347">
            <v>42000</v>
          </cell>
          <cell r="BN347">
            <v>0.98393574297188757</v>
          </cell>
        </row>
        <row r="348">
          <cell r="A348">
            <v>7107</v>
          </cell>
          <cell r="B348" t="str">
            <v>業務委託</v>
          </cell>
          <cell r="C348" t="str">
            <v>６０００形チョッパ装置整備</v>
          </cell>
          <cell r="D348">
            <v>39002</v>
          </cell>
          <cell r="E348" t="str">
            <v>特命</v>
          </cell>
          <cell r="G348">
            <v>1142400</v>
          </cell>
          <cell r="I348">
            <v>1</v>
          </cell>
          <cell r="J348" t="str">
            <v>式</v>
          </cell>
          <cell r="K348" t="str">
            <v/>
          </cell>
          <cell r="L348">
            <v>1142400</v>
          </cell>
          <cell r="M348" t="str">
            <v>特命</v>
          </cell>
          <cell r="N348" t="str">
            <v>高・営</v>
          </cell>
          <cell r="O348">
            <v>39013</v>
          </cell>
          <cell r="P348">
            <v>39031</v>
          </cell>
          <cell r="Q348" t="str">
            <v>壱</v>
          </cell>
          <cell r="R348" t="str">
            <v>無</v>
          </cell>
          <cell r="S348" t="str">
            <v>車両課(大谷地)</v>
          </cell>
          <cell r="T348" t="str">
            <v>高橋　克典</v>
          </cell>
          <cell r="U348">
            <v>8414</v>
          </cell>
          <cell r="V348" t="str">
            <v>部長</v>
          </cell>
          <cell r="W348" t="str">
            <v>なか１日</v>
          </cell>
          <cell r="X348" t="str">
            <v>特命</v>
          </cell>
          <cell r="Y348">
            <v>39008</v>
          </cell>
          <cell r="Z348">
            <v>39009</v>
          </cell>
          <cell r="AA348">
            <v>1400</v>
          </cell>
          <cell r="AB348" t="str">
            <v>交通局３階総務課（契約担当）</v>
          </cell>
          <cell r="AD348" t="str">
            <v>平成18年10月19日(木)　14時00分</v>
          </cell>
          <cell r="AI348">
            <v>1</v>
          </cell>
          <cell r="AJ348" t="str">
            <v>北都電機（株）</v>
          </cell>
          <cell r="AU348" t="str">
            <v>要</v>
          </cell>
          <cell r="AV348">
            <v>1077000</v>
          </cell>
          <cell r="AW348">
            <v>1130850</v>
          </cell>
          <cell r="AX348">
            <v>1.0110294117647078E-2</v>
          </cell>
          <cell r="AY348" t="str">
            <v>北都電機（株）</v>
          </cell>
          <cell r="AZ348">
            <v>1050000</v>
          </cell>
          <cell r="BA348">
            <v>1102500</v>
          </cell>
          <cell r="BB348">
            <v>52500</v>
          </cell>
          <cell r="BC348" t="str">
            <v>契約書</v>
          </cell>
          <cell r="BE348">
            <v>39010</v>
          </cell>
          <cell r="BF348" t="str">
            <v>しない</v>
          </cell>
          <cell r="BG348" t="str">
            <v>見積</v>
          </cell>
          <cell r="BH348">
            <v>0.97493036211699169</v>
          </cell>
          <cell r="BK348">
            <v>1088000</v>
          </cell>
          <cell r="BL348" t="str">
            <v xml:space="preserve"> </v>
          </cell>
          <cell r="BM348">
            <v>39900</v>
          </cell>
          <cell r="BN348">
            <v>0.96507352941176472</v>
          </cell>
        </row>
        <row r="349">
          <cell r="A349">
            <v>1193</v>
          </cell>
          <cell r="B349" t="str">
            <v>物品購入</v>
          </cell>
          <cell r="C349" t="str">
            <v>大通第３電気室ＣＶＣＦオーバーホール部品</v>
          </cell>
          <cell r="D349">
            <v>39002</v>
          </cell>
          <cell r="E349" t="str">
            <v>特命</v>
          </cell>
          <cell r="G349">
            <v>3396750</v>
          </cell>
          <cell r="I349">
            <v>1</v>
          </cell>
          <cell r="J349" t="str">
            <v>式</v>
          </cell>
          <cell r="K349" t="str">
            <v/>
          </cell>
          <cell r="L349">
            <v>3396750</v>
          </cell>
          <cell r="M349" t="str">
            <v>特命</v>
          </cell>
          <cell r="N349" t="str">
            <v>高・営</v>
          </cell>
          <cell r="P349">
            <v>39141</v>
          </cell>
          <cell r="Q349" t="str">
            <v>壱</v>
          </cell>
          <cell r="R349" t="str">
            <v>無</v>
          </cell>
          <cell r="S349" t="str">
            <v>電気課</v>
          </cell>
          <cell r="T349" t="str">
            <v>小林　保</v>
          </cell>
          <cell r="U349">
            <v>2625</v>
          </cell>
          <cell r="V349" t="str">
            <v>部長</v>
          </cell>
          <cell r="W349" t="str">
            <v>なか１日</v>
          </cell>
          <cell r="X349" t="str">
            <v>特命</v>
          </cell>
          <cell r="Y349">
            <v>39008</v>
          </cell>
          <cell r="Z349">
            <v>39009</v>
          </cell>
          <cell r="AA349">
            <v>1430</v>
          </cell>
          <cell r="AB349" t="str">
            <v>交通局３階総務課（契約担当）</v>
          </cell>
          <cell r="AD349" t="str">
            <v>平成18年10月19日(木)　14時30分</v>
          </cell>
          <cell r="AI349">
            <v>1</v>
          </cell>
          <cell r="AJ349" t="str">
            <v>（株）ジーエス・ユアサパワーサプライ北海道支社</v>
          </cell>
          <cell r="AU349" t="str">
            <v>要</v>
          </cell>
          <cell r="AV349">
            <v>3200000</v>
          </cell>
          <cell r="AW349">
            <v>3360000</v>
          </cell>
          <cell r="AX349">
            <v>1.0819165378670781E-2</v>
          </cell>
          <cell r="AY349" t="str">
            <v>（株）ジーエス・ユアサパワーサプライ北海道支社</v>
          </cell>
          <cell r="AZ349">
            <v>3200000</v>
          </cell>
          <cell r="BA349">
            <v>3360000</v>
          </cell>
          <cell r="BB349">
            <v>160000</v>
          </cell>
          <cell r="BC349" t="str">
            <v>契約書</v>
          </cell>
          <cell r="BE349">
            <v>39010</v>
          </cell>
          <cell r="BF349" t="str">
            <v>しない</v>
          </cell>
          <cell r="BG349" t="str">
            <v>見積</v>
          </cell>
          <cell r="BH349">
            <v>1</v>
          </cell>
          <cell r="BK349">
            <v>3235000</v>
          </cell>
          <cell r="BL349" t="str">
            <v xml:space="preserve"> </v>
          </cell>
          <cell r="BM349">
            <v>36750</v>
          </cell>
          <cell r="BN349">
            <v>0.98918083462132922</v>
          </cell>
        </row>
        <row r="350">
          <cell r="A350">
            <v>2049</v>
          </cell>
          <cell r="B350" t="str">
            <v>製造請負</v>
          </cell>
          <cell r="C350" t="str">
            <v>電子化図面</v>
          </cell>
          <cell r="D350">
            <v>39002</v>
          </cell>
          <cell r="G350">
            <v>2394000</v>
          </cell>
          <cell r="I350">
            <v>1</v>
          </cell>
          <cell r="J350" t="str">
            <v>式</v>
          </cell>
          <cell r="K350" t="str">
            <v/>
          </cell>
          <cell r="L350">
            <v>2394000</v>
          </cell>
          <cell r="M350" t="str">
            <v>公開</v>
          </cell>
          <cell r="N350" t="str">
            <v>高・営</v>
          </cell>
          <cell r="P350">
            <v>39066</v>
          </cell>
          <cell r="Q350" t="str">
            <v>壱</v>
          </cell>
          <cell r="R350" t="str">
            <v>無</v>
          </cell>
          <cell r="S350" t="str">
            <v>施設課</v>
          </cell>
          <cell r="T350" t="str">
            <v>千葉　淑弘</v>
          </cell>
          <cell r="U350">
            <v>2529</v>
          </cell>
          <cell r="V350" t="str">
            <v>課長</v>
          </cell>
          <cell r="W350" t="str">
            <v>なか１日</v>
          </cell>
          <cell r="X350" t="str">
            <v>公開</v>
          </cell>
          <cell r="Y350">
            <v>39009</v>
          </cell>
          <cell r="Z350">
            <v>39009</v>
          </cell>
          <cell r="AB350" t="str">
            <v>交通局３階総務課（契約担当）</v>
          </cell>
          <cell r="AD350" t="e">
            <v>#VALUE!</v>
          </cell>
          <cell r="AI350">
            <v>3</v>
          </cell>
          <cell r="AJ350" t="str">
            <v>（株）サンコー</v>
          </cell>
          <cell r="AU350" t="str">
            <v>省略可</v>
          </cell>
          <cell r="AW350">
            <v>2394000</v>
          </cell>
          <cell r="AX350">
            <v>1</v>
          </cell>
          <cell r="AY350" t="str">
            <v>（株）サンコー</v>
          </cell>
          <cell r="AZ350">
            <v>2050000</v>
          </cell>
          <cell r="BA350">
            <v>2152500</v>
          </cell>
          <cell r="BB350">
            <v>102500</v>
          </cell>
          <cell r="BC350" t="str">
            <v>請書</v>
          </cell>
          <cell r="BE350">
            <v>39015</v>
          </cell>
          <cell r="BF350" t="str">
            <v>しない</v>
          </cell>
          <cell r="BG350" t="str">
            <v>見積(公開)</v>
          </cell>
          <cell r="BH350">
            <v>0.89912280701754388</v>
          </cell>
          <cell r="BK350">
            <v>2280000</v>
          </cell>
          <cell r="BL350" t="str">
            <v xml:space="preserve"> </v>
          </cell>
          <cell r="BM350">
            <v>241500</v>
          </cell>
          <cell r="BN350">
            <v>0.89912280701754388</v>
          </cell>
        </row>
        <row r="351">
          <cell r="A351">
            <v>2050</v>
          </cell>
          <cell r="B351" t="str">
            <v>製造請負</v>
          </cell>
          <cell r="C351" t="str">
            <v>防水扉電気装置</v>
          </cell>
          <cell r="D351">
            <v>39003</v>
          </cell>
          <cell r="E351" t="str">
            <v>特命</v>
          </cell>
          <cell r="G351">
            <v>6856500</v>
          </cell>
          <cell r="I351">
            <v>1</v>
          </cell>
          <cell r="J351" t="str">
            <v>式</v>
          </cell>
          <cell r="K351" t="str">
            <v/>
          </cell>
          <cell r="L351">
            <v>6856500</v>
          </cell>
          <cell r="M351" t="str">
            <v>特命</v>
          </cell>
          <cell r="N351" t="str">
            <v>高・営</v>
          </cell>
          <cell r="P351">
            <v>39164</v>
          </cell>
          <cell r="Q351" t="str">
            <v>壱</v>
          </cell>
          <cell r="R351" t="str">
            <v>無</v>
          </cell>
          <cell r="S351" t="str">
            <v>施設課</v>
          </cell>
          <cell r="T351" t="str">
            <v>水口　博</v>
          </cell>
          <cell r="U351">
            <v>2594</v>
          </cell>
          <cell r="V351" t="str">
            <v>部長</v>
          </cell>
          <cell r="W351" t="str">
            <v>なか５日</v>
          </cell>
          <cell r="X351" t="str">
            <v>特命</v>
          </cell>
          <cell r="Y351">
            <v>39010</v>
          </cell>
          <cell r="Z351">
            <v>39013</v>
          </cell>
          <cell r="AA351">
            <v>1400</v>
          </cell>
          <cell r="AB351" t="str">
            <v>交通局３階総務課（契約担当）</v>
          </cell>
          <cell r="AD351" t="str">
            <v>平成18年10月23日(月)　14時00分</v>
          </cell>
          <cell r="AI351">
            <v>1</v>
          </cell>
          <cell r="AJ351" t="str">
            <v>豊国工業（株）北海道支店</v>
          </cell>
          <cell r="AU351" t="str">
            <v>要</v>
          </cell>
          <cell r="AV351">
            <v>6464000</v>
          </cell>
          <cell r="AW351">
            <v>6787200</v>
          </cell>
          <cell r="AX351">
            <v>1.0107197549770297E-2</v>
          </cell>
          <cell r="AY351" t="str">
            <v>豊国工業（株）北海道支店</v>
          </cell>
          <cell r="AZ351">
            <v>6400000</v>
          </cell>
          <cell r="BA351">
            <v>6720000</v>
          </cell>
          <cell r="BB351">
            <v>320000</v>
          </cell>
          <cell r="BC351" t="str">
            <v>契約書</v>
          </cell>
          <cell r="BE351">
            <v>39015</v>
          </cell>
          <cell r="BF351" t="str">
            <v>しない</v>
          </cell>
          <cell r="BG351" t="str">
            <v>見積</v>
          </cell>
          <cell r="BH351">
            <v>0.99009900990099009</v>
          </cell>
          <cell r="BK351">
            <v>6530000</v>
          </cell>
          <cell r="BL351" t="str">
            <v xml:space="preserve"> </v>
          </cell>
          <cell r="BM351">
            <v>136500</v>
          </cell>
          <cell r="BN351">
            <v>0.98009188361408883</v>
          </cell>
        </row>
        <row r="352">
          <cell r="A352">
            <v>7108</v>
          </cell>
          <cell r="B352" t="str">
            <v>業務委託</v>
          </cell>
          <cell r="C352" t="str">
            <v>空調機オーバーホール（日立製）</v>
          </cell>
          <cell r="D352">
            <v>39003</v>
          </cell>
          <cell r="E352" t="str">
            <v>特命</v>
          </cell>
          <cell r="G352">
            <v>6142500</v>
          </cell>
          <cell r="I352">
            <v>1</v>
          </cell>
          <cell r="J352" t="str">
            <v>式</v>
          </cell>
          <cell r="K352" t="str">
            <v/>
          </cell>
          <cell r="L352">
            <v>6142500</v>
          </cell>
          <cell r="M352" t="str">
            <v>特命</v>
          </cell>
          <cell r="N352" t="str">
            <v>高・営</v>
          </cell>
          <cell r="O352">
            <v>39020</v>
          </cell>
          <cell r="P352">
            <v>39113</v>
          </cell>
          <cell r="Q352" t="str">
            <v>壱</v>
          </cell>
          <cell r="R352" t="str">
            <v>無</v>
          </cell>
          <cell r="S352" t="str">
            <v>施設課</v>
          </cell>
          <cell r="T352" t="str">
            <v>北川　博教</v>
          </cell>
          <cell r="U352">
            <v>2528</v>
          </cell>
          <cell r="V352" t="str">
            <v>管理者</v>
          </cell>
          <cell r="W352" t="str">
            <v>なか５日</v>
          </cell>
          <cell r="X352" t="str">
            <v>特命</v>
          </cell>
          <cell r="Y352">
            <v>39013</v>
          </cell>
          <cell r="Z352">
            <v>39013</v>
          </cell>
          <cell r="AA352">
            <v>1430</v>
          </cell>
          <cell r="AB352" t="str">
            <v>交通局３階総務課（契約担当）</v>
          </cell>
          <cell r="AD352" t="str">
            <v>平成18年10月23日(月)　14時30分</v>
          </cell>
          <cell r="AI352">
            <v>1</v>
          </cell>
          <cell r="AJ352" t="str">
            <v>（株）日立産機システム北海道支社</v>
          </cell>
          <cell r="AU352" t="str">
            <v>要</v>
          </cell>
          <cell r="AV352">
            <v>5790000</v>
          </cell>
          <cell r="AW352">
            <v>6079500</v>
          </cell>
          <cell r="AX352">
            <v>1.025641025641022E-2</v>
          </cell>
          <cell r="AY352" t="str">
            <v>（株）日立産機システム北海道支社</v>
          </cell>
          <cell r="AZ352">
            <v>5749000</v>
          </cell>
          <cell r="BA352">
            <v>6036450</v>
          </cell>
          <cell r="BB352">
            <v>287450</v>
          </cell>
          <cell r="BC352" t="str">
            <v>契約書</v>
          </cell>
          <cell r="BE352">
            <v>39016</v>
          </cell>
          <cell r="BF352" t="str">
            <v>しない</v>
          </cell>
          <cell r="BG352" t="str">
            <v>見積</v>
          </cell>
          <cell r="BH352">
            <v>0.99291882556131261</v>
          </cell>
          <cell r="BK352">
            <v>5850000</v>
          </cell>
          <cell r="BL352" t="str">
            <v xml:space="preserve"> </v>
          </cell>
          <cell r="BM352">
            <v>106050</v>
          </cell>
          <cell r="BN352">
            <v>0.98273504273504275</v>
          </cell>
        </row>
        <row r="353">
          <cell r="A353">
            <v>7109</v>
          </cell>
          <cell r="B353" t="str">
            <v>業務委託</v>
          </cell>
          <cell r="C353" t="str">
            <v>西車両基地シャッター整備</v>
          </cell>
          <cell r="D353">
            <v>39003</v>
          </cell>
          <cell r="G353">
            <v>259350</v>
          </cell>
          <cell r="I353">
            <v>1</v>
          </cell>
          <cell r="J353" t="str">
            <v>式</v>
          </cell>
          <cell r="K353" t="str">
            <v/>
          </cell>
          <cell r="L353">
            <v>259350</v>
          </cell>
          <cell r="M353" t="str">
            <v>見積</v>
          </cell>
          <cell r="N353" t="str">
            <v>高・営</v>
          </cell>
          <cell r="O353">
            <v>39014</v>
          </cell>
          <cell r="P353">
            <v>39043</v>
          </cell>
          <cell r="Q353" t="str">
            <v>壱</v>
          </cell>
          <cell r="R353" t="str">
            <v>無</v>
          </cell>
          <cell r="S353" t="str">
            <v>車両課(二十四軒)</v>
          </cell>
          <cell r="T353" t="str">
            <v>中山　篤史</v>
          </cell>
          <cell r="U353">
            <v>8227</v>
          </cell>
          <cell r="V353" t="str">
            <v>課長</v>
          </cell>
          <cell r="W353" t="str">
            <v>なか１日</v>
          </cell>
          <cell r="X353" t="str">
            <v>見積</v>
          </cell>
          <cell r="Y353">
            <v>39008</v>
          </cell>
          <cell r="Z353">
            <v>39010</v>
          </cell>
          <cell r="AA353">
            <v>1100</v>
          </cell>
          <cell r="AB353" t="str">
            <v>交通局５階入札室</v>
          </cell>
          <cell r="AD353" t="str">
            <v>平成18年10月20日(金)　11時00分</v>
          </cell>
          <cell r="AI353">
            <v>3</v>
          </cell>
          <cell r="AJ353" t="str">
            <v>三和シャッター工業（株）札幌支店</v>
          </cell>
          <cell r="AK353" t="str">
            <v>（株）東洋実業</v>
          </cell>
          <cell r="AL353" t="str">
            <v>文化シャッターサービス（株）北海道サービス支社</v>
          </cell>
          <cell r="AU353" t="str">
            <v>省略可</v>
          </cell>
          <cell r="AW353">
            <v>259350</v>
          </cell>
          <cell r="AX353">
            <v>1</v>
          </cell>
          <cell r="AY353" t="str">
            <v>三和シャッター工業（株）札幌支店</v>
          </cell>
          <cell r="AZ353">
            <v>245000</v>
          </cell>
          <cell r="BA353">
            <v>257250</v>
          </cell>
          <cell r="BB353">
            <v>12250</v>
          </cell>
          <cell r="BC353" t="str">
            <v>請書</v>
          </cell>
          <cell r="BE353">
            <v>39013</v>
          </cell>
          <cell r="BF353" t="str">
            <v>しない</v>
          </cell>
          <cell r="BG353" t="str">
            <v>見積</v>
          </cell>
          <cell r="BH353">
            <v>0.9919028340080972</v>
          </cell>
          <cell r="BK353">
            <v>247000</v>
          </cell>
          <cell r="BL353" t="str">
            <v xml:space="preserve"> </v>
          </cell>
          <cell r="BM353">
            <v>2100</v>
          </cell>
          <cell r="BN353">
            <v>0.9919028340080972</v>
          </cell>
        </row>
        <row r="354">
          <cell r="A354">
            <v>1194</v>
          </cell>
          <cell r="B354" t="str">
            <v>物品購入</v>
          </cell>
          <cell r="C354" t="str">
            <v>ベアリング</v>
          </cell>
          <cell r="D354">
            <v>39006</v>
          </cell>
          <cell r="G354">
            <v>292110</v>
          </cell>
          <cell r="I354">
            <v>1</v>
          </cell>
          <cell r="J354" t="str">
            <v>式</v>
          </cell>
          <cell r="K354" t="str">
            <v/>
          </cell>
          <cell r="L354">
            <v>292110</v>
          </cell>
          <cell r="M354" t="str">
            <v>公開</v>
          </cell>
          <cell r="N354" t="str">
            <v>高・営</v>
          </cell>
          <cell r="P354">
            <v>39150</v>
          </cell>
          <cell r="Q354" t="str">
            <v>壱</v>
          </cell>
          <cell r="R354" t="str">
            <v>無</v>
          </cell>
          <cell r="S354" t="str">
            <v>車両課(真駒内)</v>
          </cell>
          <cell r="T354" t="str">
            <v>阿部　光男</v>
          </cell>
          <cell r="U354">
            <v>8317</v>
          </cell>
          <cell r="V354" t="str">
            <v>課長</v>
          </cell>
          <cell r="W354" t="str">
            <v>なか１日</v>
          </cell>
          <cell r="X354" t="str">
            <v>公開</v>
          </cell>
          <cell r="Y354">
            <v>39016</v>
          </cell>
          <cell r="Z354">
            <v>39016</v>
          </cell>
          <cell r="AB354" t="str">
            <v>交通局３階総務課（契約担当）</v>
          </cell>
          <cell r="AD354" t="e">
            <v>#VALUE!</v>
          </cell>
          <cell r="AI354">
            <v>3</v>
          </cell>
          <cell r="AJ354" t="str">
            <v>（株）イザワ</v>
          </cell>
          <cell r="AK354" t="str">
            <v>三和商行（株）</v>
          </cell>
          <cell r="AL354" t="str">
            <v>（株）大興商事</v>
          </cell>
          <cell r="AM354" t="str">
            <v>吉見産商（株）</v>
          </cell>
          <cell r="AN354" t="str">
            <v>理興産業（株）</v>
          </cell>
          <cell r="AU354" t="str">
            <v>省略可</v>
          </cell>
          <cell r="AW354">
            <v>292110</v>
          </cell>
          <cell r="AX354">
            <v>1</v>
          </cell>
          <cell r="AY354" t="str">
            <v>三和商行（株）</v>
          </cell>
          <cell r="AZ354">
            <v>253500</v>
          </cell>
          <cell r="BA354">
            <v>266175</v>
          </cell>
          <cell r="BB354">
            <v>12675</v>
          </cell>
          <cell r="BC354" t="str">
            <v>発注書</v>
          </cell>
          <cell r="BE354">
            <v>39017</v>
          </cell>
          <cell r="BF354" t="str">
            <v>しない</v>
          </cell>
          <cell r="BG354" t="str">
            <v>見積(公開)</v>
          </cell>
          <cell r="BH354">
            <v>0.91121495327102808</v>
          </cell>
          <cell r="BK354">
            <v>278200</v>
          </cell>
          <cell r="BL354" t="str">
            <v xml:space="preserve"> </v>
          </cell>
          <cell r="BM354">
            <v>25935</v>
          </cell>
          <cell r="BN354">
            <v>0.91121495327102808</v>
          </cell>
        </row>
        <row r="355">
          <cell r="A355">
            <v>2051</v>
          </cell>
          <cell r="B355" t="str">
            <v>製造請負</v>
          </cell>
          <cell r="C355" t="str">
            <v>旅客配布用時刻表</v>
          </cell>
          <cell r="D355">
            <v>39006</v>
          </cell>
          <cell r="G355">
            <v>1190700</v>
          </cell>
          <cell r="I355">
            <v>252000</v>
          </cell>
          <cell r="J355" t="str">
            <v>枚</v>
          </cell>
          <cell r="K355" t="str">
            <v/>
          </cell>
          <cell r="L355">
            <v>1190700</v>
          </cell>
          <cell r="M355" t="str">
            <v>公開</v>
          </cell>
          <cell r="N355" t="str">
            <v>高・営</v>
          </cell>
          <cell r="P355">
            <v>39043</v>
          </cell>
          <cell r="Q355" t="str">
            <v>壱</v>
          </cell>
          <cell r="R355" t="str">
            <v>無</v>
          </cell>
          <cell r="S355" t="str">
            <v>業務課</v>
          </cell>
          <cell r="T355" t="str">
            <v>桜庭　一昭</v>
          </cell>
          <cell r="U355">
            <v>2417</v>
          </cell>
          <cell r="V355" t="str">
            <v>課長</v>
          </cell>
          <cell r="W355" t="str">
            <v>なか１日</v>
          </cell>
          <cell r="X355" t="str">
            <v>公開</v>
          </cell>
          <cell r="Y355">
            <v>39016</v>
          </cell>
          <cell r="Z355">
            <v>39016</v>
          </cell>
          <cell r="AB355" t="str">
            <v>交通局３階総務課（契約担当）</v>
          </cell>
          <cell r="AD355" t="e">
            <v>#VALUE!</v>
          </cell>
          <cell r="AI355">
            <v>3</v>
          </cell>
          <cell r="AJ355" t="str">
            <v>（株）企画クラブ</v>
          </cell>
          <cell r="AK355" t="str">
            <v>（株）須田製版</v>
          </cell>
          <cell r="AL355" t="str">
            <v>ひまわり印刷（株）</v>
          </cell>
          <cell r="AM355" t="str">
            <v>（株）富士コンテム</v>
          </cell>
          <cell r="AU355" t="str">
            <v>省略可</v>
          </cell>
          <cell r="AW355">
            <v>1190700</v>
          </cell>
          <cell r="AX355">
            <v>1</v>
          </cell>
          <cell r="AY355" t="str">
            <v>ひまわり印刷（株）</v>
          </cell>
          <cell r="AZ355">
            <v>262080</v>
          </cell>
          <cell r="BA355">
            <v>275184</v>
          </cell>
          <cell r="BB355">
            <v>13104</v>
          </cell>
          <cell r="BC355" t="str">
            <v>発注書</v>
          </cell>
          <cell r="BE355">
            <v>39017</v>
          </cell>
          <cell r="BF355" t="str">
            <v>しない</v>
          </cell>
          <cell r="BG355" t="str">
            <v>見積(公開)</v>
          </cell>
          <cell r="BH355">
            <v>0.2311111111111111</v>
          </cell>
          <cell r="BK355">
            <v>1134000</v>
          </cell>
          <cell r="BL355">
            <v>4.7249999999999996</v>
          </cell>
          <cell r="BM355">
            <v>915516</v>
          </cell>
          <cell r="BN355">
            <v>0.2311111111111111</v>
          </cell>
        </row>
        <row r="356">
          <cell r="A356">
            <v>1195</v>
          </cell>
          <cell r="B356" t="str">
            <v>物品購入</v>
          </cell>
          <cell r="C356" t="str">
            <v>ブレーキパッド他</v>
          </cell>
          <cell r="D356">
            <v>39006</v>
          </cell>
          <cell r="E356" t="str">
            <v>特命</v>
          </cell>
          <cell r="G356">
            <v>7631116</v>
          </cell>
          <cell r="I356">
            <v>1</v>
          </cell>
          <cell r="J356" t="str">
            <v>式</v>
          </cell>
          <cell r="K356" t="str">
            <v/>
          </cell>
          <cell r="L356">
            <v>7631116</v>
          </cell>
          <cell r="M356" t="str">
            <v>特命</v>
          </cell>
          <cell r="N356" t="str">
            <v>高・営</v>
          </cell>
          <cell r="P356">
            <v>39171</v>
          </cell>
          <cell r="Q356" t="str">
            <v>参</v>
          </cell>
          <cell r="R356" t="str">
            <v>無</v>
          </cell>
          <cell r="S356" t="str">
            <v>車両課(大谷地)</v>
          </cell>
          <cell r="T356" t="str">
            <v>疋田　幹憲</v>
          </cell>
          <cell r="U356">
            <v>8418</v>
          </cell>
          <cell r="V356" t="str">
            <v>部長</v>
          </cell>
          <cell r="W356" t="str">
            <v>なか５日</v>
          </cell>
          <cell r="X356" t="str">
            <v>特命</v>
          </cell>
          <cell r="Y356">
            <v>39013</v>
          </cell>
          <cell r="Z356">
            <v>39015</v>
          </cell>
          <cell r="AA356">
            <v>1400</v>
          </cell>
          <cell r="AB356" t="str">
            <v>交通局３階総務課（契約担当）</v>
          </cell>
          <cell r="AD356" t="str">
            <v>平成18年10月25日(水)　14時00分</v>
          </cell>
          <cell r="AI356">
            <v>1</v>
          </cell>
          <cell r="AJ356" t="str">
            <v>札幌川重車両エンジニアリング（株）</v>
          </cell>
          <cell r="AU356" t="str">
            <v>要</v>
          </cell>
          <cell r="AV356">
            <v>7261050</v>
          </cell>
          <cell r="AW356">
            <v>7624102</v>
          </cell>
          <cell r="AX356">
            <v>9.1913161849455083E-4</v>
          </cell>
          <cell r="AY356" t="str">
            <v>札幌川重車両エンジニアリング（株）</v>
          </cell>
          <cell r="AZ356">
            <v>7259540</v>
          </cell>
          <cell r="BA356">
            <v>7622517</v>
          </cell>
          <cell r="BB356">
            <v>362977</v>
          </cell>
          <cell r="BC356" t="str">
            <v>契約書</v>
          </cell>
          <cell r="BE356">
            <v>39016</v>
          </cell>
          <cell r="BF356" t="str">
            <v>しない</v>
          </cell>
          <cell r="BG356" t="str">
            <v>見積</v>
          </cell>
          <cell r="BH356">
            <v>0.99979210666384055</v>
          </cell>
          <cell r="BK356">
            <v>7267729.5238095233</v>
          </cell>
          <cell r="BL356" t="str">
            <v xml:space="preserve"> </v>
          </cell>
          <cell r="BM356">
            <v>8599</v>
          </cell>
          <cell r="BN356">
            <v>0.99887316612668453</v>
          </cell>
        </row>
        <row r="357">
          <cell r="A357">
            <v>1196</v>
          </cell>
          <cell r="B357" t="str">
            <v>物品購入</v>
          </cell>
          <cell r="C357" t="str">
            <v>蛍光管</v>
          </cell>
          <cell r="D357">
            <v>39007</v>
          </cell>
          <cell r="G357">
            <v>338625</v>
          </cell>
          <cell r="I357">
            <v>1</v>
          </cell>
          <cell r="J357" t="str">
            <v>式</v>
          </cell>
          <cell r="K357" t="str">
            <v/>
          </cell>
          <cell r="L357">
            <v>338625</v>
          </cell>
          <cell r="M357" t="str">
            <v>公開</v>
          </cell>
          <cell r="N357" t="str">
            <v>高・営</v>
          </cell>
          <cell r="P357">
            <v>39066</v>
          </cell>
          <cell r="Q357" t="str">
            <v>壱</v>
          </cell>
          <cell r="R357" t="str">
            <v>無</v>
          </cell>
          <cell r="S357" t="str">
            <v>車両課(真駒内)</v>
          </cell>
          <cell r="T357" t="str">
            <v>遠藤　順一</v>
          </cell>
          <cell r="U357">
            <v>8313</v>
          </cell>
          <cell r="V357" t="str">
            <v>課長</v>
          </cell>
          <cell r="W357" t="str">
            <v>なか１日</v>
          </cell>
          <cell r="X357" t="str">
            <v>公開</v>
          </cell>
          <cell r="Y357">
            <v>39016</v>
          </cell>
          <cell r="Z357">
            <v>39016</v>
          </cell>
          <cell r="AB357" t="str">
            <v>交通局３階総務課（契約担当）</v>
          </cell>
          <cell r="AD357" t="e">
            <v>#VALUE!</v>
          </cell>
          <cell r="AI357">
            <v>3</v>
          </cell>
          <cell r="AJ357" t="str">
            <v>亜光照材（株）</v>
          </cell>
          <cell r="AK357" t="str">
            <v>（株）イザワ</v>
          </cell>
          <cell r="AL357" t="str">
            <v>システム・サプライ（株）</v>
          </cell>
          <cell r="AM357" t="str">
            <v>日協エンジニアリング（株）</v>
          </cell>
          <cell r="AN357" t="str">
            <v>（株）北海道防災技術センター</v>
          </cell>
          <cell r="AO357" t="str">
            <v>理興産業（株）</v>
          </cell>
          <cell r="AU357" t="str">
            <v>省略可</v>
          </cell>
          <cell r="AW357">
            <v>338625</v>
          </cell>
          <cell r="AX357">
            <v>1</v>
          </cell>
          <cell r="AY357" t="str">
            <v>（株）イザワ</v>
          </cell>
          <cell r="AZ357">
            <v>274800</v>
          </cell>
          <cell r="BA357">
            <v>288540</v>
          </cell>
          <cell r="BB357">
            <v>13740</v>
          </cell>
          <cell r="BC357" t="str">
            <v>発注書</v>
          </cell>
          <cell r="BE357">
            <v>39017</v>
          </cell>
          <cell r="BF357" t="str">
            <v>しない</v>
          </cell>
          <cell r="BG357" t="str">
            <v>見積(公開)</v>
          </cell>
          <cell r="BH357">
            <v>0.85209302325581393</v>
          </cell>
          <cell r="BK357">
            <v>322500</v>
          </cell>
          <cell r="BL357" t="str">
            <v xml:space="preserve"> </v>
          </cell>
          <cell r="BM357">
            <v>50085</v>
          </cell>
          <cell r="BN357">
            <v>0.85209302325581393</v>
          </cell>
        </row>
        <row r="358">
          <cell r="A358">
            <v>7110</v>
          </cell>
          <cell r="B358" t="str">
            <v>業務委託</v>
          </cell>
          <cell r="C358" t="str">
            <v>琴似変電所回生用遮断器故障表示追加</v>
          </cell>
          <cell r="D358">
            <v>39008</v>
          </cell>
          <cell r="E358" t="str">
            <v>特命</v>
          </cell>
          <cell r="G358">
            <v>2073750</v>
          </cell>
          <cell r="I358">
            <v>1</v>
          </cell>
          <cell r="J358" t="str">
            <v>式</v>
          </cell>
          <cell r="K358" t="str">
            <v/>
          </cell>
          <cell r="L358">
            <v>2073750</v>
          </cell>
          <cell r="M358" t="str">
            <v>特命</v>
          </cell>
          <cell r="N358" t="str">
            <v>高・営</v>
          </cell>
          <cell r="O358">
            <v>39017</v>
          </cell>
          <cell r="P358">
            <v>39099</v>
          </cell>
          <cell r="Q358" t="str">
            <v>壱</v>
          </cell>
          <cell r="R358" t="str">
            <v>無</v>
          </cell>
          <cell r="S358" t="str">
            <v>電気課</v>
          </cell>
          <cell r="T358" t="str">
            <v>山木　禎治</v>
          </cell>
          <cell r="U358">
            <v>2626</v>
          </cell>
          <cell r="V358" t="str">
            <v>管理者</v>
          </cell>
          <cell r="W358" t="str">
            <v>なか１日</v>
          </cell>
          <cell r="X358" t="str">
            <v>特命</v>
          </cell>
          <cell r="Y358">
            <v>39015</v>
          </cell>
          <cell r="Z358">
            <v>39016</v>
          </cell>
          <cell r="AA358">
            <v>1400</v>
          </cell>
          <cell r="AB358" t="str">
            <v>交通局３階総務課（契約担当）</v>
          </cell>
          <cell r="AD358" t="str">
            <v>平成18年10月26日(木)　14時00分</v>
          </cell>
          <cell r="AI358">
            <v>1</v>
          </cell>
          <cell r="AJ358" t="str">
            <v>三菱電機（株）北海道支社</v>
          </cell>
          <cell r="AU358" t="str">
            <v>要</v>
          </cell>
          <cell r="AV358">
            <v>1955000</v>
          </cell>
          <cell r="AW358">
            <v>2052750</v>
          </cell>
          <cell r="AX358">
            <v>1.0126582278481067E-2</v>
          </cell>
          <cell r="AY358" t="str">
            <v>三菱電機（株）北海道支社</v>
          </cell>
          <cell r="AZ358">
            <v>1950000</v>
          </cell>
          <cell r="BA358">
            <v>2047500</v>
          </cell>
          <cell r="BB358">
            <v>97500</v>
          </cell>
          <cell r="BC358" t="str">
            <v>契約書</v>
          </cell>
          <cell r="BE358">
            <v>39017</v>
          </cell>
          <cell r="BF358" t="str">
            <v>しない</v>
          </cell>
          <cell r="BG358" t="str">
            <v>見積</v>
          </cell>
          <cell r="BH358">
            <v>0.99744245524296671</v>
          </cell>
          <cell r="BK358">
            <v>1975000</v>
          </cell>
          <cell r="BL358" t="str">
            <v xml:space="preserve"> </v>
          </cell>
          <cell r="BM358">
            <v>26250</v>
          </cell>
          <cell r="BN358">
            <v>0.98734177215189878</v>
          </cell>
        </row>
        <row r="359">
          <cell r="A359">
            <v>7111</v>
          </cell>
          <cell r="B359" t="str">
            <v>業務委託</v>
          </cell>
          <cell r="C359" t="str">
            <v>在線状況回線設定</v>
          </cell>
          <cell r="D359">
            <v>39008</v>
          </cell>
          <cell r="E359" t="str">
            <v>特命</v>
          </cell>
          <cell r="G359">
            <v>701400</v>
          </cell>
          <cell r="I359">
            <v>1</v>
          </cell>
          <cell r="J359" t="str">
            <v>式</v>
          </cell>
          <cell r="K359" t="str">
            <v/>
          </cell>
          <cell r="L359">
            <v>701400</v>
          </cell>
          <cell r="M359" t="str">
            <v>特命</v>
          </cell>
          <cell r="N359" t="str">
            <v>高・営</v>
          </cell>
          <cell r="O359">
            <v>39013</v>
          </cell>
          <cell r="P359">
            <v>39029</v>
          </cell>
          <cell r="Q359" t="str">
            <v>壱</v>
          </cell>
          <cell r="R359" t="str">
            <v>無</v>
          </cell>
          <cell r="S359" t="str">
            <v>電気課</v>
          </cell>
          <cell r="T359" t="str">
            <v>赤地　修市</v>
          </cell>
          <cell r="U359">
            <v>2647</v>
          </cell>
          <cell r="V359" t="str">
            <v>部長</v>
          </cell>
          <cell r="W359" t="str">
            <v>なか１日</v>
          </cell>
          <cell r="X359" t="str">
            <v>特命</v>
          </cell>
          <cell r="Y359">
            <v>39014</v>
          </cell>
          <cell r="Z359">
            <v>39013</v>
          </cell>
          <cell r="AA359">
            <v>1500</v>
          </cell>
          <cell r="AB359" t="str">
            <v>交通局３階総務課（契約担当）</v>
          </cell>
          <cell r="AD359" t="str">
            <v>平成18年10月23日(月)　15時00分</v>
          </cell>
          <cell r="AI359">
            <v>1</v>
          </cell>
          <cell r="AJ359" t="str">
            <v>日本電気（株）北海道支社</v>
          </cell>
          <cell r="AU359" t="str">
            <v>省略可</v>
          </cell>
          <cell r="AW359">
            <v>701400</v>
          </cell>
          <cell r="AX359">
            <v>1</v>
          </cell>
          <cell r="AY359" t="str">
            <v>日本電気（株）北海道支社</v>
          </cell>
          <cell r="AZ359">
            <v>663000</v>
          </cell>
          <cell r="BA359">
            <v>696150</v>
          </cell>
          <cell r="BB359">
            <v>33150</v>
          </cell>
          <cell r="BC359" t="str">
            <v>契約書</v>
          </cell>
          <cell r="BE359">
            <v>39013</v>
          </cell>
          <cell r="BF359" t="str">
            <v>しない</v>
          </cell>
          <cell r="BG359" t="str">
            <v>見積</v>
          </cell>
          <cell r="BH359">
            <v>0.99251497005988021</v>
          </cell>
          <cell r="BK359">
            <v>668000</v>
          </cell>
          <cell r="BL359" t="str">
            <v xml:space="preserve"> </v>
          </cell>
          <cell r="BM359">
            <v>5250</v>
          </cell>
          <cell r="BN359">
            <v>0.99251497005988021</v>
          </cell>
        </row>
        <row r="360">
          <cell r="A360">
            <v>1197</v>
          </cell>
          <cell r="B360" t="str">
            <v>物品購入</v>
          </cell>
          <cell r="C360" t="str">
            <v>ゴム長靴</v>
          </cell>
          <cell r="D360">
            <v>39008</v>
          </cell>
          <cell r="G360">
            <v>232155</v>
          </cell>
          <cell r="I360">
            <v>1</v>
          </cell>
          <cell r="J360" t="str">
            <v>式</v>
          </cell>
          <cell r="K360" t="str">
            <v/>
          </cell>
          <cell r="L360">
            <v>232155</v>
          </cell>
          <cell r="M360" t="str">
            <v>公開</v>
          </cell>
          <cell r="N360" t="str">
            <v>高・営</v>
          </cell>
          <cell r="P360">
            <v>39059</v>
          </cell>
          <cell r="Q360" t="str">
            <v>壱</v>
          </cell>
          <cell r="R360" t="str">
            <v>無</v>
          </cell>
          <cell r="S360" t="str">
            <v>車両課(大谷地)</v>
          </cell>
          <cell r="T360" t="str">
            <v>新藤　弘顕</v>
          </cell>
          <cell r="U360">
            <v>8405</v>
          </cell>
          <cell r="V360" t="str">
            <v>課長</v>
          </cell>
          <cell r="W360" t="str">
            <v>なか１日</v>
          </cell>
          <cell r="X360" t="str">
            <v>公開</v>
          </cell>
          <cell r="Y360">
            <v>39016</v>
          </cell>
          <cell r="Z360">
            <v>39016</v>
          </cell>
          <cell r="AB360" t="str">
            <v>交通局３階総務課（契約担当）</v>
          </cell>
          <cell r="AD360" t="e">
            <v>#VALUE!</v>
          </cell>
          <cell r="AI360">
            <v>3</v>
          </cell>
          <cell r="AJ360" t="str">
            <v>三和商行（株）</v>
          </cell>
          <cell r="AK360" t="str">
            <v>マルキン機鋼（株）</v>
          </cell>
          <cell r="AL360" t="str">
            <v>ミドリ安全北海道（株）</v>
          </cell>
          <cell r="AM360" t="str">
            <v>吉見産商（株）</v>
          </cell>
          <cell r="AU360" t="str">
            <v>省略可</v>
          </cell>
          <cell r="AW360">
            <v>232155</v>
          </cell>
          <cell r="AX360">
            <v>1</v>
          </cell>
          <cell r="AY360" t="str">
            <v>ミドリ安全北海道（株）</v>
          </cell>
          <cell r="AZ360">
            <v>170180</v>
          </cell>
          <cell r="BA360">
            <v>178689</v>
          </cell>
          <cell r="BB360">
            <v>8509</v>
          </cell>
          <cell r="BC360" t="str">
            <v>発注書</v>
          </cell>
          <cell r="BE360">
            <v>39017</v>
          </cell>
          <cell r="BF360" t="str">
            <v>しない</v>
          </cell>
          <cell r="BG360" t="str">
            <v>見積(公開)</v>
          </cell>
          <cell r="BH360">
            <v>0.76969696969696966</v>
          </cell>
          <cell r="BK360">
            <v>221100</v>
          </cell>
          <cell r="BL360" t="str">
            <v xml:space="preserve"> </v>
          </cell>
          <cell r="BM360">
            <v>53466</v>
          </cell>
          <cell r="BN360">
            <v>0.76969696969696966</v>
          </cell>
        </row>
        <row r="361">
          <cell r="A361">
            <v>1198</v>
          </cell>
          <cell r="B361" t="str">
            <v>物品購入</v>
          </cell>
          <cell r="C361" t="str">
            <v>リムバルブ</v>
          </cell>
          <cell r="D361">
            <v>39008</v>
          </cell>
          <cell r="E361" t="str">
            <v>特命</v>
          </cell>
          <cell r="G361">
            <v>598867</v>
          </cell>
          <cell r="I361">
            <v>1</v>
          </cell>
          <cell r="J361" t="str">
            <v>式</v>
          </cell>
          <cell r="K361" t="str">
            <v/>
          </cell>
          <cell r="L361">
            <v>598867</v>
          </cell>
          <cell r="M361" t="str">
            <v>特命</v>
          </cell>
          <cell r="N361" t="str">
            <v>高・営</v>
          </cell>
          <cell r="P361">
            <v>39113</v>
          </cell>
          <cell r="Q361" t="str">
            <v>壱</v>
          </cell>
          <cell r="R361" t="str">
            <v>無</v>
          </cell>
          <cell r="S361" t="str">
            <v>車両課(大谷地)</v>
          </cell>
          <cell r="T361" t="str">
            <v>大瀧　裕</v>
          </cell>
          <cell r="U361">
            <v>8418</v>
          </cell>
          <cell r="V361" t="str">
            <v>課長</v>
          </cell>
          <cell r="W361" t="str">
            <v>なか１日</v>
          </cell>
          <cell r="X361" t="str">
            <v>特命</v>
          </cell>
          <cell r="Y361">
            <v>39013</v>
          </cell>
          <cell r="Z361">
            <v>39016</v>
          </cell>
          <cell r="AA361">
            <v>1430</v>
          </cell>
          <cell r="AB361" t="str">
            <v>交通局３階総務課（契約担当）</v>
          </cell>
          <cell r="AD361" t="str">
            <v>平成18年10月26日(木)　14時30分</v>
          </cell>
          <cell r="AI361">
            <v>1</v>
          </cell>
          <cell r="AJ361" t="str">
            <v>札幌川重車両エンジニアリング（株）</v>
          </cell>
          <cell r="AU361" t="str">
            <v>省略可</v>
          </cell>
          <cell r="AW361">
            <v>598867</v>
          </cell>
          <cell r="AX361">
            <v>1</v>
          </cell>
          <cell r="AY361" t="str">
            <v>札幌川重車両エンジニアリング（株）</v>
          </cell>
          <cell r="AZ361">
            <v>570000</v>
          </cell>
          <cell r="BA361">
            <v>598500</v>
          </cell>
          <cell r="BB361">
            <v>28500</v>
          </cell>
          <cell r="BC361" t="str">
            <v>請書</v>
          </cell>
          <cell r="BE361">
            <v>39017</v>
          </cell>
          <cell r="BF361" t="str">
            <v>しない</v>
          </cell>
          <cell r="BG361" t="str">
            <v>見積</v>
          </cell>
          <cell r="BH361">
            <v>0.99938717611756867</v>
          </cell>
          <cell r="BK361">
            <v>570349.52380952379</v>
          </cell>
          <cell r="BL361" t="str">
            <v xml:space="preserve"> </v>
          </cell>
          <cell r="BM361">
            <v>367</v>
          </cell>
          <cell r="BN361">
            <v>0.99938717611756867</v>
          </cell>
        </row>
        <row r="362">
          <cell r="A362">
            <v>2052</v>
          </cell>
          <cell r="B362" t="str">
            <v>製造請負</v>
          </cell>
          <cell r="C362" t="str">
            <v>手売用「共通ウィズユーカード」等（後期分）</v>
          </cell>
          <cell r="D362">
            <v>39009</v>
          </cell>
          <cell r="G362">
            <v>100675575</v>
          </cell>
          <cell r="I362">
            <v>3434000</v>
          </cell>
          <cell r="J362" t="str">
            <v>枚</v>
          </cell>
          <cell r="K362" t="str">
            <v/>
          </cell>
          <cell r="L362">
            <v>100675575</v>
          </cell>
          <cell r="M362" t="str">
            <v>入札</v>
          </cell>
          <cell r="N362" t="str">
            <v>軌・営　高・営</v>
          </cell>
          <cell r="P362">
            <v>39150</v>
          </cell>
          <cell r="Q362" t="str">
            <v>壱</v>
          </cell>
          <cell r="R362" t="str">
            <v>無</v>
          </cell>
          <cell r="S362" t="str">
            <v>経営企画課</v>
          </cell>
          <cell r="T362" t="str">
            <v>安藤　友明</v>
          </cell>
          <cell r="U362">
            <v>2115</v>
          </cell>
          <cell r="V362" t="str">
            <v>管理者</v>
          </cell>
          <cell r="W362" t="str">
            <v>なか１０日</v>
          </cell>
          <cell r="X362" t="str">
            <v>入札</v>
          </cell>
          <cell r="Y362">
            <v>39030</v>
          </cell>
          <cell r="Z362">
            <v>39029</v>
          </cell>
          <cell r="AA362">
            <v>1100</v>
          </cell>
          <cell r="AB362" t="str">
            <v>交通局５階入札室</v>
          </cell>
          <cell r="AD362" t="str">
            <v>平成18年11月8日(水)　11時00分</v>
          </cell>
          <cell r="AE362" t="str">
            <v>製造業</v>
          </cell>
          <cell r="AF362" t="str">
            <v>出版･印刷業</v>
          </cell>
          <cell r="AG362" t="str">
            <v>印刷</v>
          </cell>
          <cell r="AH362" t="str">
            <v>-</v>
          </cell>
          <cell r="AI362">
            <v>6</v>
          </cell>
          <cell r="AJ362" t="str">
            <v>ＮＥＣトーキン（株）仙台支店</v>
          </cell>
          <cell r="AK362" t="str">
            <v>共同印刷（株）</v>
          </cell>
          <cell r="AL362" t="str">
            <v>凸版印刷（株）北海道事業部</v>
          </cell>
          <cell r="AM362" t="str">
            <v>日本通信紙（株）札幌支店</v>
          </cell>
          <cell r="AU362" t="str">
            <v>要</v>
          </cell>
          <cell r="AV362">
            <v>95881500</v>
          </cell>
          <cell r="AW362">
            <v>100675575</v>
          </cell>
          <cell r="AX362">
            <v>0</v>
          </cell>
          <cell r="AY362" t="str">
            <v>凸版印刷（株）北海道事業部</v>
          </cell>
          <cell r="AZ362">
            <v>94812740</v>
          </cell>
          <cell r="BA362">
            <v>99553377</v>
          </cell>
          <cell r="BB362">
            <v>4740637</v>
          </cell>
          <cell r="BC362" t="str">
            <v>契約書</v>
          </cell>
          <cell r="BE362">
            <v>39034</v>
          </cell>
          <cell r="BF362" t="str">
            <v>しない</v>
          </cell>
          <cell r="BG362" t="str">
            <v>入  札</v>
          </cell>
          <cell r="BH362">
            <v>0.98885332415533755</v>
          </cell>
          <cell r="BK362">
            <v>95881500</v>
          </cell>
          <cell r="BL362">
            <v>29.317290331974373</v>
          </cell>
          <cell r="BM362">
            <v>1122198</v>
          </cell>
          <cell r="BN362">
            <v>0.98885332415533755</v>
          </cell>
        </row>
        <row r="363">
          <cell r="A363">
            <v>2053</v>
          </cell>
          <cell r="B363" t="str">
            <v>製造請負</v>
          </cell>
          <cell r="C363" t="str">
            <v>券売機用「共通ウィズユーカード」３回目発注分</v>
          </cell>
          <cell r="D363">
            <v>39009</v>
          </cell>
          <cell r="G363">
            <v>68214300</v>
          </cell>
          <cell r="I363">
            <v>2000000</v>
          </cell>
          <cell r="J363" t="str">
            <v>枚</v>
          </cell>
          <cell r="K363" t="str">
            <v/>
          </cell>
          <cell r="L363">
            <v>68214300</v>
          </cell>
          <cell r="M363" t="str">
            <v>入札</v>
          </cell>
          <cell r="N363" t="str">
            <v>軌・営　高・営</v>
          </cell>
          <cell r="P363">
            <v>39104</v>
          </cell>
          <cell r="Q363" t="str">
            <v>壱</v>
          </cell>
          <cell r="R363" t="str">
            <v>無</v>
          </cell>
          <cell r="S363" t="str">
            <v>経営企画課</v>
          </cell>
          <cell r="T363" t="str">
            <v>安藤　友明</v>
          </cell>
          <cell r="U363">
            <v>2115</v>
          </cell>
          <cell r="V363" t="str">
            <v>管理者</v>
          </cell>
          <cell r="W363" t="str">
            <v>なか１０日</v>
          </cell>
          <cell r="X363" t="str">
            <v>入札</v>
          </cell>
          <cell r="Y363">
            <v>39030</v>
          </cell>
          <cell r="Z363">
            <v>39029</v>
          </cell>
          <cell r="AA363">
            <v>1110</v>
          </cell>
          <cell r="AB363" t="str">
            <v>交通局５階入札室</v>
          </cell>
          <cell r="AD363" t="str">
            <v>平成18年11月8日(水)　11時10分</v>
          </cell>
          <cell r="AE363" t="str">
            <v>製造業</v>
          </cell>
          <cell r="AF363" t="str">
            <v>出版･印刷業</v>
          </cell>
          <cell r="AG363" t="str">
            <v>印刷</v>
          </cell>
          <cell r="AH363" t="str">
            <v>-</v>
          </cell>
          <cell r="AI363">
            <v>6</v>
          </cell>
          <cell r="AJ363" t="str">
            <v>ＮＥＣトーキン（株）仙台支店</v>
          </cell>
          <cell r="AK363" t="str">
            <v>共同印刷（株）</v>
          </cell>
          <cell r="AL363" t="str">
            <v>凸版印刷（株）北海道事業部</v>
          </cell>
          <cell r="AM363" t="str">
            <v>日本通信紙（株）札幌支店</v>
          </cell>
          <cell r="AU363" t="str">
            <v>要</v>
          </cell>
          <cell r="AV363">
            <v>64900000</v>
          </cell>
          <cell r="AW363">
            <v>68145000</v>
          </cell>
          <cell r="AX363">
            <v>1.0159160176091975E-3</v>
          </cell>
          <cell r="AY363" t="str">
            <v>ＮＥＣトーキン（株）仙台支店</v>
          </cell>
          <cell r="AZ363">
            <v>64860000</v>
          </cell>
          <cell r="BA363">
            <v>68103000</v>
          </cell>
          <cell r="BB363">
            <v>3243000</v>
          </cell>
          <cell r="BC363" t="str">
            <v>契約書</v>
          </cell>
          <cell r="BE363">
            <v>39034</v>
          </cell>
          <cell r="BF363" t="str">
            <v>しない</v>
          </cell>
          <cell r="BG363" t="str">
            <v>入  札</v>
          </cell>
          <cell r="BH363">
            <v>0.99938366718027738</v>
          </cell>
          <cell r="BK363">
            <v>64966000</v>
          </cell>
          <cell r="BL363">
            <v>34.107149999999997</v>
          </cell>
          <cell r="BM363">
            <v>111300</v>
          </cell>
          <cell r="BN363">
            <v>0.9983683773050519</v>
          </cell>
        </row>
        <row r="364">
          <cell r="A364">
            <v>7112</v>
          </cell>
          <cell r="B364" t="str">
            <v>業務委託</v>
          </cell>
          <cell r="C364" t="str">
            <v>地下埋設タンク漏洩検査</v>
          </cell>
          <cell r="D364">
            <v>39009</v>
          </cell>
          <cell r="G364">
            <v>320250</v>
          </cell>
          <cell r="I364">
            <v>1</v>
          </cell>
          <cell r="J364" t="str">
            <v>式</v>
          </cell>
          <cell r="K364" t="str">
            <v/>
          </cell>
          <cell r="L364">
            <v>320250</v>
          </cell>
          <cell r="M364" t="str">
            <v>見積</v>
          </cell>
          <cell r="N364" t="str">
            <v>高・営</v>
          </cell>
          <cell r="O364">
            <v>39031</v>
          </cell>
          <cell r="P364">
            <v>39051</v>
          </cell>
          <cell r="Q364" t="str">
            <v>壱</v>
          </cell>
          <cell r="R364" t="str">
            <v>無</v>
          </cell>
          <cell r="S364" t="str">
            <v>車両課(大谷地)</v>
          </cell>
          <cell r="T364" t="str">
            <v>木村　俊秋</v>
          </cell>
          <cell r="U364">
            <v>8407</v>
          </cell>
          <cell r="V364" t="str">
            <v>部長</v>
          </cell>
          <cell r="W364" t="str">
            <v>なか１日</v>
          </cell>
          <cell r="X364" t="str">
            <v>見積</v>
          </cell>
          <cell r="Y364">
            <v>39015</v>
          </cell>
          <cell r="Z364">
            <v>39021</v>
          </cell>
          <cell r="AA364">
            <v>1120</v>
          </cell>
          <cell r="AB364" t="str">
            <v>交通局５階入札室</v>
          </cell>
          <cell r="AD364" t="str">
            <v>平成18年10月31日(火)　11時20分</v>
          </cell>
          <cell r="AI364">
            <v>3</v>
          </cell>
          <cell r="AJ364" t="str">
            <v>㈱オービーディー</v>
          </cell>
          <cell r="AK364" t="str">
            <v>（協業）公清企業</v>
          </cell>
          <cell r="AL364" t="str">
            <v>パイプ技研工業（株）</v>
          </cell>
          <cell r="AU364" t="str">
            <v>省略可</v>
          </cell>
          <cell r="AW364">
            <v>320250</v>
          </cell>
          <cell r="AX364">
            <v>1</v>
          </cell>
          <cell r="AY364" t="str">
            <v>㈱オービーディー</v>
          </cell>
          <cell r="AZ364">
            <v>120000</v>
          </cell>
          <cell r="BA364">
            <v>126000</v>
          </cell>
          <cell r="BB364">
            <v>6000</v>
          </cell>
          <cell r="BC364" t="str">
            <v>請書</v>
          </cell>
          <cell r="BE364">
            <v>39022</v>
          </cell>
          <cell r="BF364" t="str">
            <v>しない</v>
          </cell>
          <cell r="BG364" t="str">
            <v>見積</v>
          </cell>
          <cell r="BH364">
            <v>0.39344262295081966</v>
          </cell>
          <cell r="BK364">
            <v>305000</v>
          </cell>
          <cell r="BL364" t="str">
            <v xml:space="preserve"> </v>
          </cell>
          <cell r="BM364">
            <v>194250</v>
          </cell>
          <cell r="BN364">
            <v>0.39344262295081966</v>
          </cell>
        </row>
        <row r="365">
          <cell r="A365">
            <v>7113</v>
          </cell>
          <cell r="B365" t="str">
            <v>業務委託</v>
          </cell>
          <cell r="C365" t="str">
            <v>３１０２編成車体補修業務</v>
          </cell>
          <cell r="D365">
            <v>39009</v>
          </cell>
          <cell r="E365" t="str">
            <v>特命</v>
          </cell>
          <cell r="G365">
            <v>270900</v>
          </cell>
          <cell r="I365">
            <v>1</v>
          </cell>
          <cell r="J365" t="str">
            <v>式</v>
          </cell>
          <cell r="K365" t="str">
            <v/>
          </cell>
          <cell r="L365">
            <v>270900</v>
          </cell>
          <cell r="M365" t="str">
            <v>特命</v>
          </cell>
          <cell r="N365" t="str">
            <v>高・営</v>
          </cell>
          <cell r="O365">
            <v>39016</v>
          </cell>
          <cell r="P365">
            <v>39051</v>
          </cell>
          <cell r="Q365" t="str">
            <v>壱</v>
          </cell>
          <cell r="R365" t="str">
            <v>無</v>
          </cell>
          <cell r="S365" t="str">
            <v>車両課(真駒内)</v>
          </cell>
          <cell r="T365" t="str">
            <v>鈴木　靖広</v>
          </cell>
          <cell r="U365">
            <v>8315</v>
          </cell>
          <cell r="V365" t="str">
            <v>課長</v>
          </cell>
          <cell r="W365" t="str">
            <v>なか１日</v>
          </cell>
          <cell r="X365" t="str">
            <v>特命</v>
          </cell>
          <cell r="Y365">
            <v>39014</v>
          </cell>
          <cell r="Z365">
            <v>39015</v>
          </cell>
          <cell r="AA365">
            <v>1430</v>
          </cell>
          <cell r="AB365" t="str">
            <v>交通局３階総務課（契約担当）</v>
          </cell>
          <cell r="AD365" t="str">
            <v>平成18年10月25日(水)　14時30分</v>
          </cell>
          <cell r="AI365">
            <v>1</v>
          </cell>
          <cell r="AJ365" t="str">
            <v>札幌交通機械（株）</v>
          </cell>
          <cell r="AU365" t="str">
            <v>省略可</v>
          </cell>
          <cell r="AW365">
            <v>270900</v>
          </cell>
          <cell r="AX365">
            <v>1</v>
          </cell>
          <cell r="AY365" t="str">
            <v>札幌交通機械（株）</v>
          </cell>
          <cell r="AZ365">
            <v>255000</v>
          </cell>
          <cell r="BA365">
            <v>267750</v>
          </cell>
          <cell r="BB365">
            <v>12750</v>
          </cell>
          <cell r="BC365" t="str">
            <v>請書</v>
          </cell>
          <cell r="BE365">
            <v>39016</v>
          </cell>
          <cell r="BF365" t="str">
            <v>しない</v>
          </cell>
          <cell r="BG365" t="str">
            <v>見積</v>
          </cell>
          <cell r="BH365">
            <v>0.98837209302325579</v>
          </cell>
          <cell r="BK365">
            <v>258000</v>
          </cell>
          <cell r="BL365" t="str">
            <v xml:space="preserve"> </v>
          </cell>
          <cell r="BM365">
            <v>3150</v>
          </cell>
          <cell r="BN365">
            <v>0.98837209302325579</v>
          </cell>
        </row>
        <row r="366">
          <cell r="A366">
            <v>1199</v>
          </cell>
          <cell r="B366" t="str">
            <v>物品購入</v>
          </cell>
          <cell r="C366" t="str">
            <v>空気圧縮装置　他</v>
          </cell>
          <cell r="D366">
            <v>39010</v>
          </cell>
          <cell r="G366">
            <v>9478350</v>
          </cell>
          <cell r="I366">
            <v>1</v>
          </cell>
          <cell r="J366" t="str">
            <v>式</v>
          </cell>
          <cell r="K366" t="str">
            <v/>
          </cell>
          <cell r="L366">
            <v>9478350</v>
          </cell>
          <cell r="M366" t="str">
            <v>入札</v>
          </cell>
          <cell r="N366" t="str">
            <v>高・建改</v>
          </cell>
          <cell r="P366">
            <v>39150</v>
          </cell>
          <cell r="Q366" t="str">
            <v>壱</v>
          </cell>
          <cell r="R366" t="str">
            <v>無</v>
          </cell>
          <cell r="S366" t="str">
            <v>車両課(真駒内)</v>
          </cell>
          <cell r="T366" t="str">
            <v>四栗　政広</v>
          </cell>
          <cell r="U366">
            <v>8307</v>
          </cell>
          <cell r="V366" t="str">
            <v>部長</v>
          </cell>
          <cell r="W366" t="str">
            <v>なか５日</v>
          </cell>
          <cell r="X366" t="str">
            <v>入札</v>
          </cell>
          <cell r="Y366">
            <v>39022</v>
          </cell>
          <cell r="Z366">
            <v>39023</v>
          </cell>
          <cell r="AA366">
            <v>1400</v>
          </cell>
          <cell r="AB366" t="str">
            <v>交通局５階入札室</v>
          </cell>
          <cell r="AD366" t="str">
            <v>平成18年11月2日(木)　14時00分</v>
          </cell>
          <cell r="AE366" t="str">
            <v>卸小売業</v>
          </cell>
          <cell r="AF366" t="str">
            <v>電気機械器具卸小売業</v>
          </cell>
          <cell r="AG366" t="str">
            <v>その他電気機械器具</v>
          </cell>
          <cell r="AH366" t="str">
            <v>A</v>
          </cell>
          <cell r="AI366">
            <v>4</v>
          </cell>
          <cell r="AJ366" t="str">
            <v>石垣電材（株）</v>
          </cell>
          <cell r="AK366" t="str">
            <v>（株）エミヤ</v>
          </cell>
          <cell r="AL366" t="str">
            <v>（株）北海道日立</v>
          </cell>
          <cell r="AM366" t="str">
            <v>理興産業（株）</v>
          </cell>
          <cell r="AU366" t="str">
            <v>要</v>
          </cell>
          <cell r="AV366">
            <v>8936000</v>
          </cell>
          <cell r="AW366">
            <v>9382800</v>
          </cell>
          <cell r="AX366">
            <v>1.0080868505594309E-2</v>
          </cell>
          <cell r="AY366" t="str">
            <v>理興産業（株）</v>
          </cell>
          <cell r="AZ366">
            <v>8550000</v>
          </cell>
          <cell r="BA366">
            <v>8977500</v>
          </cell>
          <cell r="BB366">
            <v>427500</v>
          </cell>
          <cell r="BC366" t="str">
            <v>契約書</v>
          </cell>
          <cell r="BE366">
            <v>39027</v>
          </cell>
          <cell r="BF366" t="str">
            <v>する</v>
          </cell>
          <cell r="BG366" t="str">
            <v>入  札</v>
          </cell>
          <cell r="BH366">
            <v>0.95680393912264994</v>
          </cell>
          <cell r="BK366">
            <v>9027000</v>
          </cell>
          <cell r="BL366" t="str">
            <v xml:space="preserve"> </v>
          </cell>
          <cell r="BM366">
            <v>500850</v>
          </cell>
          <cell r="BN366">
            <v>0.94715852442671988</v>
          </cell>
        </row>
        <row r="367">
          <cell r="A367">
            <v>7114</v>
          </cell>
          <cell r="B367" t="str">
            <v>業務委託</v>
          </cell>
          <cell r="C367" t="str">
            <v>栄町変電所デジタルリレーオーバーホール</v>
          </cell>
          <cell r="D367">
            <v>39010</v>
          </cell>
          <cell r="E367" t="str">
            <v>特命</v>
          </cell>
          <cell r="G367">
            <v>1433250</v>
          </cell>
          <cell r="I367">
            <v>1</v>
          </cell>
          <cell r="J367" t="str">
            <v>式</v>
          </cell>
          <cell r="K367" t="str">
            <v/>
          </cell>
          <cell r="L367">
            <v>1433250</v>
          </cell>
          <cell r="M367" t="str">
            <v>特命</v>
          </cell>
          <cell r="N367" t="str">
            <v>高・営</v>
          </cell>
          <cell r="O367">
            <v>39022</v>
          </cell>
          <cell r="P367">
            <v>39071</v>
          </cell>
          <cell r="Q367" t="str">
            <v>壱</v>
          </cell>
          <cell r="R367" t="str">
            <v>無</v>
          </cell>
          <cell r="S367" t="str">
            <v>電気課</v>
          </cell>
          <cell r="T367" t="str">
            <v>大野　昇</v>
          </cell>
          <cell r="U367">
            <v>2623</v>
          </cell>
          <cell r="V367" t="str">
            <v>部長</v>
          </cell>
          <cell r="W367" t="str">
            <v>なか１日</v>
          </cell>
          <cell r="X367" t="str">
            <v>特命</v>
          </cell>
          <cell r="Y367">
            <v>39016</v>
          </cell>
          <cell r="Z367">
            <v>39017</v>
          </cell>
          <cell r="AA367">
            <v>1400</v>
          </cell>
          <cell r="AB367" t="str">
            <v>交通局３階総務課（契約担当）</v>
          </cell>
          <cell r="AD367" t="str">
            <v>平成18年10月27日(金)　14時00分</v>
          </cell>
          <cell r="AI367">
            <v>1</v>
          </cell>
          <cell r="AJ367" t="str">
            <v>（株）明電舎北海道支店</v>
          </cell>
          <cell r="AU367" t="str">
            <v>要</v>
          </cell>
          <cell r="AV367">
            <v>1351000</v>
          </cell>
          <cell r="AW367">
            <v>1418550</v>
          </cell>
          <cell r="AX367">
            <v>1.025641025641022E-2</v>
          </cell>
          <cell r="AY367" t="str">
            <v>（株）明電舎北海道支店</v>
          </cell>
          <cell r="AZ367">
            <v>1300000</v>
          </cell>
          <cell r="BA367">
            <v>1365000</v>
          </cell>
          <cell r="BB367">
            <v>65000</v>
          </cell>
          <cell r="BC367" t="str">
            <v>契約書</v>
          </cell>
          <cell r="BE367">
            <v>39021</v>
          </cell>
          <cell r="BF367" t="str">
            <v>しない</v>
          </cell>
          <cell r="BG367" t="str">
            <v>見積</v>
          </cell>
          <cell r="BH367">
            <v>0.96225018504811255</v>
          </cell>
          <cell r="BK367">
            <v>1365000</v>
          </cell>
          <cell r="BL367" t="str">
            <v xml:space="preserve"> </v>
          </cell>
          <cell r="BM367">
            <v>68250</v>
          </cell>
          <cell r="BN367">
            <v>0.95238095238095233</v>
          </cell>
        </row>
        <row r="368">
          <cell r="A368">
            <v>7115</v>
          </cell>
          <cell r="B368" t="str">
            <v>業務委託</v>
          </cell>
          <cell r="C368" t="str">
            <v>空調機修理（三菱製）</v>
          </cell>
          <cell r="D368">
            <v>39013</v>
          </cell>
          <cell r="E368" t="str">
            <v>特命</v>
          </cell>
          <cell r="G368">
            <v>960750</v>
          </cell>
          <cell r="I368">
            <v>1</v>
          </cell>
          <cell r="J368" t="str">
            <v>式</v>
          </cell>
          <cell r="K368" t="str">
            <v/>
          </cell>
          <cell r="L368">
            <v>960750</v>
          </cell>
          <cell r="M368" t="str">
            <v>特命</v>
          </cell>
          <cell r="N368" t="str">
            <v>高・営</v>
          </cell>
          <cell r="O368">
            <v>39027</v>
          </cell>
          <cell r="P368">
            <v>39052</v>
          </cell>
          <cell r="Q368" t="str">
            <v>壱</v>
          </cell>
          <cell r="R368" t="str">
            <v>無</v>
          </cell>
          <cell r="S368" t="str">
            <v>施設課</v>
          </cell>
          <cell r="T368" t="str">
            <v>北川　博教</v>
          </cell>
          <cell r="U368">
            <v>2528</v>
          </cell>
          <cell r="V368" t="str">
            <v>部長</v>
          </cell>
          <cell r="W368" t="str">
            <v>なか１日</v>
          </cell>
          <cell r="X368" t="str">
            <v>特命</v>
          </cell>
          <cell r="Y368">
            <v>39017</v>
          </cell>
          <cell r="Z368">
            <v>39021</v>
          </cell>
          <cell r="AA368">
            <v>1430</v>
          </cell>
          <cell r="AB368" t="str">
            <v>交通局３階総務課（契約担当）</v>
          </cell>
          <cell r="AD368" t="str">
            <v>平成18年10月31日(火)　14時30分</v>
          </cell>
          <cell r="AI368">
            <v>1</v>
          </cell>
          <cell r="AJ368" t="str">
            <v>三菱電機ビルテクノサービス（株）北海道支社</v>
          </cell>
          <cell r="AU368" t="str">
            <v>省略可</v>
          </cell>
          <cell r="AW368">
            <v>960750</v>
          </cell>
          <cell r="AX368">
            <v>1</v>
          </cell>
          <cell r="AY368" t="str">
            <v>三菱電機ビルテクノサービス（株）北海道支社</v>
          </cell>
          <cell r="AZ368">
            <v>900000</v>
          </cell>
          <cell r="BA368">
            <v>945000</v>
          </cell>
          <cell r="BB368">
            <v>45000</v>
          </cell>
          <cell r="BC368" t="str">
            <v>契約書</v>
          </cell>
          <cell r="BE368">
            <v>39023</v>
          </cell>
          <cell r="BF368" t="str">
            <v>しない</v>
          </cell>
          <cell r="BG368" t="str">
            <v>見積</v>
          </cell>
          <cell r="BH368">
            <v>0.98360655737704916</v>
          </cell>
          <cell r="BK368">
            <v>915000</v>
          </cell>
          <cell r="BL368" t="str">
            <v xml:space="preserve"> </v>
          </cell>
          <cell r="BM368">
            <v>15750</v>
          </cell>
          <cell r="BN368">
            <v>0.98360655737704916</v>
          </cell>
        </row>
        <row r="369">
          <cell r="A369">
            <v>7116</v>
          </cell>
          <cell r="B369" t="str">
            <v>業務委託</v>
          </cell>
          <cell r="C369" t="str">
            <v>東豊線防災集中監視装置オーバーホール</v>
          </cell>
          <cell r="D369">
            <v>39013</v>
          </cell>
          <cell r="E369" t="str">
            <v>特命</v>
          </cell>
          <cell r="G369">
            <v>2961000</v>
          </cell>
          <cell r="I369">
            <v>1</v>
          </cell>
          <cell r="J369" t="str">
            <v>式</v>
          </cell>
          <cell r="K369" t="str">
            <v/>
          </cell>
          <cell r="L369">
            <v>2961000</v>
          </cell>
          <cell r="M369" t="str">
            <v>特命</v>
          </cell>
          <cell r="N369" t="str">
            <v>高・営</v>
          </cell>
          <cell r="O369">
            <v>39023</v>
          </cell>
          <cell r="P369">
            <v>39157</v>
          </cell>
          <cell r="Q369" t="str">
            <v>壱</v>
          </cell>
          <cell r="R369" t="str">
            <v>無</v>
          </cell>
          <cell r="S369" t="str">
            <v>施設課</v>
          </cell>
          <cell r="T369" t="str">
            <v>千葉　淑弘</v>
          </cell>
          <cell r="U369">
            <v>2529</v>
          </cell>
          <cell r="V369" t="str">
            <v>管理者</v>
          </cell>
          <cell r="W369" t="str">
            <v>なか１日</v>
          </cell>
          <cell r="X369" t="str">
            <v>特命</v>
          </cell>
          <cell r="Y369">
            <v>39020</v>
          </cell>
          <cell r="Z369">
            <v>39022</v>
          </cell>
          <cell r="AA369">
            <v>1400</v>
          </cell>
          <cell r="AB369" t="str">
            <v>交通局３階総務課（契約担当）</v>
          </cell>
          <cell r="AD369" t="str">
            <v>平成18年11月1日(水)　14時00分</v>
          </cell>
          <cell r="AI369">
            <v>1</v>
          </cell>
          <cell r="AJ369" t="str">
            <v>富士通サポートアンドサービス（株）北海道支社</v>
          </cell>
          <cell r="AU369" t="str">
            <v>要</v>
          </cell>
          <cell r="AV369">
            <v>2790000</v>
          </cell>
          <cell r="AW369">
            <v>2929500</v>
          </cell>
          <cell r="AX369">
            <v>1.0638297872340385E-2</v>
          </cell>
          <cell r="AY369" t="str">
            <v>富士通サポートアンドサービス（株）北海道支社</v>
          </cell>
          <cell r="AZ369">
            <v>2750000</v>
          </cell>
          <cell r="BA369">
            <v>2887500</v>
          </cell>
          <cell r="BB369">
            <v>137500</v>
          </cell>
          <cell r="BC369" t="str">
            <v>契約書</v>
          </cell>
          <cell r="BE369">
            <v>39023</v>
          </cell>
          <cell r="BF369" t="str">
            <v>しない</v>
          </cell>
          <cell r="BG369" t="str">
            <v>見積</v>
          </cell>
          <cell r="BH369">
            <v>0.98566308243727596</v>
          </cell>
          <cell r="BK369">
            <v>2820000</v>
          </cell>
          <cell r="BL369" t="str">
            <v xml:space="preserve"> </v>
          </cell>
          <cell r="BM369">
            <v>73500</v>
          </cell>
          <cell r="BN369">
            <v>0.97517730496453903</v>
          </cell>
        </row>
        <row r="370">
          <cell r="A370">
            <v>7117</v>
          </cell>
          <cell r="B370" t="str">
            <v>業務委託</v>
          </cell>
          <cell r="C370" t="str">
            <v>南車両基地牽引車定期点検整備</v>
          </cell>
          <cell r="D370">
            <v>39010</v>
          </cell>
          <cell r="G370">
            <v>1144500</v>
          </cell>
          <cell r="I370">
            <v>1</v>
          </cell>
          <cell r="J370" t="str">
            <v>式</v>
          </cell>
          <cell r="K370" t="str">
            <v/>
          </cell>
          <cell r="L370">
            <v>1144500</v>
          </cell>
          <cell r="M370" t="str">
            <v>入札</v>
          </cell>
          <cell r="N370" t="str">
            <v>高・営</v>
          </cell>
          <cell r="O370">
            <v>39027</v>
          </cell>
          <cell r="P370">
            <v>39071</v>
          </cell>
          <cell r="Q370" t="str">
            <v>壱</v>
          </cell>
          <cell r="R370" t="str">
            <v>無</v>
          </cell>
          <cell r="S370" t="str">
            <v>車両課(真駒内)</v>
          </cell>
          <cell r="T370" t="str">
            <v>遠藤　順一</v>
          </cell>
          <cell r="U370">
            <v>8313</v>
          </cell>
          <cell r="V370" t="str">
            <v>部長</v>
          </cell>
          <cell r="W370" t="str">
            <v>なか１日</v>
          </cell>
          <cell r="X370" t="str">
            <v>入札</v>
          </cell>
          <cell r="Y370">
            <v>39016</v>
          </cell>
          <cell r="Z370">
            <v>39023</v>
          </cell>
          <cell r="AA370">
            <v>1410</v>
          </cell>
          <cell r="AB370" t="str">
            <v>交通局５階入札室</v>
          </cell>
          <cell r="AD370" t="str">
            <v>平成18年11月2日(木)　14時10分</v>
          </cell>
          <cell r="AE370" t="str">
            <v>サービス業</v>
          </cell>
          <cell r="AF370" t="str">
            <v>車両整備業</v>
          </cell>
          <cell r="AG370" t="str">
            <v>特殊車両整備業</v>
          </cell>
          <cell r="AH370" t="str">
            <v>-</v>
          </cell>
          <cell r="AI370">
            <v>3</v>
          </cell>
          <cell r="AJ370" t="str">
            <v>札幌川重車両エンジニアリング（株）</v>
          </cell>
          <cell r="AK370" t="str">
            <v>札幌交通機械（株）</v>
          </cell>
          <cell r="AL370" t="str">
            <v>（株）北海特車サービス</v>
          </cell>
          <cell r="AU370" t="str">
            <v>要</v>
          </cell>
          <cell r="AV370">
            <v>1070000</v>
          </cell>
          <cell r="AW370">
            <v>1123500</v>
          </cell>
          <cell r="AX370">
            <v>1.834862385321101E-2</v>
          </cell>
          <cell r="AY370" t="str">
            <v>札幌交通機械（株）</v>
          </cell>
          <cell r="AZ370">
            <v>1040000</v>
          </cell>
          <cell r="BA370">
            <v>1092000</v>
          </cell>
          <cell r="BB370">
            <v>52000</v>
          </cell>
          <cell r="BC370" t="str">
            <v>契約書</v>
          </cell>
          <cell r="BE370">
            <v>39027</v>
          </cell>
          <cell r="BF370" t="str">
            <v>しない</v>
          </cell>
          <cell r="BG370" t="str">
            <v>入  札</v>
          </cell>
          <cell r="BH370">
            <v>0.9719626168224299</v>
          </cell>
          <cell r="BK370">
            <v>1090000</v>
          </cell>
          <cell r="BL370" t="str">
            <v xml:space="preserve"> </v>
          </cell>
          <cell r="BM370">
            <v>52500</v>
          </cell>
          <cell r="BN370">
            <v>0.95412844036697253</v>
          </cell>
        </row>
        <row r="371">
          <cell r="A371">
            <v>7118</v>
          </cell>
          <cell r="B371" t="str">
            <v>業務委託</v>
          </cell>
          <cell r="C371" t="str">
            <v>南北線３０００形車両ＳＩＶコンデンサーボルト交換業務</v>
          </cell>
          <cell r="D371">
            <v>39013</v>
          </cell>
          <cell r="E371" t="str">
            <v>特命</v>
          </cell>
          <cell r="G371">
            <v>157500</v>
          </cell>
          <cell r="I371">
            <v>1</v>
          </cell>
          <cell r="J371" t="str">
            <v>式</v>
          </cell>
          <cell r="K371" t="str">
            <v/>
          </cell>
          <cell r="L371">
            <v>157500</v>
          </cell>
          <cell r="M371" t="str">
            <v>特命</v>
          </cell>
          <cell r="N371" t="str">
            <v>高・営</v>
          </cell>
          <cell r="O371">
            <v>39023</v>
          </cell>
          <cell r="P371">
            <v>39066</v>
          </cell>
          <cell r="Q371" t="str">
            <v>壱</v>
          </cell>
          <cell r="R371" t="str">
            <v>無</v>
          </cell>
          <cell r="S371" t="str">
            <v>車両課(真駒内)</v>
          </cell>
          <cell r="T371" t="str">
            <v>小関　克美</v>
          </cell>
          <cell r="U371">
            <v>8304</v>
          </cell>
          <cell r="V371" t="str">
            <v>課長</v>
          </cell>
          <cell r="W371" t="str">
            <v>なか１日</v>
          </cell>
          <cell r="X371" t="str">
            <v>特命</v>
          </cell>
          <cell r="Y371">
            <v>39016</v>
          </cell>
          <cell r="Z371">
            <v>39021</v>
          </cell>
          <cell r="AA371">
            <v>1500</v>
          </cell>
          <cell r="AB371" t="str">
            <v>交通局３階総務課（契約担当）</v>
          </cell>
          <cell r="AD371" t="str">
            <v>平成18年10月31日(火)　15時00分</v>
          </cell>
          <cell r="AI371">
            <v>1</v>
          </cell>
          <cell r="AJ371" t="str">
            <v>北都電機（株）</v>
          </cell>
          <cell r="AU371" t="str">
            <v>省略可</v>
          </cell>
          <cell r="AW371">
            <v>157500</v>
          </cell>
          <cell r="AX371">
            <v>1</v>
          </cell>
          <cell r="AY371" t="str">
            <v>北都電機（株）</v>
          </cell>
          <cell r="AZ371">
            <v>150000</v>
          </cell>
          <cell r="BA371">
            <v>157500</v>
          </cell>
          <cell r="BB371">
            <v>7500</v>
          </cell>
          <cell r="BC371" t="str">
            <v>請書</v>
          </cell>
          <cell r="BE371">
            <v>39022</v>
          </cell>
          <cell r="BF371" t="str">
            <v>しない</v>
          </cell>
          <cell r="BG371" t="str">
            <v>見積</v>
          </cell>
          <cell r="BH371">
            <v>1</v>
          </cell>
          <cell r="BK371">
            <v>150000</v>
          </cell>
          <cell r="BL371" t="str">
            <v xml:space="preserve"> </v>
          </cell>
          <cell r="BM371">
            <v>0</v>
          </cell>
          <cell r="BN371">
            <v>1</v>
          </cell>
        </row>
        <row r="372">
          <cell r="A372">
            <v>7119</v>
          </cell>
          <cell r="B372" t="str">
            <v>業務委託</v>
          </cell>
          <cell r="C372" t="str">
            <v>自動回送用ＣＰＵシステム</v>
          </cell>
          <cell r="D372">
            <v>39013</v>
          </cell>
          <cell r="E372" t="str">
            <v>特命</v>
          </cell>
          <cell r="G372">
            <v>1193850</v>
          </cell>
          <cell r="I372">
            <v>1</v>
          </cell>
          <cell r="J372" t="str">
            <v>式</v>
          </cell>
          <cell r="K372" t="str">
            <v/>
          </cell>
          <cell r="L372">
            <v>1193850</v>
          </cell>
          <cell r="M372" t="str">
            <v>特命</v>
          </cell>
          <cell r="N372" t="str">
            <v>高・営</v>
          </cell>
          <cell r="O372">
            <v>39023</v>
          </cell>
          <cell r="P372">
            <v>39059</v>
          </cell>
          <cell r="Q372" t="str">
            <v>壱</v>
          </cell>
          <cell r="R372" t="str">
            <v>無</v>
          </cell>
          <cell r="S372" t="str">
            <v>車両課(大谷地)</v>
          </cell>
          <cell r="T372" t="str">
            <v>高橋　克典</v>
          </cell>
          <cell r="U372">
            <v>8414</v>
          </cell>
          <cell r="V372" t="str">
            <v>部長</v>
          </cell>
          <cell r="W372" t="str">
            <v>なか１日</v>
          </cell>
          <cell r="X372" t="str">
            <v>特命</v>
          </cell>
          <cell r="Y372">
            <v>39017</v>
          </cell>
          <cell r="Z372">
            <v>39021</v>
          </cell>
          <cell r="AA372">
            <v>1530</v>
          </cell>
          <cell r="AB372" t="str">
            <v>交通局３階総務課（契約担当）</v>
          </cell>
          <cell r="AD372" t="str">
            <v>平成18年10月31日(火)　15時30分</v>
          </cell>
          <cell r="AI372">
            <v>1</v>
          </cell>
          <cell r="AJ372" t="str">
            <v>（株）日立エンジニアリングアンドサービス北海道支店</v>
          </cell>
          <cell r="AU372" t="str">
            <v>要</v>
          </cell>
          <cell r="AV372">
            <v>1100000</v>
          </cell>
          <cell r="AW372">
            <v>1155000</v>
          </cell>
          <cell r="AX372">
            <v>3.2541776605101158E-2</v>
          </cell>
          <cell r="AY372" t="str">
            <v>（株）日立エンジニアリングアンドサービス北海道支店</v>
          </cell>
          <cell r="AZ372">
            <v>1100000</v>
          </cell>
          <cell r="BA372">
            <v>1155000</v>
          </cell>
          <cell r="BB372">
            <v>55000</v>
          </cell>
          <cell r="BC372" t="str">
            <v>契約書</v>
          </cell>
          <cell r="BE372">
            <v>39022</v>
          </cell>
          <cell r="BF372" t="str">
            <v>しない</v>
          </cell>
          <cell r="BG372" t="str">
            <v>見積</v>
          </cell>
          <cell r="BH372">
            <v>1</v>
          </cell>
          <cell r="BK372">
            <v>1137000</v>
          </cell>
          <cell r="BL372" t="str">
            <v xml:space="preserve"> </v>
          </cell>
          <cell r="BM372">
            <v>38850</v>
          </cell>
          <cell r="BN372">
            <v>0.96745822339489884</v>
          </cell>
        </row>
        <row r="373">
          <cell r="A373">
            <v>1200</v>
          </cell>
          <cell r="B373" t="str">
            <v>物品購入</v>
          </cell>
          <cell r="C373" t="str">
            <v>横揺緩衝ゴム</v>
          </cell>
          <cell r="D373">
            <v>39013</v>
          </cell>
          <cell r="E373" t="str">
            <v>特命</v>
          </cell>
          <cell r="G373">
            <v>1990128</v>
          </cell>
          <cell r="I373">
            <v>1</v>
          </cell>
          <cell r="J373" t="str">
            <v>式</v>
          </cell>
          <cell r="K373" t="str">
            <v/>
          </cell>
          <cell r="L373">
            <v>1990128</v>
          </cell>
          <cell r="M373" t="str">
            <v>特命</v>
          </cell>
          <cell r="N373" t="str">
            <v>高・営</v>
          </cell>
          <cell r="P373">
            <v>39132</v>
          </cell>
          <cell r="Q373" t="str">
            <v>壱</v>
          </cell>
          <cell r="R373" t="str">
            <v>無</v>
          </cell>
          <cell r="S373" t="str">
            <v>車両課(大谷地)</v>
          </cell>
          <cell r="T373" t="str">
            <v>田島　義雄</v>
          </cell>
          <cell r="U373">
            <v>8417</v>
          </cell>
          <cell r="V373" t="str">
            <v>課長</v>
          </cell>
          <cell r="W373" t="str">
            <v>なか１日</v>
          </cell>
          <cell r="X373" t="str">
            <v>特命</v>
          </cell>
          <cell r="Y373">
            <v>39016</v>
          </cell>
          <cell r="Z373">
            <v>39021</v>
          </cell>
          <cell r="AA373">
            <v>1545</v>
          </cell>
          <cell r="AB373" t="str">
            <v>交通局３階総務課（契約担当）</v>
          </cell>
          <cell r="AD373" t="str">
            <v>平成18年10月31日(火)　15時45分</v>
          </cell>
          <cell r="AI373">
            <v>1</v>
          </cell>
          <cell r="AJ373" t="str">
            <v>札幌川重車両エンジニアリング（株）</v>
          </cell>
          <cell r="AU373" t="str">
            <v>要</v>
          </cell>
          <cell r="AV373">
            <v>1895360</v>
          </cell>
          <cell r="AW373">
            <v>1990128</v>
          </cell>
          <cell r="AX373">
            <v>0</v>
          </cell>
          <cell r="AY373" t="str">
            <v>札幌川重車両エンジニアリング（株）</v>
          </cell>
          <cell r="AZ373">
            <v>1895360</v>
          </cell>
          <cell r="BA373">
            <v>1990128</v>
          </cell>
          <cell r="BB373">
            <v>94768</v>
          </cell>
          <cell r="BC373" t="str">
            <v>契約書</v>
          </cell>
          <cell r="BE373">
            <v>39022</v>
          </cell>
          <cell r="BF373" t="str">
            <v>しない</v>
          </cell>
          <cell r="BG373" t="str">
            <v>見積</v>
          </cell>
          <cell r="BH373">
            <v>1</v>
          </cell>
          <cell r="BK373">
            <v>1895360</v>
          </cell>
          <cell r="BL373" t="str">
            <v xml:space="preserve"> </v>
          </cell>
          <cell r="BM373">
            <v>0</v>
          </cell>
          <cell r="BN373">
            <v>1</v>
          </cell>
        </row>
        <row r="374">
          <cell r="A374">
            <v>7120</v>
          </cell>
          <cell r="B374" t="str">
            <v>業務委託</v>
          </cell>
          <cell r="C374" t="str">
            <v>「券売機用ウィズユーカード」デザイン作成業務</v>
          </cell>
          <cell r="D374">
            <v>39014</v>
          </cell>
          <cell r="E374" t="str">
            <v>特命</v>
          </cell>
          <cell r="G374">
            <v>157500</v>
          </cell>
          <cell r="I374">
            <v>1</v>
          </cell>
          <cell r="J374" t="str">
            <v>式</v>
          </cell>
          <cell r="K374" t="str">
            <v/>
          </cell>
          <cell r="L374">
            <v>157500</v>
          </cell>
          <cell r="M374" t="str">
            <v>特命</v>
          </cell>
          <cell r="N374" t="str">
            <v>高・営</v>
          </cell>
          <cell r="O374">
            <v>39021</v>
          </cell>
          <cell r="P374">
            <v>39023</v>
          </cell>
          <cell r="Q374" t="str">
            <v>壱</v>
          </cell>
          <cell r="R374" t="str">
            <v>無</v>
          </cell>
          <cell r="S374" t="str">
            <v>経営企画課</v>
          </cell>
          <cell r="T374" t="str">
            <v>安藤　友明</v>
          </cell>
          <cell r="U374">
            <v>2115</v>
          </cell>
          <cell r="V374" t="str">
            <v>課長</v>
          </cell>
          <cell r="W374" t="str">
            <v>なか１日</v>
          </cell>
          <cell r="X374" t="str">
            <v>特命</v>
          </cell>
          <cell r="Y374">
            <v>39017</v>
          </cell>
          <cell r="Z374">
            <v>39017</v>
          </cell>
          <cell r="AA374">
            <v>1500</v>
          </cell>
          <cell r="AB374" t="str">
            <v>交通局３階総務課（契約担当）</v>
          </cell>
          <cell r="AD374" t="str">
            <v>平成18年10月27日(金)　15時00分</v>
          </cell>
          <cell r="AI374">
            <v>1</v>
          </cell>
          <cell r="AJ374" t="str">
            <v>（株）北日本広告社札幌営業本部</v>
          </cell>
          <cell r="AU374" t="str">
            <v>省略可</v>
          </cell>
          <cell r="AW374">
            <v>157500</v>
          </cell>
          <cell r="AX374">
            <v>1</v>
          </cell>
          <cell r="AY374" t="str">
            <v>（株）北日本広告社札幌営業本部</v>
          </cell>
          <cell r="AZ374">
            <v>140000</v>
          </cell>
          <cell r="BA374">
            <v>147000</v>
          </cell>
          <cell r="BB374">
            <v>7000</v>
          </cell>
          <cell r="BC374" t="str">
            <v>請書</v>
          </cell>
          <cell r="BE374">
            <v>39021</v>
          </cell>
          <cell r="BF374" t="str">
            <v>しない</v>
          </cell>
          <cell r="BG374" t="str">
            <v>見積</v>
          </cell>
          <cell r="BH374">
            <v>0.93333333333333335</v>
          </cell>
          <cell r="BK374">
            <v>150000</v>
          </cell>
          <cell r="BL374" t="str">
            <v xml:space="preserve"> </v>
          </cell>
          <cell r="BM374">
            <v>10500</v>
          </cell>
          <cell r="BN374">
            <v>0.93333333333333335</v>
          </cell>
        </row>
        <row r="375">
          <cell r="A375">
            <v>7121</v>
          </cell>
          <cell r="B375" t="str">
            <v>業務委託</v>
          </cell>
          <cell r="C375" t="str">
            <v>運行管理漢字ラインプリンター装置改修</v>
          </cell>
          <cell r="D375">
            <v>39015</v>
          </cell>
          <cell r="E375" t="str">
            <v>特命</v>
          </cell>
          <cell r="G375">
            <v>2064665</v>
          </cell>
          <cell r="I375">
            <v>1</v>
          </cell>
          <cell r="J375" t="str">
            <v>式</v>
          </cell>
          <cell r="K375" t="str">
            <v/>
          </cell>
          <cell r="L375">
            <v>2064665</v>
          </cell>
          <cell r="M375" t="str">
            <v>特命</v>
          </cell>
          <cell r="N375" t="str">
            <v>高・営</v>
          </cell>
          <cell r="O375">
            <v>39027</v>
          </cell>
          <cell r="P375">
            <v>39165</v>
          </cell>
          <cell r="Q375" t="str">
            <v>壱</v>
          </cell>
          <cell r="R375" t="str">
            <v>無</v>
          </cell>
          <cell r="S375" t="str">
            <v>電気課</v>
          </cell>
          <cell r="T375" t="str">
            <v>多田　国康</v>
          </cell>
          <cell r="U375">
            <v>2642</v>
          </cell>
          <cell r="V375" t="str">
            <v>管理者</v>
          </cell>
          <cell r="W375" t="str">
            <v>なか１日</v>
          </cell>
          <cell r="X375" t="str">
            <v>特命</v>
          </cell>
          <cell r="Y375">
            <v>39022</v>
          </cell>
          <cell r="Z375">
            <v>39022</v>
          </cell>
          <cell r="AA375">
            <v>1430</v>
          </cell>
          <cell r="AB375" t="str">
            <v>交通局３階総務課（契約担当）</v>
          </cell>
          <cell r="AD375" t="str">
            <v>平成18年11月1日(水)　14時30分</v>
          </cell>
          <cell r="AI375">
            <v>1</v>
          </cell>
          <cell r="AJ375" t="str">
            <v>（株）日立エンジニアリングアンドサービス北海道支店</v>
          </cell>
          <cell r="AU375" t="str">
            <v>要</v>
          </cell>
          <cell r="AV375">
            <v>1946000</v>
          </cell>
          <cell r="AW375">
            <v>2043300</v>
          </cell>
          <cell r="AX375">
            <v>1.0347925692545723E-2</v>
          </cell>
          <cell r="AY375" t="str">
            <v>（株）日立エンジニアリングアンドサービス北海道支店</v>
          </cell>
          <cell r="AZ375">
            <v>1900000</v>
          </cell>
          <cell r="BA375">
            <v>1995000</v>
          </cell>
          <cell r="BB375">
            <v>95000</v>
          </cell>
          <cell r="BC375" t="str">
            <v>契約書</v>
          </cell>
          <cell r="BE375">
            <v>39023</v>
          </cell>
          <cell r="BF375" t="str">
            <v>しない</v>
          </cell>
          <cell r="BG375" t="str">
            <v>見積</v>
          </cell>
          <cell r="BH375">
            <v>0.97636176772867422</v>
          </cell>
          <cell r="BK375">
            <v>1966347.6190476189</v>
          </cell>
          <cell r="BL375" t="str">
            <v xml:space="preserve"> </v>
          </cell>
          <cell r="BM375">
            <v>69665</v>
          </cell>
          <cell r="BN375">
            <v>0.96625844870717525</v>
          </cell>
        </row>
        <row r="376">
          <cell r="A376">
            <v>1201</v>
          </cell>
          <cell r="B376" t="str">
            <v>物品購入</v>
          </cell>
          <cell r="C376" t="str">
            <v>土のう</v>
          </cell>
          <cell r="D376">
            <v>39015</v>
          </cell>
          <cell r="G376">
            <v>1486800</v>
          </cell>
          <cell r="I376">
            <v>1</v>
          </cell>
          <cell r="J376" t="str">
            <v>式</v>
          </cell>
          <cell r="K376" t="str">
            <v/>
          </cell>
          <cell r="L376">
            <v>1486800</v>
          </cell>
          <cell r="M376" t="str">
            <v>公開</v>
          </cell>
          <cell r="N376" t="str">
            <v>高・営</v>
          </cell>
          <cell r="P376">
            <v>39045</v>
          </cell>
          <cell r="Q376" t="str">
            <v>壱</v>
          </cell>
          <cell r="R376" t="str">
            <v>無</v>
          </cell>
          <cell r="S376" t="str">
            <v>業務課</v>
          </cell>
          <cell r="T376" t="str">
            <v>小林　辰士</v>
          </cell>
          <cell r="U376">
            <v>2413</v>
          </cell>
          <cell r="V376" t="str">
            <v>課長</v>
          </cell>
          <cell r="W376" t="str">
            <v>なか１日</v>
          </cell>
          <cell r="X376" t="str">
            <v>公開</v>
          </cell>
          <cell r="Y376">
            <v>39030</v>
          </cell>
          <cell r="Z376">
            <v>39030</v>
          </cell>
          <cell r="AB376" t="str">
            <v>交通局３階総務課（契約担当）</v>
          </cell>
          <cell r="AD376" t="e">
            <v>#VALUE!</v>
          </cell>
          <cell r="AI376">
            <v>3</v>
          </cell>
          <cell r="AJ376" t="str">
            <v>齋田産業（株）北海道営業所</v>
          </cell>
          <cell r="AK376" t="str">
            <v>道央環境（株）</v>
          </cell>
          <cell r="AU376" t="str">
            <v>省略可</v>
          </cell>
          <cell r="AW376">
            <v>1486800</v>
          </cell>
          <cell r="AX376">
            <v>1</v>
          </cell>
          <cell r="AY376" t="str">
            <v>道央環境（株）</v>
          </cell>
          <cell r="AZ376">
            <v>1362900</v>
          </cell>
          <cell r="BA376">
            <v>1431045</v>
          </cell>
          <cell r="BB376">
            <v>68145</v>
          </cell>
          <cell r="BC376" t="str">
            <v>請書</v>
          </cell>
          <cell r="BE376">
            <v>39031</v>
          </cell>
          <cell r="BF376" t="str">
            <v>しない</v>
          </cell>
          <cell r="BG376" t="str">
            <v>見積(公開)</v>
          </cell>
          <cell r="BH376">
            <v>0.96250000000000002</v>
          </cell>
          <cell r="BI376" t="str">
            <v>齊田は管理者名誤りのため無効</v>
          </cell>
          <cell r="BK376">
            <v>1416000</v>
          </cell>
          <cell r="BL376" t="str">
            <v xml:space="preserve"> </v>
          </cell>
          <cell r="BM376">
            <v>55755</v>
          </cell>
          <cell r="BN376">
            <v>0.96250000000000002</v>
          </cell>
        </row>
        <row r="377">
          <cell r="A377">
            <v>1202</v>
          </cell>
          <cell r="B377" t="str">
            <v>物品購入</v>
          </cell>
          <cell r="C377" t="str">
            <v>信号電源用蓄電池</v>
          </cell>
          <cell r="D377">
            <v>39016</v>
          </cell>
          <cell r="E377" t="str">
            <v>特命</v>
          </cell>
          <cell r="G377">
            <v>4798500</v>
          </cell>
          <cell r="I377">
            <v>1</v>
          </cell>
          <cell r="J377" t="str">
            <v>式</v>
          </cell>
          <cell r="K377" t="str">
            <v/>
          </cell>
          <cell r="L377">
            <v>4798500</v>
          </cell>
          <cell r="M377" t="str">
            <v>特命</v>
          </cell>
          <cell r="N377" t="str">
            <v>高・営</v>
          </cell>
          <cell r="P377">
            <v>39157</v>
          </cell>
          <cell r="Q377" t="str">
            <v>壱</v>
          </cell>
          <cell r="R377" t="str">
            <v>無</v>
          </cell>
          <cell r="S377" t="str">
            <v>電気課</v>
          </cell>
          <cell r="T377" t="str">
            <v>平尾　敏文</v>
          </cell>
          <cell r="U377">
            <v>2644</v>
          </cell>
          <cell r="V377" t="str">
            <v>部長</v>
          </cell>
          <cell r="W377" t="str">
            <v>なか１日</v>
          </cell>
          <cell r="X377" t="str">
            <v>特命</v>
          </cell>
          <cell r="Y377">
            <v>39022</v>
          </cell>
          <cell r="Z377">
            <v>39028</v>
          </cell>
          <cell r="AA377">
            <v>1400</v>
          </cell>
          <cell r="AB377" t="str">
            <v>交通局３階総務課（契約担当）</v>
          </cell>
          <cell r="AD377" t="str">
            <v>平成18年11月7日(火)　14時00分</v>
          </cell>
          <cell r="AI377">
            <v>1</v>
          </cell>
          <cell r="AJ377" t="str">
            <v>（株）ジーエス・ユアサパワーサプライ北海道支社</v>
          </cell>
          <cell r="AU377" t="str">
            <v>要</v>
          </cell>
          <cell r="AV377">
            <v>4570000</v>
          </cell>
          <cell r="AW377">
            <v>4798500</v>
          </cell>
          <cell r="AX377">
            <v>0</v>
          </cell>
          <cell r="AY377" t="str">
            <v>（株）ジーエス・ユアサパワーサプライ北海道支社</v>
          </cell>
          <cell r="AZ377">
            <v>4550000</v>
          </cell>
          <cell r="BA377">
            <v>4777500</v>
          </cell>
          <cell r="BB377">
            <v>227500</v>
          </cell>
          <cell r="BC377" t="str">
            <v>契約書</v>
          </cell>
          <cell r="BE377">
            <v>39029</v>
          </cell>
          <cell r="BF377" t="str">
            <v>しない</v>
          </cell>
          <cell r="BG377" t="str">
            <v>見積</v>
          </cell>
          <cell r="BH377">
            <v>0.99562363238512031</v>
          </cell>
          <cell r="BK377">
            <v>4570000</v>
          </cell>
          <cell r="BL377" t="str">
            <v xml:space="preserve"> </v>
          </cell>
          <cell r="BM377">
            <v>21000</v>
          </cell>
          <cell r="BN377">
            <v>0.99562363238512031</v>
          </cell>
        </row>
        <row r="378">
          <cell r="A378">
            <v>1203</v>
          </cell>
          <cell r="B378" t="str">
            <v>物品購入</v>
          </cell>
          <cell r="C378" t="str">
            <v>自動扉開閉装置購入</v>
          </cell>
          <cell r="D378">
            <v>39016</v>
          </cell>
          <cell r="G378">
            <v>1276800</v>
          </cell>
          <cell r="I378">
            <v>1</v>
          </cell>
          <cell r="J378" t="str">
            <v>式</v>
          </cell>
          <cell r="K378" t="str">
            <v/>
          </cell>
          <cell r="L378">
            <v>1276800</v>
          </cell>
          <cell r="M378" t="str">
            <v>公開</v>
          </cell>
          <cell r="N378" t="str">
            <v>高・営</v>
          </cell>
          <cell r="P378">
            <v>39141</v>
          </cell>
          <cell r="Q378" t="str">
            <v>壱</v>
          </cell>
          <cell r="R378" t="str">
            <v>無</v>
          </cell>
          <cell r="S378" t="str">
            <v>車両課(二十四軒)</v>
          </cell>
          <cell r="T378" t="str">
            <v>津谷　謙一</v>
          </cell>
          <cell r="U378">
            <v>8211</v>
          </cell>
          <cell r="V378" t="str">
            <v>課長</v>
          </cell>
          <cell r="W378" t="str">
            <v>なか１日</v>
          </cell>
          <cell r="X378" t="str">
            <v>公開</v>
          </cell>
          <cell r="Y378">
            <v>39023</v>
          </cell>
          <cell r="Z378">
            <v>39023</v>
          </cell>
          <cell r="AB378" t="str">
            <v>交通局３階総務課（契約担当）</v>
          </cell>
          <cell r="AD378" t="e">
            <v>#VALUE!</v>
          </cell>
          <cell r="AI378">
            <v>3</v>
          </cell>
          <cell r="AJ378" t="str">
            <v>ナブコシステム（株）北海道支店</v>
          </cell>
          <cell r="AU378" t="str">
            <v>省略可</v>
          </cell>
          <cell r="AW378">
            <v>1276800</v>
          </cell>
          <cell r="AX378">
            <v>1</v>
          </cell>
          <cell r="AY378" t="str">
            <v>ナブコシステム（株）北海道支店</v>
          </cell>
          <cell r="AZ378">
            <v>938000</v>
          </cell>
          <cell r="BA378">
            <v>984900</v>
          </cell>
          <cell r="BB378">
            <v>46900</v>
          </cell>
          <cell r="BC378" t="str">
            <v>請書</v>
          </cell>
          <cell r="BE378">
            <v>39028</v>
          </cell>
          <cell r="BF378" t="str">
            <v>しない</v>
          </cell>
          <cell r="BG378" t="str">
            <v>見積(公開)</v>
          </cell>
          <cell r="BH378">
            <v>0.77138157894736847</v>
          </cell>
          <cell r="BK378">
            <v>1216000</v>
          </cell>
          <cell r="BL378" t="str">
            <v xml:space="preserve"> </v>
          </cell>
          <cell r="BM378">
            <v>291900</v>
          </cell>
          <cell r="BN378">
            <v>0.77138157894736847</v>
          </cell>
        </row>
        <row r="379">
          <cell r="A379">
            <v>1204</v>
          </cell>
          <cell r="B379" t="str">
            <v>物品購入</v>
          </cell>
          <cell r="C379" t="str">
            <v>東豊線変電所他デジタルリレー電源装置</v>
          </cell>
          <cell r="D379">
            <v>39016</v>
          </cell>
          <cell r="E379" t="str">
            <v>特命</v>
          </cell>
          <cell r="G379">
            <v>10674300</v>
          </cell>
          <cell r="I379">
            <v>1</v>
          </cell>
          <cell r="J379" t="str">
            <v>式</v>
          </cell>
          <cell r="K379" t="str">
            <v/>
          </cell>
          <cell r="L379">
            <v>10674300</v>
          </cell>
          <cell r="M379" t="str">
            <v>特命</v>
          </cell>
          <cell r="N379" t="str">
            <v>高・営</v>
          </cell>
          <cell r="P379">
            <v>39141</v>
          </cell>
          <cell r="Q379" t="str">
            <v>壱</v>
          </cell>
          <cell r="R379" t="str">
            <v>無</v>
          </cell>
          <cell r="S379" t="str">
            <v>電気課</v>
          </cell>
          <cell r="T379" t="str">
            <v>田中　敏雄</v>
          </cell>
          <cell r="U379">
            <v>2628</v>
          </cell>
          <cell r="V379" t="str">
            <v>管理者</v>
          </cell>
          <cell r="W379" t="str">
            <v>なか５日</v>
          </cell>
          <cell r="X379" t="str">
            <v>特命</v>
          </cell>
          <cell r="Y379">
            <v>39027</v>
          </cell>
          <cell r="Z379">
            <v>39028</v>
          </cell>
          <cell r="AA379">
            <v>1430</v>
          </cell>
          <cell r="AB379" t="str">
            <v>交通局３階総務課（契約担当）</v>
          </cell>
          <cell r="AD379" t="str">
            <v>平成18年11月7日(火)　14時30分</v>
          </cell>
          <cell r="AI379">
            <v>1</v>
          </cell>
          <cell r="AJ379" t="str">
            <v>三菱電機（株）北海道支社</v>
          </cell>
          <cell r="AU379" t="str">
            <v>要</v>
          </cell>
          <cell r="AV379">
            <v>10080000</v>
          </cell>
          <cell r="AW379">
            <v>10584000</v>
          </cell>
          <cell r="AX379">
            <v>8.4595711194176415E-3</v>
          </cell>
          <cell r="AY379" t="str">
            <v>三菱電機（株）北海道支社</v>
          </cell>
          <cell r="AZ379">
            <v>9600000</v>
          </cell>
          <cell r="BA379">
            <v>10080000</v>
          </cell>
          <cell r="BB379">
            <v>480000</v>
          </cell>
          <cell r="BC379" t="str">
            <v>契約書</v>
          </cell>
          <cell r="BE379">
            <v>39029</v>
          </cell>
          <cell r="BF379" t="str">
            <v>しない</v>
          </cell>
          <cell r="BG379" t="str">
            <v>見積</v>
          </cell>
          <cell r="BH379">
            <v>0.95238095238095233</v>
          </cell>
          <cell r="BK379">
            <v>10166000</v>
          </cell>
          <cell r="BL379" t="str">
            <v xml:space="preserve"> </v>
          </cell>
          <cell r="BM379">
            <v>594300</v>
          </cell>
          <cell r="BN379">
            <v>0.94432421798150701</v>
          </cell>
        </row>
        <row r="380">
          <cell r="A380">
            <v>7122</v>
          </cell>
          <cell r="B380" t="str">
            <v>業務委託</v>
          </cell>
          <cell r="C380" t="str">
            <v>予備台車整備業務</v>
          </cell>
          <cell r="D380">
            <v>39016</v>
          </cell>
          <cell r="E380" t="str">
            <v>特命</v>
          </cell>
          <cell r="G380">
            <v>855750</v>
          </cell>
          <cell r="I380">
            <v>1</v>
          </cell>
          <cell r="J380" t="str">
            <v>式</v>
          </cell>
          <cell r="K380" t="str">
            <v/>
          </cell>
          <cell r="L380">
            <v>855750</v>
          </cell>
          <cell r="M380" t="str">
            <v>特命</v>
          </cell>
          <cell r="N380" t="str">
            <v>高・営</v>
          </cell>
          <cell r="O380">
            <v>39029</v>
          </cell>
          <cell r="P380">
            <v>39121</v>
          </cell>
          <cell r="Q380" t="str">
            <v>壱</v>
          </cell>
          <cell r="R380" t="str">
            <v>無</v>
          </cell>
          <cell r="S380" t="str">
            <v>車両課(真駒内)</v>
          </cell>
          <cell r="T380" t="str">
            <v>茂呂　泰伸</v>
          </cell>
          <cell r="U380">
            <v>8318</v>
          </cell>
          <cell r="V380" t="str">
            <v>部長</v>
          </cell>
          <cell r="W380" t="str">
            <v>なか１日</v>
          </cell>
          <cell r="X380" t="str">
            <v>特命</v>
          </cell>
          <cell r="Y380">
            <v>39022</v>
          </cell>
          <cell r="Z380">
            <v>39028</v>
          </cell>
          <cell r="AA380">
            <v>1500</v>
          </cell>
          <cell r="AB380" t="str">
            <v>交通局３階総務課（契約担当）</v>
          </cell>
          <cell r="AD380" t="str">
            <v>平成18年11月7日(火)　15時00分</v>
          </cell>
          <cell r="AI380">
            <v>1</v>
          </cell>
          <cell r="AJ380" t="str">
            <v>札幌交通機械（株）</v>
          </cell>
          <cell r="AU380" t="str">
            <v>省略可</v>
          </cell>
          <cell r="AW380">
            <v>855750</v>
          </cell>
          <cell r="AX380">
            <v>1</v>
          </cell>
          <cell r="AY380" t="str">
            <v>札幌交通機械（株）</v>
          </cell>
          <cell r="AZ380">
            <v>815000</v>
          </cell>
          <cell r="BA380">
            <v>855750</v>
          </cell>
          <cell r="BB380">
            <v>40750</v>
          </cell>
          <cell r="BC380" t="str">
            <v>契約書</v>
          </cell>
          <cell r="BE380">
            <v>39029</v>
          </cell>
          <cell r="BF380" t="str">
            <v>しない</v>
          </cell>
          <cell r="BG380" t="str">
            <v>見積</v>
          </cell>
          <cell r="BH380">
            <v>1</v>
          </cell>
          <cell r="BK380">
            <v>815000</v>
          </cell>
          <cell r="BL380" t="str">
            <v xml:space="preserve"> </v>
          </cell>
          <cell r="BM380">
            <v>0</v>
          </cell>
          <cell r="BN380">
            <v>1</v>
          </cell>
        </row>
        <row r="381">
          <cell r="A381">
            <v>7123</v>
          </cell>
          <cell r="B381" t="str">
            <v>業務委託</v>
          </cell>
          <cell r="C381" t="str">
            <v>東車両基地喫煙室窓ガラス取替業務</v>
          </cell>
          <cell r="D381">
            <v>39016</v>
          </cell>
          <cell r="G381">
            <v>369600</v>
          </cell>
          <cell r="I381">
            <v>1</v>
          </cell>
          <cell r="J381" t="str">
            <v>式</v>
          </cell>
          <cell r="K381" t="str">
            <v/>
          </cell>
          <cell r="L381">
            <v>369600</v>
          </cell>
          <cell r="M381" t="str">
            <v>見積</v>
          </cell>
          <cell r="N381" t="str">
            <v>高・営</v>
          </cell>
          <cell r="O381">
            <v>39034</v>
          </cell>
          <cell r="P381">
            <v>39051</v>
          </cell>
          <cell r="Q381" t="str">
            <v>壱</v>
          </cell>
          <cell r="R381" t="str">
            <v>無</v>
          </cell>
          <cell r="S381" t="str">
            <v>車両課(大谷地)</v>
          </cell>
          <cell r="T381" t="str">
            <v>木村　敏秋</v>
          </cell>
          <cell r="U381">
            <v>8407</v>
          </cell>
          <cell r="V381" t="str">
            <v>部長</v>
          </cell>
          <cell r="W381" t="str">
            <v>なか１日</v>
          </cell>
          <cell r="X381" t="str">
            <v>見積</v>
          </cell>
          <cell r="Y381">
            <v>39022</v>
          </cell>
          <cell r="Z381">
            <v>39030</v>
          </cell>
          <cell r="AA381">
            <v>1100</v>
          </cell>
          <cell r="AB381" t="str">
            <v>交通局５階入札室</v>
          </cell>
          <cell r="AD381" t="str">
            <v>平成18年11月9日(木)　11時00分</v>
          </cell>
          <cell r="AI381">
            <v>3</v>
          </cell>
          <cell r="AJ381" t="str">
            <v>臣建設（株）</v>
          </cell>
          <cell r="AK381" t="str">
            <v>大和技建（株）</v>
          </cell>
          <cell r="AL381" t="str">
            <v>北光営繕（株）</v>
          </cell>
          <cell r="AU381" t="str">
            <v>省略可</v>
          </cell>
          <cell r="AW381">
            <v>369600</v>
          </cell>
          <cell r="AX381">
            <v>1</v>
          </cell>
          <cell r="AY381" t="str">
            <v>大和技建（株）</v>
          </cell>
          <cell r="AZ381">
            <v>275000</v>
          </cell>
          <cell r="BA381">
            <v>288750</v>
          </cell>
          <cell r="BB381">
            <v>13750</v>
          </cell>
          <cell r="BC381" t="str">
            <v>請書</v>
          </cell>
          <cell r="BE381">
            <v>39031</v>
          </cell>
          <cell r="BF381" t="str">
            <v>しない</v>
          </cell>
          <cell r="BG381" t="str">
            <v>見積</v>
          </cell>
          <cell r="BH381">
            <v>0.78125</v>
          </cell>
          <cell r="BK381">
            <v>352000</v>
          </cell>
          <cell r="BL381" t="str">
            <v xml:space="preserve"> </v>
          </cell>
          <cell r="BM381">
            <v>80850</v>
          </cell>
          <cell r="BN381">
            <v>0.78125</v>
          </cell>
        </row>
        <row r="382">
          <cell r="A382">
            <v>7124</v>
          </cell>
          <cell r="B382" t="str">
            <v>業務委託</v>
          </cell>
          <cell r="C382" t="str">
            <v>南車両基地シャッター定期点検整備業務</v>
          </cell>
          <cell r="D382">
            <v>39016</v>
          </cell>
          <cell r="G382">
            <v>955500</v>
          </cell>
          <cell r="I382">
            <v>1</v>
          </cell>
          <cell r="J382" t="str">
            <v>式</v>
          </cell>
          <cell r="K382" t="str">
            <v/>
          </cell>
          <cell r="L382">
            <v>955500</v>
          </cell>
          <cell r="M382" t="str">
            <v>見積</v>
          </cell>
          <cell r="N382" t="str">
            <v>高・営</v>
          </cell>
          <cell r="O382">
            <v>39034</v>
          </cell>
          <cell r="P382">
            <v>39057</v>
          </cell>
          <cell r="Q382" t="str">
            <v>壱</v>
          </cell>
          <cell r="R382" t="str">
            <v>無</v>
          </cell>
          <cell r="S382" t="str">
            <v>車両課(真駒内)</v>
          </cell>
          <cell r="T382" t="str">
            <v>佐藤　正明</v>
          </cell>
          <cell r="U382">
            <v>8314</v>
          </cell>
          <cell r="V382" t="str">
            <v>部長</v>
          </cell>
          <cell r="W382" t="str">
            <v>なか１日</v>
          </cell>
          <cell r="X382" t="str">
            <v>見積</v>
          </cell>
          <cell r="Y382">
            <v>39022</v>
          </cell>
          <cell r="Z382">
            <v>39030</v>
          </cell>
          <cell r="AA382">
            <v>1110</v>
          </cell>
          <cell r="AB382" t="str">
            <v>交通局５階入札室</v>
          </cell>
          <cell r="AD382" t="str">
            <v>平成18年11月9日(木)　11時10分</v>
          </cell>
          <cell r="AI382">
            <v>3</v>
          </cell>
          <cell r="AJ382" t="str">
            <v>三和シャッター工業（株）札幌支店</v>
          </cell>
          <cell r="AK382" t="str">
            <v>文化シャッターサービス（株）北海道サービス支社</v>
          </cell>
          <cell r="AL382" t="str">
            <v>北海道クリーン・システム（株）</v>
          </cell>
          <cell r="AU382" t="str">
            <v>省略可</v>
          </cell>
          <cell r="AW382">
            <v>955500</v>
          </cell>
          <cell r="AX382">
            <v>1</v>
          </cell>
          <cell r="AY382" t="str">
            <v>三和シャッター工業（株）札幌支店</v>
          </cell>
          <cell r="AZ382">
            <v>900000</v>
          </cell>
          <cell r="BA382">
            <v>945000</v>
          </cell>
          <cell r="BB382">
            <v>45000</v>
          </cell>
          <cell r="BC382" t="str">
            <v>契約書</v>
          </cell>
          <cell r="BE382">
            <v>39031</v>
          </cell>
          <cell r="BF382" t="str">
            <v>しない</v>
          </cell>
          <cell r="BG382" t="str">
            <v>見積</v>
          </cell>
          <cell r="BH382">
            <v>0.98901098901098905</v>
          </cell>
          <cell r="BK382">
            <v>910000</v>
          </cell>
          <cell r="BL382" t="str">
            <v xml:space="preserve"> </v>
          </cell>
          <cell r="BM382">
            <v>10500</v>
          </cell>
          <cell r="BN382">
            <v>0.98901098901098905</v>
          </cell>
        </row>
        <row r="383">
          <cell r="A383">
            <v>7125</v>
          </cell>
          <cell r="B383" t="str">
            <v>業務委託</v>
          </cell>
          <cell r="C383" t="str">
            <v>地下鉄乗継料金表修正</v>
          </cell>
          <cell r="D383">
            <v>39017</v>
          </cell>
          <cell r="G383">
            <v>949200</v>
          </cell>
          <cell r="I383">
            <v>1</v>
          </cell>
          <cell r="J383" t="str">
            <v>式</v>
          </cell>
          <cell r="K383" t="str">
            <v/>
          </cell>
          <cell r="L383">
            <v>949200</v>
          </cell>
          <cell r="M383" t="str">
            <v>見積</v>
          </cell>
          <cell r="N383" t="str">
            <v>高・営</v>
          </cell>
          <cell r="O383">
            <v>39034</v>
          </cell>
          <cell r="P383">
            <v>39051</v>
          </cell>
          <cell r="Q383" t="str">
            <v>壱</v>
          </cell>
          <cell r="R383" t="str">
            <v>無</v>
          </cell>
          <cell r="S383" t="str">
            <v>業務課</v>
          </cell>
          <cell r="T383" t="str">
            <v>桜庭　一昭</v>
          </cell>
          <cell r="U383">
            <v>2416</v>
          </cell>
          <cell r="V383" t="str">
            <v>部長</v>
          </cell>
          <cell r="W383" t="str">
            <v>なか１日</v>
          </cell>
          <cell r="X383" t="str">
            <v>見積</v>
          </cell>
          <cell r="Y383">
            <v>39023</v>
          </cell>
          <cell r="Z383">
            <v>39030</v>
          </cell>
          <cell r="AA383">
            <v>1120</v>
          </cell>
          <cell r="AB383" t="str">
            <v>交通局５階入札室</v>
          </cell>
          <cell r="AD383" t="str">
            <v>平成18年11月9日(木)　11時20分</v>
          </cell>
          <cell r="AI383">
            <v>3</v>
          </cell>
          <cell r="AJ383" t="str">
            <v>㈱札幌標板製作所</v>
          </cell>
          <cell r="AK383" t="str">
            <v>七欧産業（株）</v>
          </cell>
          <cell r="AL383" t="str">
            <v>（株）日本孔版</v>
          </cell>
          <cell r="AU383" t="str">
            <v>省略可</v>
          </cell>
          <cell r="AW383">
            <v>949200</v>
          </cell>
          <cell r="AX383">
            <v>1</v>
          </cell>
          <cell r="AY383" t="str">
            <v>七欧産業（株）</v>
          </cell>
          <cell r="AZ383">
            <v>880000</v>
          </cell>
          <cell r="BA383">
            <v>924000</v>
          </cell>
          <cell r="BB383">
            <v>44000</v>
          </cell>
          <cell r="BC383" t="str">
            <v>契約書</v>
          </cell>
          <cell r="BE383">
            <v>39031</v>
          </cell>
          <cell r="BF383" t="str">
            <v>しない</v>
          </cell>
          <cell r="BG383" t="str">
            <v>見積</v>
          </cell>
          <cell r="BH383">
            <v>0.97345132743362828</v>
          </cell>
          <cell r="BK383">
            <v>904000</v>
          </cell>
          <cell r="BL383" t="str">
            <v xml:space="preserve"> </v>
          </cell>
          <cell r="BM383">
            <v>25200</v>
          </cell>
          <cell r="BN383">
            <v>0.97345132743362828</v>
          </cell>
        </row>
        <row r="384">
          <cell r="A384">
            <v>7126</v>
          </cell>
          <cell r="B384" t="str">
            <v>業務委託</v>
          </cell>
          <cell r="C384" t="str">
            <v>転てつ器塗装補修</v>
          </cell>
          <cell r="D384">
            <v>39017</v>
          </cell>
          <cell r="E384" t="str">
            <v>特命</v>
          </cell>
          <cell r="G384">
            <v>12799500</v>
          </cell>
          <cell r="I384">
            <v>1</v>
          </cell>
          <cell r="J384" t="str">
            <v>式</v>
          </cell>
          <cell r="K384" t="str">
            <v/>
          </cell>
          <cell r="L384">
            <v>12799500</v>
          </cell>
          <cell r="M384" t="str">
            <v>特命</v>
          </cell>
          <cell r="N384" t="str">
            <v>高・営</v>
          </cell>
          <cell r="O384">
            <v>39030</v>
          </cell>
          <cell r="P384">
            <v>39164</v>
          </cell>
          <cell r="Q384" t="str">
            <v>壱</v>
          </cell>
          <cell r="R384" t="str">
            <v>無</v>
          </cell>
          <cell r="S384" t="str">
            <v>施設課</v>
          </cell>
          <cell r="T384" t="str">
            <v>丸山　貴弘</v>
          </cell>
          <cell r="U384">
            <v>2592</v>
          </cell>
          <cell r="V384" t="str">
            <v>管理者</v>
          </cell>
          <cell r="W384" t="str">
            <v>なか５日</v>
          </cell>
          <cell r="X384" t="str">
            <v>特命</v>
          </cell>
          <cell r="Y384">
            <v>39028</v>
          </cell>
          <cell r="Z384">
            <v>39028</v>
          </cell>
          <cell r="AA384">
            <v>1530</v>
          </cell>
          <cell r="AB384" t="str">
            <v>交通局３階総務課（契約担当）</v>
          </cell>
          <cell r="AD384" t="str">
            <v>平成18年11月7日(火)　15時30分</v>
          </cell>
          <cell r="AI384">
            <v>1</v>
          </cell>
          <cell r="AJ384" t="str">
            <v>札幌川重車両エンジニアリング（株）</v>
          </cell>
          <cell r="AU384" t="str">
            <v>要</v>
          </cell>
          <cell r="AV384">
            <v>12060000</v>
          </cell>
          <cell r="AW384">
            <v>12663000</v>
          </cell>
          <cell r="AX384">
            <v>1.0664479081214151E-2</v>
          </cell>
          <cell r="AY384" t="str">
            <v>札幌川重車両エンジニアリング（株）</v>
          </cell>
          <cell r="AZ384">
            <v>12000000</v>
          </cell>
          <cell r="BA384">
            <v>12600000</v>
          </cell>
          <cell r="BB384">
            <v>600000</v>
          </cell>
          <cell r="BC384" t="str">
            <v>契約書</v>
          </cell>
          <cell r="BE384">
            <v>39029</v>
          </cell>
          <cell r="BF384" t="str">
            <v>しない</v>
          </cell>
          <cell r="BG384" t="str">
            <v>見積</v>
          </cell>
          <cell r="BH384">
            <v>0.99502487562189057</v>
          </cell>
          <cell r="BK384">
            <v>12190000</v>
          </cell>
          <cell r="BL384" t="str">
            <v xml:space="preserve"> </v>
          </cell>
          <cell r="BM384">
            <v>199500</v>
          </cell>
          <cell r="BN384">
            <v>0.98441345365053323</v>
          </cell>
        </row>
        <row r="385">
          <cell r="A385">
            <v>1205</v>
          </cell>
          <cell r="B385" t="str">
            <v>物品購入</v>
          </cell>
          <cell r="C385" t="str">
            <v>８５００形電機部品</v>
          </cell>
          <cell r="D385">
            <v>39017</v>
          </cell>
          <cell r="E385" t="str">
            <v>特命</v>
          </cell>
          <cell r="G385">
            <v>929250</v>
          </cell>
          <cell r="I385">
            <v>1</v>
          </cell>
          <cell r="J385" t="str">
            <v>式</v>
          </cell>
          <cell r="K385" t="str">
            <v/>
          </cell>
          <cell r="L385">
            <v>929250</v>
          </cell>
          <cell r="M385" t="str">
            <v>特命</v>
          </cell>
          <cell r="N385" t="str">
            <v>軌・営</v>
          </cell>
          <cell r="P385">
            <v>39157</v>
          </cell>
          <cell r="Q385" t="str">
            <v>壱</v>
          </cell>
          <cell r="R385" t="str">
            <v>無</v>
          </cell>
          <cell r="S385" t="str">
            <v>電車事業所</v>
          </cell>
          <cell r="T385" t="str">
            <v>長田　博司</v>
          </cell>
          <cell r="U385">
            <v>2933</v>
          </cell>
          <cell r="V385" t="str">
            <v>課長</v>
          </cell>
          <cell r="W385" t="str">
            <v>なか１日</v>
          </cell>
          <cell r="X385" t="str">
            <v>特命</v>
          </cell>
          <cell r="Y385">
            <v>39022</v>
          </cell>
          <cell r="Z385">
            <v>39028</v>
          </cell>
          <cell r="AA385">
            <v>1445</v>
          </cell>
          <cell r="AB385" t="str">
            <v>交通局３階総務課（契約担当）</v>
          </cell>
          <cell r="AD385" t="str">
            <v>平成18年11月7日(火)　14時45分</v>
          </cell>
          <cell r="AI385">
            <v>1</v>
          </cell>
          <cell r="AJ385" t="str">
            <v>三菱電機（株）北海道支社</v>
          </cell>
          <cell r="AU385" t="str">
            <v>省略可</v>
          </cell>
          <cell r="AW385">
            <v>929250</v>
          </cell>
          <cell r="AX385">
            <v>1</v>
          </cell>
          <cell r="AY385" t="str">
            <v>三菱電機（株）北海道支社</v>
          </cell>
          <cell r="AZ385">
            <v>885000</v>
          </cell>
          <cell r="BA385">
            <v>929250</v>
          </cell>
          <cell r="BB385">
            <v>44250</v>
          </cell>
          <cell r="BC385" t="str">
            <v>請書</v>
          </cell>
          <cell r="BE385">
            <v>39029</v>
          </cell>
          <cell r="BF385" t="str">
            <v>しない</v>
          </cell>
          <cell r="BG385" t="str">
            <v>見積</v>
          </cell>
          <cell r="BH385">
            <v>1</v>
          </cell>
          <cell r="BK385">
            <v>885000</v>
          </cell>
          <cell r="BL385" t="str">
            <v xml:space="preserve"> </v>
          </cell>
          <cell r="BM385">
            <v>0</v>
          </cell>
          <cell r="BN385">
            <v>1</v>
          </cell>
        </row>
        <row r="386">
          <cell r="A386">
            <v>7127</v>
          </cell>
          <cell r="B386" t="str">
            <v>業務委託</v>
          </cell>
          <cell r="C386" t="str">
            <v>フォークリフト特定自主検査業務</v>
          </cell>
          <cell r="D386">
            <v>39017</v>
          </cell>
          <cell r="G386">
            <v>277200</v>
          </cell>
          <cell r="I386">
            <v>1</v>
          </cell>
          <cell r="J386" t="str">
            <v>式</v>
          </cell>
          <cell r="K386" t="str">
            <v/>
          </cell>
          <cell r="L386">
            <v>277200</v>
          </cell>
          <cell r="M386" t="str">
            <v>見積</v>
          </cell>
          <cell r="N386" t="str">
            <v>高・営</v>
          </cell>
          <cell r="O386">
            <v>39034</v>
          </cell>
          <cell r="P386">
            <v>39051</v>
          </cell>
          <cell r="Q386" t="str">
            <v>壱</v>
          </cell>
          <cell r="R386" t="str">
            <v>無</v>
          </cell>
          <cell r="S386" t="str">
            <v>車両課(真駒内)</v>
          </cell>
          <cell r="T386" t="str">
            <v>遠藤　順一</v>
          </cell>
          <cell r="U386">
            <v>8313</v>
          </cell>
          <cell r="V386" t="str">
            <v>課長</v>
          </cell>
          <cell r="W386" t="str">
            <v>なか１日</v>
          </cell>
          <cell r="X386" t="str">
            <v>見積</v>
          </cell>
          <cell r="Y386">
            <v>39022</v>
          </cell>
          <cell r="Z386">
            <v>39030</v>
          </cell>
          <cell r="AA386">
            <v>1130</v>
          </cell>
          <cell r="AB386" t="str">
            <v>交通局５階入札室</v>
          </cell>
          <cell r="AD386" t="str">
            <v>平成18年11月9日(木)　11時30分</v>
          </cell>
          <cell r="AI386">
            <v>3</v>
          </cell>
          <cell r="AJ386" t="str">
            <v>トヨタエルアンドエフ札幌（株）</v>
          </cell>
          <cell r="AK386" t="str">
            <v>北海道小松フォークリフト（株）</v>
          </cell>
          <cell r="AL386" t="str">
            <v>北海道TCM（株）</v>
          </cell>
          <cell r="AU386" t="str">
            <v>省略可</v>
          </cell>
          <cell r="AW386">
            <v>277200</v>
          </cell>
          <cell r="AX386">
            <v>1</v>
          </cell>
          <cell r="AY386" t="str">
            <v>トヨタエルアンドエフ札幌（株）</v>
          </cell>
          <cell r="AZ386">
            <v>263000</v>
          </cell>
          <cell r="BA386">
            <v>276150</v>
          </cell>
          <cell r="BB386">
            <v>13150</v>
          </cell>
          <cell r="BC386" t="str">
            <v>請書</v>
          </cell>
          <cell r="BE386">
            <v>39031</v>
          </cell>
          <cell r="BF386" t="str">
            <v>しない</v>
          </cell>
          <cell r="BG386" t="str">
            <v>見積</v>
          </cell>
          <cell r="BH386">
            <v>0.99621212121212122</v>
          </cell>
          <cell r="BK386">
            <v>264000</v>
          </cell>
          <cell r="BL386" t="str">
            <v xml:space="preserve"> </v>
          </cell>
          <cell r="BM386">
            <v>1050</v>
          </cell>
          <cell r="BN386">
            <v>0.99621212121212122</v>
          </cell>
        </row>
        <row r="387">
          <cell r="A387">
            <v>1206</v>
          </cell>
          <cell r="B387" t="str">
            <v>物品購入</v>
          </cell>
          <cell r="C387" t="str">
            <v>誘導無線用計測装置</v>
          </cell>
          <cell r="D387">
            <v>39020</v>
          </cell>
          <cell r="E387" t="str">
            <v>特命</v>
          </cell>
          <cell r="G387">
            <v>2940000</v>
          </cell>
          <cell r="I387">
            <v>1</v>
          </cell>
          <cell r="J387" t="str">
            <v>式</v>
          </cell>
          <cell r="K387" t="str">
            <v/>
          </cell>
          <cell r="L387">
            <v>2940000</v>
          </cell>
          <cell r="M387" t="str">
            <v>特命</v>
          </cell>
          <cell r="N387" t="str">
            <v>高・建改</v>
          </cell>
          <cell r="P387">
            <v>39157</v>
          </cell>
          <cell r="Q387" t="str">
            <v>壱</v>
          </cell>
          <cell r="R387" t="str">
            <v>無</v>
          </cell>
          <cell r="S387" t="str">
            <v>電気課</v>
          </cell>
          <cell r="T387" t="str">
            <v>平尾　敏文</v>
          </cell>
          <cell r="U387">
            <v>2644</v>
          </cell>
          <cell r="V387" t="str">
            <v>課長</v>
          </cell>
          <cell r="W387" t="str">
            <v>なか１日</v>
          </cell>
          <cell r="X387" t="str">
            <v>特命</v>
          </cell>
          <cell r="Y387">
            <v>39023</v>
          </cell>
          <cell r="Z387">
            <v>39031</v>
          </cell>
          <cell r="AA387">
            <v>1400</v>
          </cell>
          <cell r="AB387" t="str">
            <v>交通局３階総務課（契約担当）</v>
          </cell>
          <cell r="AD387" t="str">
            <v>平成18年11月10日(金)　14時00分</v>
          </cell>
          <cell r="AI387">
            <v>1</v>
          </cell>
          <cell r="AJ387" t="str">
            <v>日本信号（株）北海道支店</v>
          </cell>
          <cell r="AU387" t="str">
            <v>要</v>
          </cell>
          <cell r="AV387">
            <v>2800000</v>
          </cell>
          <cell r="AW387">
            <v>2940000</v>
          </cell>
          <cell r="AX387">
            <v>0</v>
          </cell>
          <cell r="AY387" t="str">
            <v>日本信号（株）北海道支店</v>
          </cell>
          <cell r="AZ387">
            <v>2800000</v>
          </cell>
          <cell r="BA387">
            <v>2940000</v>
          </cell>
          <cell r="BB387">
            <v>140000</v>
          </cell>
          <cell r="BC387" t="str">
            <v>契約書</v>
          </cell>
          <cell r="BE387">
            <v>39034</v>
          </cell>
          <cell r="BF387" t="str">
            <v>する</v>
          </cell>
          <cell r="BG387" t="str">
            <v>見積</v>
          </cell>
          <cell r="BH387">
            <v>1</v>
          </cell>
          <cell r="BK387">
            <v>2800000</v>
          </cell>
          <cell r="BL387" t="str">
            <v xml:space="preserve"> </v>
          </cell>
          <cell r="BM387">
            <v>0</v>
          </cell>
          <cell r="BN387">
            <v>1</v>
          </cell>
        </row>
        <row r="388">
          <cell r="A388">
            <v>1207</v>
          </cell>
          <cell r="B388" t="str">
            <v>物品購入</v>
          </cell>
          <cell r="C388" t="str">
            <v>無停電電源装置オーバーホール部品その１</v>
          </cell>
          <cell r="D388">
            <v>39020</v>
          </cell>
          <cell r="E388" t="str">
            <v>特命</v>
          </cell>
          <cell r="G388">
            <v>785400</v>
          </cell>
          <cell r="I388">
            <v>1</v>
          </cell>
          <cell r="J388" t="str">
            <v>式</v>
          </cell>
          <cell r="K388" t="str">
            <v/>
          </cell>
          <cell r="L388">
            <v>785400</v>
          </cell>
          <cell r="M388" t="str">
            <v>特命</v>
          </cell>
          <cell r="N388" t="str">
            <v>高・営</v>
          </cell>
          <cell r="P388">
            <v>39157</v>
          </cell>
          <cell r="Q388" t="str">
            <v>壱</v>
          </cell>
          <cell r="R388" t="str">
            <v>無</v>
          </cell>
          <cell r="S388" t="str">
            <v>電気課</v>
          </cell>
          <cell r="T388" t="str">
            <v>伊藤　弘</v>
          </cell>
          <cell r="U388">
            <v>2646</v>
          </cell>
          <cell r="V388" t="str">
            <v>課長</v>
          </cell>
          <cell r="W388" t="str">
            <v>なか１日</v>
          </cell>
          <cell r="X388" t="str">
            <v>特命</v>
          </cell>
          <cell r="Y388">
            <v>39023</v>
          </cell>
          <cell r="Z388">
            <v>39031</v>
          </cell>
          <cell r="AA388">
            <v>1430</v>
          </cell>
          <cell r="AB388" t="str">
            <v>交通局３階総務課（契約担当）</v>
          </cell>
          <cell r="AD388" t="str">
            <v>平成18年11月10日(金)　14時30分</v>
          </cell>
          <cell r="AI388">
            <v>1</v>
          </cell>
          <cell r="AJ388" t="str">
            <v>富士電機システムズ（株）東日本支社北海道事務所</v>
          </cell>
          <cell r="AU388" t="str">
            <v>省略可</v>
          </cell>
          <cell r="AW388">
            <v>785400</v>
          </cell>
          <cell r="AX388">
            <v>1</v>
          </cell>
          <cell r="AY388" t="str">
            <v>富士電機システムズ（株）東日本支社北海道事務所</v>
          </cell>
          <cell r="AZ388">
            <v>748000</v>
          </cell>
          <cell r="BA388">
            <v>785400</v>
          </cell>
          <cell r="BB388">
            <v>37400</v>
          </cell>
          <cell r="BC388" t="str">
            <v>請書</v>
          </cell>
          <cell r="BE388">
            <v>39034</v>
          </cell>
          <cell r="BF388" t="str">
            <v>しない</v>
          </cell>
          <cell r="BG388" t="str">
            <v>見積</v>
          </cell>
          <cell r="BH388">
            <v>1</v>
          </cell>
          <cell r="BK388">
            <v>748000</v>
          </cell>
          <cell r="BL388" t="str">
            <v xml:space="preserve"> </v>
          </cell>
          <cell r="BM388">
            <v>0</v>
          </cell>
          <cell r="BN388">
            <v>1</v>
          </cell>
        </row>
        <row r="389">
          <cell r="A389">
            <v>1208</v>
          </cell>
          <cell r="B389" t="str">
            <v>物品購入</v>
          </cell>
          <cell r="C389" t="str">
            <v>信号保安装置保守部品その３</v>
          </cell>
          <cell r="D389">
            <v>39020</v>
          </cell>
          <cell r="E389" t="str">
            <v>特命</v>
          </cell>
          <cell r="G389">
            <v>1660050</v>
          </cell>
          <cell r="I389">
            <v>1</v>
          </cell>
          <cell r="J389" t="str">
            <v>式</v>
          </cell>
          <cell r="K389" t="str">
            <v/>
          </cell>
          <cell r="L389">
            <v>1660050</v>
          </cell>
          <cell r="M389" t="str">
            <v>特命</v>
          </cell>
          <cell r="N389" t="str">
            <v>高・営</v>
          </cell>
          <cell r="P389">
            <v>39157</v>
          </cell>
          <cell r="Q389" t="str">
            <v>壱</v>
          </cell>
          <cell r="R389" t="str">
            <v>無</v>
          </cell>
          <cell r="S389" t="str">
            <v>電気課</v>
          </cell>
          <cell r="T389" t="str">
            <v>平尾　敏文</v>
          </cell>
          <cell r="U389">
            <v>2644</v>
          </cell>
          <cell r="V389" t="str">
            <v>課長</v>
          </cell>
          <cell r="W389" t="str">
            <v>なか１日</v>
          </cell>
          <cell r="X389" t="str">
            <v>特命</v>
          </cell>
          <cell r="Y389">
            <v>39023</v>
          </cell>
          <cell r="Z389">
            <v>39031</v>
          </cell>
          <cell r="AA389">
            <v>1415</v>
          </cell>
          <cell r="AB389" t="str">
            <v>交通局５階入札室</v>
          </cell>
          <cell r="AD389" t="str">
            <v>平成18年11月10日(金)　14時15分</v>
          </cell>
          <cell r="AI389">
            <v>1</v>
          </cell>
          <cell r="AJ389" t="str">
            <v>日本信号（株）北海道支店</v>
          </cell>
          <cell r="AU389" t="str">
            <v>要</v>
          </cell>
          <cell r="AV389">
            <v>1579000</v>
          </cell>
          <cell r="AW389">
            <v>1657950</v>
          </cell>
          <cell r="AX389">
            <v>1.2650221378873727E-3</v>
          </cell>
          <cell r="AY389" t="str">
            <v>日本信号（株）北海道支店</v>
          </cell>
          <cell r="AZ389">
            <v>1550000</v>
          </cell>
          <cell r="BA389">
            <v>1627500</v>
          </cell>
          <cell r="BB389">
            <v>77500</v>
          </cell>
          <cell r="BC389" t="str">
            <v>契約書</v>
          </cell>
          <cell r="BE389">
            <v>39034</v>
          </cell>
          <cell r="BF389" t="str">
            <v>しない</v>
          </cell>
          <cell r="BG389" t="str">
            <v>見積</v>
          </cell>
          <cell r="BH389">
            <v>0.98163394553514882</v>
          </cell>
          <cell r="BK389">
            <v>1581000</v>
          </cell>
          <cell r="BL389" t="str">
            <v xml:space="preserve"> </v>
          </cell>
          <cell r="BM389">
            <v>32550</v>
          </cell>
          <cell r="BN389">
            <v>0.98039215686274506</v>
          </cell>
        </row>
        <row r="390">
          <cell r="A390">
            <v>2054</v>
          </cell>
          <cell r="B390" t="str">
            <v>製造請負</v>
          </cell>
          <cell r="C390" t="str">
            <v>平成１８年度定期券発行装置等改良（冬ダイヤ）</v>
          </cell>
          <cell r="D390">
            <v>39021</v>
          </cell>
          <cell r="E390" t="str">
            <v>特命</v>
          </cell>
          <cell r="G390">
            <v>5995500</v>
          </cell>
          <cell r="I390">
            <v>1</v>
          </cell>
          <cell r="J390" t="str">
            <v>式</v>
          </cell>
          <cell r="K390" t="str">
            <v/>
          </cell>
          <cell r="L390">
            <v>5995500</v>
          </cell>
          <cell r="M390" t="str">
            <v>特命</v>
          </cell>
          <cell r="N390" t="str">
            <v>高・営</v>
          </cell>
          <cell r="P390">
            <v>39051</v>
          </cell>
          <cell r="Q390" t="str">
            <v>壱</v>
          </cell>
          <cell r="R390" t="str">
            <v>無</v>
          </cell>
          <cell r="S390" t="str">
            <v>電気課</v>
          </cell>
          <cell r="T390" t="str">
            <v>中田　貴也</v>
          </cell>
          <cell r="U390">
            <v>2664</v>
          </cell>
          <cell r="V390" t="str">
            <v>部長</v>
          </cell>
          <cell r="W390" t="str">
            <v>なか５日</v>
          </cell>
          <cell r="X390" t="str">
            <v>特命</v>
          </cell>
          <cell r="Y390">
            <v>39029</v>
          </cell>
          <cell r="Z390">
            <v>39030</v>
          </cell>
          <cell r="AA390">
            <v>1400</v>
          </cell>
          <cell r="AB390" t="str">
            <v>交通局３階総務課（契約担当）</v>
          </cell>
          <cell r="AD390" t="str">
            <v>平成18年11月9日(木)　14時00分</v>
          </cell>
          <cell r="AI390">
            <v>1</v>
          </cell>
          <cell r="AJ390" t="str">
            <v>（株）東芝北海道支社</v>
          </cell>
          <cell r="AU390" t="str">
            <v>要</v>
          </cell>
          <cell r="AV390">
            <v>5700000</v>
          </cell>
          <cell r="AW390">
            <v>5985000</v>
          </cell>
          <cell r="AX390">
            <v>1.7513134851138146E-3</v>
          </cell>
          <cell r="AY390" t="str">
            <v>（株）東芝北海道支社</v>
          </cell>
          <cell r="AZ390">
            <v>5640000</v>
          </cell>
          <cell r="BA390">
            <v>5922000</v>
          </cell>
          <cell r="BB390">
            <v>282000</v>
          </cell>
          <cell r="BC390" t="str">
            <v>契約書</v>
          </cell>
          <cell r="BE390">
            <v>39030</v>
          </cell>
          <cell r="BF390" t="str">
            <v>しない</v>
          </cell>
          <cell r="BG390" t="str">
            <v>見積</v>
          </cell>
          <cell r="BH390">
            <v>0.98947368421052628</v>
          </cell>
          <cell r="BK390">
            <v>5710000</v>
          </cell>
          <cell r="BL390" t="str">
            <v xml:space="preserve"> </v>
          </cell>
          <cell r="BM390">
            <v>73500</v>
          </cell>
          <cell r="BN390">
            <v>0.98774080560420319</v>
          </cell>
        </row>
        <row r="391">
          <cell r="A391">
            <v>7128</v>
          </cell>
          <cell r="B391" t="str">
            <v>業務委託</v>
          </cell>
          <cell r="C391" t="str">
            <v>白石駅他２駅昇降機音声案内装置設置業務（日立製）</v>
          </cell>
          <cell r="D391">
            <v>39021</v>
          </cell>
          <cell r="E391" t="str">
            <v>特命</v>
          </cell>
          <cell r="G391">
            <v>35742000</v>
          </cell>
          <cell r="I391">
            <v>1</v>
          </cell>
          <cell r="J391" t="str">
            <v>式</v>
          </cell>
          <cell r="K391" t="str">
            <v/>
          </cell>
          <cell r="L391">
            <v>35742000</v>
          </cell>
          <cell r="M391" t="str">
            <v>特命</v>
          </cell>
          <cell r="N391" t="str">
            <v>高・建改</v>
          </cell>
          <cell r="O391">
            <v>39037</v>
          </cell>
          <cell r="P391">
            <v>39129</v>
          </cell>
          <cell r="Q391" t="str">
            <v>壱</v>
          </cell>
          <cell r="R391" t="str">
            <v>無</v>
          </cell>
          <cell r="S391" t="str">
            <v>施設課</v>
          </cell>
          <cell r="T391" t="str">
            <v>鍔山　和宏</v>
          </cell>
          <cell r="U391">
            <v>2525</v>
          </cell>
          <cell r="V391" t="str">
            <v>管理者</v>
          </cell>
          <cell r="W391" t="str">
            <v>なか５日</v>
          </cell>
          <cell r="X391" t="str">
            <v>特命</v>
          </cell>
          <cell r="Y391">
            <v>39030</v>
          </cell>
          <cell r="Z391">
            <v>39035</v>
          </cell>
          <cell r="AA391">
            <v>1530</v>
          </cell>
          <cell r="AB391" t="str">
            <v>交通局３階総務課（契約担当）</v>
          </cell>
          <cell r="AD391" t="str">
            <v>平成18年11月14日(火)　15時30分</v>
          </cell>
          <cell r="AI391">
            <v>1</v>
          </cell>
          <cell r="AJ391" t="str">
            <v>（株）日立ビルシステム北海道支社</v>
          </cell>
          <cell r="AU391" t="str">
            <v>要</v>
          </cell>
          <cell r="AV391">
            <v>33690000</v>
          </cell>
          <cell r="AW391">
            <v>35374500</v>
          </cell>
          <cell r="AX391">
            <v>1.0282021151586385E-2</v>
          </cell>
          <cell r="AY391" t="str">
            <v>（株）日立ビルシステム北海道支社</v>
          </cell>
          <cell r="AZ391">
            <v>33356000</v>
          </cell>
          <cell r="BA391">
            <v>35023800</v>
          </cell>
          <cell r="BB391">
            <v>1667800</v>
          </cell>
          <cell r="BC391" t="str">
            <v>契約書</v>
          </cell>
          <cell r="BE391">
            <v>39036</v>
          </cell>
          <cell r="BF391" t="str">
            <v>する</v>
          </cell>
          <cell r="BG391" t="str">
            <v>見積</v>
          </cell>
          <cell r="BH391">
            <v>0.99008607895517953</v>
          </cell>
          <cell r="BK391">
            <v>34040000</v>
          </cell>
          <cell r="BL391" t="str">
            <v xml:space="preserve"> </v>
          </cell>
          <cell r="BM391">
            <v>718200</v>
          </cell>
          <cell r="BN391">
            <v>0.97990599294947123</v>
          </cell>
        </row>
        <row r="392">
          <cell r="A392">
            <v>7129</v>
          </cell>
          <cell r="B392" t="str">
            <v>業務委託</v>
          </cell>
          <cell r="C392" t="str">
            <v>菊水駅昇降機音声案内装置設置業務（三菱製）</v>
          </cell>
          <cell r="D392">
            <v>39021</v>
          </cell>
          <cell r="E392" t="str">
            <v>特命</v>
          </cell>
          <cell r="G392">
            <v>6237000</v>
          </cell>
          <cell r="I392">
            <v>1</v>
          </cell>
          <cell r="J392" t="str">
            <v>式</v>
          </cell>
          <cell r="K392" t="str">
            <v/>
          </cell>
          <cell r="L392">
            <v>6237000</v>
          </cell>
          <cell r="M392" t="str">
            <v>特命</v>
          </cell>
          <cell r="N392" t="str">
            <v>高・建改</v>
          </cell>
          <cell r="O392">
            <v>39036</v>
          </cell>
          <cell r="P392">
            <v>39129</v>
          </cell>
          <cell r="Q392" t="str">
            <v>壱</v>
          </cell>
          <cell r="R392" t="str">
            <v>無</v>
          </cell>
          <cell r="S392" t="str">
            <v>施設課</v>
          </cell>
          <cell r="T392" t="str">
            <v>白勢　信彦</v>
          </cell>
          <cell r="U392">
            <v>2528</v>
          </cell>
          <cell r="V392" t="str">
            <v>管理者</v>
          </cell>
          <cell r="W392" t="str">
            <v>なか５日</v>
          </cell>
          <cell r="X392" t="str">
            <v>特命</v>
          </cell>
          <cell r="Y392">
            <v>39030</v>
          </cell>
          <cell r="Z392">
            <v>39035</v>
          </cell>
          <cell r="AA392">
            <v>1400</v>
          </cell>
          <cell r="AB392" t="str">
            <v>交通局３階総務課（契約担当）</v>
          </cell>
          <cell r="AD392" t="str">
            <v>平成18年11月14日(火)　14時00分</v>
          </cell>
          <cell r="AI392">
            <v>1</v>
          </cell>
          <cell r="AJ392" t="str">
            <v>三菱電機ビルテクノサービス（株）北海道支社</v>
          </cell>
          <cell r="AU392" t="str">
            <v>要</v>
          </cell>
          <cell r="AV392">
            <v>5880000</v>
          </cell>
          <cell r="AW392">
            <v>6174000</v>
          </cell>
          <cell r="AX392">
            <v>1.0101010101010055E-2</v>
          </cell>
          <cell r="AY392" t="str">
            <v>三菱電機ビルテクノサービス（株）北海道支社</v>
          </cell>
          <cell r="AZ392">
            <v>5700000</v>
          </cell>
          <cell r="BA392">
            <v>5985000</v>
          </cell>
          <cell r="BB392">
            <v>285000</v>
          </cell>
          <cell r="BC392" t="str">
            <v>契約書</v>
          </cell>
          <cell r="BE392">
            <v>39035</v>
          </cell>
          <cell r="BF392" t="str">
            <v>する</v>
          </cell>
          <cell r="BG392" t="str">
            <v>見積</v>
          </cell>
          <cell r="BH392">
            <v>0.96938775510204078</v>
          </cell>
          <cell r="BK392">
            <v>5940000</v>
          </cell>
          <cell r="BL392" t="str">
            <v xml:space="preserve"> </v>
          </cell>
          <cell r="BM392">
            <v>252000</v>
          </cell>
          <cell r="BN392">
            <v>0.95959595959595956</v>
          </cell>
        </row>
        <row r="393">
          <cell r="A393">
            <v>7130</v>
          </cell>
          <cell r="B393" t="str">
            <v>業務委託</v>
          </cell>
          <cell r="C393" t="str">
            <v>幌平橋駅他１駅昇降機音声案内装置設置業務（東芝製）</v>
          </cell>
          <cell r="D393">
            <v>39021</v>
          </cell>
          <cell r="E393" t="str">
            <v>特命</v>
          </cell>
          <cell r="G393">
            <v>12159000</v>
          </cell>
          <cell r="I393">
            <v>1</v>
          </cell>
          <cell r="J393" t="str">
            <v>式</v>
          </cell>
          <cell r="K393" t="str">
            <v/>
          </cell>
          <cell r="L393">
            <v>12159000</v>
          </cell>
          <cell r="M393" t="str">
            <v>特命</v>
          </cell>
          <cell r="N393" t="str">
            <v>高・建改</v>
          </cell>
          <cell r="O393">
            <v>39037</v>
          </cell>
          <cell r="P393">
            <v>39129</v>
          </cell>
          <cell r="Q393" t="str">
            <v>壱</v>
          </cell>
          <cell r="R393" t="str">
            <v>無</v>
          </cell>
          <cell r="S393" t="str">
            <v>施設課</v>
          </cell>
          <cell r="T393" t="str">
            <v>白勢　信彦</v>
          </cell>
          <cell r="U393">
            <v>2528</v>
          </cell>
          <cell r="V393" t="str">
            <v>管理者</v>
          </cell>
          <cell r="W393" t="str">
            <v>なか５日</v>
          </cell>
          <cell r="X393" t="str">
            <v>特命</v>
          </cell>
          <cell r="Y393">
            <v>39030</v>
          </cell>
          <cell r="Z393">
            <v>39035</v>
          </cell>
          <cell r="AA393">
            <v>1430</v>
          </cell>
          <cell r="AB393" t="str">
            <v>交通局３階総務課（契約担当）</v>
          </cell>
          <cell r="AD393" t="str">
            <v>平成18年11月14日(火)　14時30分</v>
          </cell>
          <cell r="AI393">
            <v>1</v>
          </cell>
          <cell r="AJ393" t="str">
            <v>東芝エレベータ（株）北海道支社</v>
          </cell>
          <cell r="AU393" t="str">
            <v>要</v>
          </cell>
          <cell r="AV393">
            <v>11460000</v>
          </cell>
          <cell r="AW393">
            <v>12033000</v>
          </cell>
          <cell r="AX393">
            <v>1.0362694300518172E-2</v>
          </cell>
          <cell r="AY393" t="str">
            <v>東芝エレベータ（株）北海道支社</v>
          </cell>
          <cell r="AZ393">
            <v>11400000</v>
          </cell>
          <cell r="BA393">
            <v>11970000</v>
          </cell>
          <cell r="BB393">
            <v>570000</v>
          </cell>
          <cell r="BC393" t="str">
            <v>契約書</v>
          </cell>
          <cell r="BE393">
            <v>39036</v>
          </cell>
          <cell r="BF393" t="str">
            <v>する</v>
          </cell>
          <cell r="BG393" t="str">
            <v>見積</v>
          </cell>
          <cell r="BH393">
            <v>0.99476439790575921</v>
          </cell>
          <cell r="BK393">
            <v>11580000</v>
          </cell>
          <cell r="BL393" t="str">
            <v xml:space="preserve"> </v>
          </cell>
          <cell r="BM393">
            <v>189000</v>
          </cell>
          <cell r="BN393">
            <v>0.98445595854922274</v>
          </cell>
        </row>
        <row r="394">
          <cell r="A394">
            <v>7131</v>
          </cell>
          <cell r="B394" t="str">
            <v>業務委託</v>
          </cell>
          <cell r="C394" t="str">
            <v>自衛隊前駅昇降機音声案内装置設置業務（ダイコー製）</v>
          </cell>
          <cell r="D394">
            <v>39021</v>
          </cell>
          <cell r="E394" t="str">
            <v>特命</v>
          </cell>
          <cell r="G394">
            <v>3675000</v>
          </cell>
          <cell r="I394">
            <v>1</v>
          </cell>
          <cell r="J394" t="str">
            <v>式</v>
          </cell>
          <cell r="K394" t="str">
            <v/>
          </cell>
          <cell r="L394">
            <v>3675000</v>
          </cell>
          <cell r="M394" t="str">
            <v>特命</v>
          </cell>
          <cell r="N394" t="str">
            <v>高・建改</v>
          </cell>
          <cell r="O394">
            <v>39035</v>
          </cell>
          <cell r="P394">
            <v>39129</v>
          </cell>
          <cell r="Q394" t="str">
            <v>壱</v>
          </cell>
          <cell r="R394" t="str">
            <v>無</v>
          </cell>
          <cell r="S394" t="str">
            <v>施設課</v>
          </cell>
          <cell r="T394" t="str">
            <v>白勢　信彦</v>
          </cell>
          <cell r="U394">
            <v>2528</v>
          </cell>
          <cell r="V394" t="str">
            <v>管理者</v>
          </cell>
          <cell r="W394" t="str">
            <v>なか１日</v>
          </cell>
          <cell r="X394" t="str">
            <v>特命</v>
          </cell>
          <cell r="Y394">
            <v>39029</v>
          </cell>
          <cell r="Z394">
            <v>39031</v>
          </cell>
          <cell r="AA394">
            <v>1500</v>
          </cell>
          <cell r="AB394" t="str">
            <v>交通局３階総務課（契約担当）</v>
          </cell>
          <cell r="AD394" t="str">
            <v>平成18年11月10日(金)　15時00分</v>
          </cell>
          <cell r="AI394">
            <v>1</v>
          </cell>
          <cell r="AJ394" t="str">
            <v>ダイコー（株）札幌営業所</v>
          </cell>
          <cell r="AU394" t="str">
            <v>要</v>
          </cell>
          <cell r="AV394">
            <v>3460000</v>
          </cell>
          <cell r="AW394">
            <v>3633000</v>
          </cell>
          <cell r="AX394">
            <v>1.1428571428571455E-2</v>
          </cell>
          <cell r="AY394" t="str">
            <v>ダイコー（株）札幌営業所</v>
          </cell>
          <cell r="AZ394">
            <v>3000000</v>
          </cell>
          <cell r="BA394">
            <v>3150000</v>
          </cell>
          <cell r="BB394">
            <v>150000</v>
          </cell>
          <cell r="BC394" t="str">
            <v>契約書</v>
          </cell>
          <cell r="BE394">
            <v>39035</v>
          </cell>
          <cell r="BF394" t="str">
            <v>する</v>
          </cell>
          <cell r="BG394" t="str">
            <v>見積</v>
          </cell>
          <cell r="BH394">
            <v>0.86705202312138729</v>
          </cell>
          <cell r="BK394">
            <v>3500000</v>
          </cell>
          <cell r="BL394" t="str">
            <v xml:space="preserve"> </v>
          </cell>
          <cell r="BM394">
            <v>525000</v>
          </cell>
          <cell r="BN394">
            <v>0.8571428571428571</v>
          </cell>
        </row>
        <row r="395">
          <cell r="A395">
            <v>7132</v>
          </cell>
          <cell r="B395" t="str">
            <v>業務委託</v>
          </cell>
          <cell r="C395" t="str">
            <v>南車両基地計測器校正</v>
          </cell>
          <cell r="D395">
            <v>39021</v>
          </cell>
          <cell r="G395">
            <v>367500</v>
          </cell>
          <cell r="I395">
            <v>1</v>
          </cell>
          <cell r="J395" t="str">
            <v>式</v>
          </cell>
          <cell r="K395" t="str">
            <v/>
          </cell>
          <cell r="L395">
            <v>367500</v>
          </cell>
          <cell r="M395" t="str">
            <v>見積</v>
          </cell>
          <cell r="N395" t="str">
            <v>高・営</v>
          </cell>
          <cell r="O395">
            <v>39035</v>
          </cell>
          <cell r="P395">
            <v>39141</v>
          </cell>
          <cell r="Q395" t="str">
            <v>壱</v>
          </cell>
          <cell r="R395" t="str">
            <v>無</v>
          </cell>
          <cell r="S395" t="str">
            <v>車両課(真駒内)</v>
          </cell>
          <cell r="T395" t="str">
            <v>清水　誠一</v>
          </cell>
          <cell r="U395">
            <v>8313</v>
          </cell>
          <cell r="V395" t="str">
            <v>部長</v>
          </cell>
          <cell r="W395" t="str">
            <v>なか１日</v>
          </cell>
          <cell r="X395" t="str">
            <v>見積</v>
          </cell>
          <cell r="Y395">
            <v>39028</v>
          </cell>
          <cell r="Z395">
            <v>39031</v>
          </cell>
          <cell r="AA395">
            <v>1100</v>
          </cell>
          <cell r="AB395" t="str">
            <v>交通局５階入札室</v>
          </cell>
          <cell r="AD395" t="str">
            <v>平成18年11月10日(金)　11時00分</v>
          </cell>
          <cell r="AI395">
            <v>3</v>
          </cell>
          <cell r="AJ395" t="str">
            <v>札幌日信電子（株）</v>
          </cell>
          <cell r="AK395" t="str">
            <v>（株）システムブレイン</v>
          </cell>
          <cell r="AL395" t="str">
            <v>理興産業（株）</v>
          </cell>
          <cell r="AU395" t="str">
            <v>省略可</v>
          </cell>
          <cell r="AW395">
            <v>367500</v>
          </cell>
          <cell r="AX395">
            <v>1</v>
          </cell>
          <cell r="AY395" t="str">
            <v>（株）システムブレイン</v>
          </cell>
          <cell r="AZ395">
            <v>300000</v>
          </cell>
          <cell r="BA395">
            <v>315000</v>
          </cell>
          <cell r="BB395">
            <v>15000</v>
          </cell>
          <cell r="BC395" t="str">
            <v>請書</v>
          </cell>
          <cell r="BE395">
            <v>39034</v>
          </cell>
          <cell r="BF395" t="str">
            <v>しない</v>
          </cell>
          <cell r="BG395" t="str">
            <v>見積</v>
          </cell>
          <cell r="BH395">
            <v>0.8571428571428571</v>
          </cell>
          <cell r="BK395">
            <v>350000</v>
          </cell>
          <cell r="BL395" t="str">
            <v xml:space="preserve"> </v>
          </cell>
          <cell r="BM395">
            <v>52500</v>
          </cell>
          <cell r="BN395">
            <v>0.8571428571428571</v>
          </cell>
        </row>
        <row r="396">
          <cell r="A396">
            <v>7133</v>
          </cell>
          <cell r="B396" t="str">
            <v>業務委託</v>
          </cell>
          <cell r="C396" t="str">
            <v>南郷・新さっぽろ変電所高調波測定</v>
          </cell>
          <cell r="D396">
            <v>39022</v>
          </cell>
          <cell r="E396" t="str">
            <v>特命</v>
          </cell>
          <cell r="G396">
            <v>943950</v>
          </cell>
          <cell r="I396">
            <v>1</v>
          </cell>
          <cell r="J396" t="str">
            <v>式</v>
          </cell>
          <cell r="K396" t="str">
            <v/>
          </cell>
          <cell r="L396">
            <v>943950</v>
          </cell>
          <cell r="M396" t="str">
            <v>特命</v>
          </cell>
          <cell r="N396" t="str">
            <v>高・営</v>
          </cell>
          <cell r="O396">
            <v>39035</v>
          </cell>
          <cell r="P396">
            <v>39101</v>
          </cell>
          <cell r="Q396" t="str">
            <v>壱</v>
          </cell>
          <cell r="R396" t="str">
            <v>無</v>
          </cell>
          <cell r="S396" t="str">
            <v>電気課</v>
          </cell>
          <cell r="T396" t="str">
            <v>山木　禎治</v>
          </cell>
          <cell r="U396">
            <v>2626</v>
          </cell>
          <cell r="V396" t="str">
            <v>部長</v>
          </cell>
          <cell r="W396" t="str">
            <v>なか１日</v>
          </cell>
          <cell r="X396" t="str">
            <v>特命</v>
          </cell>
          <cell r="Y396">
            <v>39029</v>
          </cell>
          <cell r="Z396">
            <v>39031</v>
          </cell>
          <cell r="AA396">
            <v>1530</v>
          </cell>
          <cell r="AB396" t="str">
            <v>交通局３階総務課（契約担当）</v>
          </cell>
          <cell r="AD396" t="str">
            <v>平成18年11月10日(金)　15時30分</v>
          </cell>
          <cell r="AI396">
            <v>1</v>
          </cell>
          <cell r="AJ396" t="str">
            <v>（株）明電舎北海道支店</v>
          </cell>
          <cell r="AU396" t="str">
            <v>省略可</v>
          </cell>
          <cell r="AW396">
            <v>943950</v>
          </cell>
          <cell r="AX396">
            <v>1</v>
          </cell>
          <cell r="AY396" t="str">
            <v>（株）明電舎北海道支店</v>
          </cell>
          <cell r="AZ396">
            <v>850000</v>
          </cell>
          <cell r="BA396">
            <v>892500</v>
          </cell>
          <cell r="BB396">
            <v>42500</v>
          </cell>
          <cell r="BC396" t="str">
            <v>契約書</v>
          </cell>
          <cell r="BE396">
            <v>39034</v>
          </cell>
          <cell r="BF396" t="str">
            <v>しない</v>
          </cell>
          <cell r="BG396" t="str">
            <v>見積</v>
          </cell>
          <cell r="BH396">
            <v>0.94549499443826479</v>
          </cell>
          <cell r="BK396">
            <v>899000</v>
          </cell>
          <cell r="BL396" t="str">
            <v xml:space="preserve"> </v>
          </cell>
          <cell r="BM396">
            <v>51450</v>
          </cell>
          <cell r="BN396">
            <v>0.94549499443826479</v>
          </cell>
        </row>
        <row r="397">
          <cell r="A397">
            <v>1209</v>
          </cell>
          <cell r="B397" t="str">
            <v>物品購入</v>
          </cell>
          <cell r="C397" t="str">
            <v>無停電電源装置オーバーホール部品その２</v>
          </cell>
          <cell r="D397">
            <v>39022</v>
          </cell>
          <cell r="G397">
            <v>505050</v>
          </cell>
          <cell r="I397">
            <v>1</v>
          </cell>
          <cell r="J397" t="str">
            <v>式</v>
          </cell>
          <cell r="K397" t="str">
            <v/>
          </cell>
          <cell r="L397">
            <v>505050</v>
          </cell>
          <cell r="M397" t="str">
            <v>公開</v>
          </cell>
          <cell r="N397" t="str">
            <v>高・営</v>
          </cell>
          <cell r="P397">
            <v>39157</v>
          </cell>
          <cell r="Q397" t="str">
            <v>壱</v>
          </cell>
          <cell r="R397" t="str">
            <v>無</v>
          </cell>
          <cell r="S397" t="str">
            <v>電気課</v>
          </cell>
          <cell r="T397" t="str">
            <v>伊藤　弘</v>
          </cell>
          <cell r="U397">
            <v>2646</v>
          </cell>
          <cell r="V397" t="str">
            <v>課長</v>
          </cell>
          <cell r="W397" t="str">
            <v>なか１日</v>
          </cell>
          <cell r="X397" t="str">
            <v>公開</v>
          </cell>
          <cell r="Y397">
            <v>39030</v>
          </cell>
          <cell r="Z397">
            <v>39030</v>
          </cell>
          <cell r="AB397" t="str">
            <v>交通局３階総務課（契約担当）</v>
          </cell>
          <cell r="AD397" t="e">
            <v>#VALUE!</v>
          </cell>
          <cell r="AI397">
            <v>3</v>
          </cell>
          <cell r="AJ397" t="str">
            <v>（株）エミヤ</v>
          </cell>
          <cell r="AK397" t="str">
            <v>富士電機システムズ（株）東日本支社北海道事務所</v>
          </cell>
          <cell r="AL397" t="str">
            <v>理興産業（株）</v>
          </cell>
          <cell r="AU397" t="str">
            <v>省略可</v>
          </cell>
          <cell r="AW397">
            <v>505050</v>
          </cell>
          <cell r="AX397">
            <v>1</v>
          </cell>
          <cell r="AY397" t="str">
            <v>富士電機システムズ（株）東日本支社北海道事務所</v>
          </cell>
          <cell r="AZ397">
            <v>368800</v>
          </cell>
          <cell r="BA397">
            <v>387240</v>
          </cell>
          <cell r="BB397">
            <v>18440</v>
          </cell>
          <cell r="BC397" t="str">
            <v>発注書</v>
          </cell>
          <cell r="BE397">
            <v>39031</v>
          </cell>
          <cell r="BF397" t="str">
            <v>しない</v>
          </cell>
          <cell r="BG397" t="str">
            <v>見積(公開)</v>
          </cell>
          <cell r="BH397">
            <v>0.76673596673596678</v>
          </cell>
          <cell r="BK397">
            <v>481000</v>
          </cell>
          <cell r="BL397" t="str">
            <v xml:space="preserve"> </v>
          </cell>
          <cell r="BM397">
            <v>117810</v>
          </cell>
          <cell r="BN397">
            <v>0.76673596673596678</v>
          </cell>
        </row>
        <row r="398">
          <cell r="A398">
            <v>7134</v>
          </cell>
          <cell r="B398" t="str">
            <v>業務委託</v>
          </cell>
          <cell r="C398" t="str">
            <v>速度計取付業務</v>
          </cell>
          <cell r="D398">
            <v>39023</v>
          </cell>
          <cell r="G398">
            <v>909300</v>
          </cell>
          <cell r="I398">
            <v>1</v>
          </cell>
          <cell r="J398" t="str">
            <v>式</v>
          </cell>
          <cell r="K398" t="str">
            <v/>
          </cell>
          <cell r="L398">
            <v>909300</v>
          </cell>
          <cell r="M398" t="str">
            <v>見積</v>
          </cell>
          <cell r="N398" t="str">
            <v>軌・営</v>
          </cell>
          <cell r="O398">
            <v>39036</v>
          </cell>
          <cell r="P398">
            <v>39172</v>
          </cell>
          <cell r="Q398" t="str">
            <v>壱</v>
          </cell>
          <cell r="R398" t="str">
            <v>無</v>
          </cell>
          <cell r="S398" t="str">
            <v>電車事業所</v>
          </cell>
          <cell r="T398" t="str">
            <v>長田　博司</v>
          </cell>
          <cell r="U398">
            <v>2933</v>
          </cell>
          <cell r="V398" t="str">
            <v>部長</v>
          </cell>
          <cell r="W398" t="str">
            <v>なか１日</v>
          </cell>
          <cell r="X398" t="str">
            <v>見積</v>
          </cell>
          <cell r="Y398">
            <v>39030</v>
          </cell>
          <cell r="Z398">
            <v>39035</v>
          </cell>
          <cell r="AA398">
            <v>1100</v>
          </cell>
          <cell r="AB398" t="str">
            <v>交通局３階総務課（契約担当）</v>
          </cell>
          <cell r="AD398" t="str">
            <v>平成18年11月14日(火)　11時00分</v>
          </cell>
          <cell r="AI398">
            <v>3</v>
          </cell>
          <cell r="AJ398" t="str">
            <v>札幌川重車両エンジニアリング（株）</v>
          </cell>
          <cell r="AK398" t="str">
            <v>札幌交通機械（株）</v>
          </cell>
          <cell r="AL398" t="str">
            <v>北都電機（株）</v>
          </cell>
          <cell r="AU398" t="str">
            <v>省略可</v>
          </cell>
          <cell r="AW398">
            <v>909300</v>
          </cell>
          <cell r="AX398">
            <v>1</v>
          </cell>
          <cell r="AY398" t="str">
            <v>北都電機（株）</v>
          </cell>
          <cell r="AZ398">
            <v>860000</v>
          </cell>
          <cell r="BA398">
            <v>903000</v>
          </cell>
          <cell r="BB398">
            <v>43000</v>
          </cell>
          <cell r="BC398" t="str">
            <v>契約書</v>
          </cell>
          <cell r="BE398">
            <v>39036</v>
          </cell>
          <cell r="BF398" t="str">
            <v>しない</v>
          </cell>
          <cell r="BG398" t="str">
            <v>見積</v>
          </cell>
          <cell r="BH398">
            <v>0.99307159353348728</v>
          </cell>
          <cell r="BK398">
            <v>866000</v>
          </cell>
          <cell r="BL398" t="str">
            <v xml:space="preserve"> </v>
          </cell>
          <cell r="BM398">
            <v>6300</v>
          </cell>
          <cell r="BN398">
            <v>0.99307159353348728</v>
          </cell>
        </row>
        <row r="399">
          <cell r="A399">
            <v>1210</v>
          </cell>
          <cell r="B399" t="str">
            <v>物品購入</v>
          </cell>
          <cell r="C399" t="str">
            <v>７０００形車両用蓄電池</v>
          </cell>
          <cell r="D399">
            <v>39027</v>
          </cell>
          <cell r="G399">
            <v>16850400</v>
          </cell>
          <cell r="I399">
            <v>1</v>
          </cell>
          <cell r="J399" t="str">
            <v>式</v>
          </cell>
          <cell r="K399" t="str">
            <v/>
          </cell>
          <cell r="L399">
            <v>16850400</v>
          </cell>
          <cell r="M399" t="str">
            <v>入札</v>
          </cell>
          <cell r="N399" t="str">
            <v>高・営</v>
          </cell>
          <cell r="P399">
            <v>39157</v>
          </cell>
          <cell r="Q399" t="str">
            <v>参</v>
          </cell>
          <cell r="R399" t="str">
            <v>無</v>
          </cell>
          <cell r="S399" t="str">
            <v>車両課(二十四軒)</v>
          </cell>
          <cell r="T399" t="str">
            <v>鈴木　康至</v>
          </cell>
          <cell r="U399">
            <v>8205</v>
          </cell>
          <cell r="V399" t="str">
            <v>管理者</v>
          </cell>
          <cell r="W399" t="str">
            <v>なか５日</v>
          </cell>
          <cell r="X399" t="str">
            <v>入札</v>
          </cell>
          <cell r="Y399">
            <v>39038</v>
          </cell>
          <cell r="Z399">
            <v>39038</v>
          </cell>
          <cell r="AA399">
            <v>1400</v>
          </cell>
          <cell r="AB399" t="str">
            <v>交通局５階入札室</v>
          </cell>
          <cell r="AD399" t="str">
            <v>平成18年11月17日(金)　14時00分</v>
          </cell>
          <cell r="AE399" t="str">
            <v>卸小売業</v>
          </cell>
          <cell r="AF399" t="str">
            <v>電気機械器具卸小売業</v>
          </cell>
          <cell r="AG399" t="str">
            <v>その他電気機械器具</v>
          </cell>
          <cell r="AH399" t="str">
            <v>A</v>
          </cell>
          <cell r="AI399">
            <v>5</v>
          </cell>
          <cell r="AJ399" t="str">
            <v>石垣電材（株）</v>
          </cell>
          <cell r="AK399" t="str">
            <v>荏原商事（株）北海道支店</v>
          </cell>
          <cell r="AL399" t="str">
            <v>（株）ジーエス・ユアサパワーサプライ北海道支社</v>
          </cell>
          <cell r="AM399" t="str">
            <v>東芝電材マーケティング（株）</v>
          </cell>
          <cell r="AN399" t="str">
            <v>松下電工テクノサービス（株）北海道支社</v>
          </cell>
          <cell r="AO399" t="str">
            <v>理興産業（株）</v>
          </cell>
          <cell r="AU399" t="str">
            <v>要</v>
          </cell>
          <cell r="AV399">
            <v>16000000</v>
          </cell>
          <cell r="AW399">
            <v>16800000</v>
          </cell>
          <cell r="AX399">
            <v>2.9910269192422456E-3</v>
          </cell>
          <cell r="AY399" t="str">
            <v>（株）ジーエス・ユアサパワーサプライ北海道支社</v>
          </cell>
          <cell r="AZ399">
            <v>15600000</v>
          </cell>
          <cell r="BA399">
            <v>16380000</v>
          </cell>
          <cell r="BB399">
            <v>780000</v>
          </cell>
          <cell r="BC399" t="str">
            <v>契約書</v>
          </cell>
          <cell r="BE399">
            <v>39041</v>
          </cell>
          <cell r="BF399" t="str">
            <v>しない</v>
          </cell>
          <cell r="BG399" t="str">
            <v>入  札</v>
          </cell>
          <cell r="BH399">
            <v>0.97499999999999998</v>
          </cell>
          <cell r="BK399">
            <v>16048000</v>
          </cell>
          <cell r="BL399" t="str">
            <v xml:space="preserve"> </v>
          </cell>
          <cell r="BM399">
            <v>470400</v>
          </cell>
          <cell r="BN399">
            <v>0.97208374875373882</v>
          </cell>
        </row>
        <row r="400">
          <cell r="A400">
            <v>2055</v>
          </cell>
          <cell r="B400" t="str">
            <v>製造請負</v>
          </cell>
          <cell r="C400" t="str">
            <v>広告デザインカード【ＪＲＡ】</v>
          </cell>
          <cell r="D400">
            <v>39027</v>
          </cell>
          <cell r="E400" t="str">
            <v>特命</v>
          </cell>
          <cell r="G400">
            <v>924000</v>
          </cell>
          <cell r="I400">
            <v>100000</v>
          </cell>
          <cell r="J400" t="str">
            <v>枚</v>
          </cell>
          <cell r="K400" t="str">
            <v/>
          </cell>
          <cell r="L400">
            <v>924000</v>
          </cell>
          <cell r="M400" t="str">
            <v>特命</v>
          </cell>
          <cell r="N400" t="str">
            <v>高・営</v>
          </cell>
          <cell r="P400">
            <v>39057</v>
          </cell>
          <cell r="Q400" t="str">
            <v>壱</v>
          </cell>
          <cell r="R400" t="str">
            <v>無</v>
          </cell>
          <cell r="S400" t="str">
            <v>経営企画課</v>
          </cell>
          <cell r="T400" t="str">
            <v>今野　吉隆</v>
          </cell>
          <cell r="U400">
            <v>2123</v>
          </cell>
          <cell r="V400" t="str">
            <v>課長</v>
          </cell>
          <cell r="W400" t="str">
            <v>なか１日</v>
          </cell>
          <cell r="X400" t="str">
            <v>特命</v>
          </cell>
          <cell r="Y400">
            <v>39030</v>
          </cell>
          <cell r="Z400">
            <v>39034</v>
          </cell>
          <cell r="AA400">
            <v>1400</v>
          </cell>
          <cell r="AB400" t="str">
            <v>交通局３階総務課（契約担当）</v>
          </cell>
          <cell r="AD400" t="str">
            <v>平成18年11月13日(月)　14時00分</v>
          </cell>
          <cell r="AI400">
            <v>1</v>
          </cell>
          <cell r="AJ400" t="str">
            <v>共同印刷（株）</v>
          </cell>
          <cell r="AU400" t="str">
            <v>省略可</v>
          </cell>
          <cell r="AW400">
            <v>924000</v>
          </cell>
          <cell r="AX400">
            <v>1</v>
          </cell>
          <cell r="AY400" t="str">
            <v>共同印刷（株）</v>
          </cell>
          <cell r="AZ400">
            <v>880000</v>
          </cell>
          <cell r="BA400">
            <v>924000</v>
          </cell>
          <cell r="BB400">
            <v>44000</v>
          </cell>
          <cell r="BC400" t="str">
            <v>請書</v>
          </cell>
          <cell r="BE400">
            <v>39036</v>
          </cell>
          <cell r="BF400" t="str">
            <v>しない</v>
          </cell>
          <cell r="BG400" t="str">
            <v>見積</v>
          </cell>
          <cell r="BH400">
            <v>1</v>
          </cell>
          <cell r="BK400">
            <v>880000</v>
          </cell>
          <cell r="BL400">
            <v>9.24</v>
          </cell>
          <cell r="BM400">
            <v>0</v>
          </cell>
          <cell r="BN400">
            <v>1</v>
          </cell>
        </row>
        <row r="401">
          <cell r="A401">
            <v>7135</v>
          </cell>
          <cell r="B401" t="str">
            <v>業務委託</v>
          </cell>
          <cell r="C401" t="str">
            <v>自衛隊前駅地区テレビ共聴デジタル対応業務</v>
          </cell>
          <cell r="D401">
            <v>39027</v>
          </cell>
          <cell r="E401" t="str">
            <v>特命</v>
          </cell>
          <cell r="G401">
            <v>7077000</v>
          </cell>
          <cell r="I401">
            <v>1</v>
          </cell>
          <cell r="J401" t="str">
            <v>式</v>
          </cell>
          <cell r="K401" t="str">
            <v/>
          </cell>
          <cell r="L401">
            <v>7077000</v>
          </cell>
          <cell r="M401" t="str">
            <v>特命</v>
          </cell>
          <cell r="N401" t="str">
            <v>高・建改</v>
          </cell>
          <cell r="O401">
            <v>39037</v>
          </cell>
          <cell r="P401">
            <v>39113</v>
          </cell>
          <cell r="Q401" t="str">
            <v>壱</v>
          </cell>
          <cell r="R401" t="str">
            <v>無</v>
          </cell>
          <cell r="S401" t="str">
            <v>施設課</v>
          </cell>
          <cell r="T401" t="str">
            <v>佐藤　博</v>
          </cell>
          <cell r="U401">
            <v>2531</v>
          </cell>
          <cell r="V401" t="str">
            <v>管理者</v>
          </cell>
          <cell r="W401" t="str">
            <v>なか５日</v>
          </cell>
          <cell r="X401" t="str">
            <v>特命</v>
          </cell>
          <cell r="Y401">
            <v>39035</v>
          </cell>
          <cell r="Z401">
            <v>39035</v>
          </cell>
          <cell r="AA401">
            <v>1445</v>
          </cell>
          <cell r="AB401" t="str">
            <v>交通局３階総務課（契約担当）</v>
          </cell>
          <cell r="AD401" t="str">
            <v>平成18年11月14日(火)　14時45分</v>
          </cell>
          <cell r="AI401">
            <v>1</v>
          </cell>
          <cell r="AJ401" t="str">
            <v>（株）エヌエイチケイアイテック札幌支社</v>
          </cell>
          <cell r="AU401" t="str">
            <v>要</v>
          </cell>
          <cell r="AV401">
            <v>6670000</v>
          </cell>
          <cell r="AW401">
            <v>7003500</v>
          </cell>
          <cell r="AX401">
            <v>1.0385756676557834E-2</v>
          </cell>
          <cell r="AY401" t="str">
            <v>（株）エヌエイチケイアイテック札幌支社</v>
          </cell>
          <cell r="AZ401">
            <v>6660000</v>
          </cell>
          <cell r="BA401">
            <v>6993000</v>
          </cell>
          <cell r="BB401">
            <v>333000</v>
          </cell>
          <cell r="BC401" t="str">
            <v>契約書</v>
          </cell>
          <cell r="BE401">
            <v>39036</v>
          </cell>
          <cell r="BF401" t="str">
            <v>する</v>
          </cell>
          <cell r="BG401" t="str">
            <v>見積</v>
          </cell>
          <cell r="BH401">
            <v>0.99850074962518742</v>
          </cell>
          <cell r="BK401">
            <v>6740000</v>
          </cell>
          <cell r="BL401" t="str">
            <v xml:space="preserve"> </v>
          </cell>
          <cell r="BM401">
            <v>84000</v>
          </cell>
          <cell r="BN401">
            <v>0.98813056379821962</v>
          </cell>
        </row>
        <row r="402">
          <cell r="A402">
            <v>2056</v>
          </cell>
          <cell r="B402" t="str">
            <v>製造請負</v>
          </cell>
          <cell r="C402" t="str">
            <v>記念共通ウィズユーカード【映画「ブリーチ」】</v>
          </cell>
          <cell r="D402">
            <v>39028</v>
          </cell>
          <cell r="E402" t="str">
            <v>特命</v>
          </cell>
          <cell r="G402">
            <v>177030</v>
          </cell>
          <cell r="I402">
            <v>3000</v>
          </cell>
          <cell r="J402" t="str">
            <v>枚</v>
          </cell>
          <cell r="K402" t="str">
            <v/>
          </cell>
          <cell r="L402">
            <v>177030</v>
          </cell>
          <cell r="M402" t="str">
            <v>特命</v>
          </cell>
          <cell r="N402" t="str">
            <v>軌・営　高・営</v>
          </cell>
          <cell r="P402">
            <v>39059</v>
          </cell>
          <cell r="Q402" t="str">
            <v>壱</v>
          </cell>
          <cell r="R402" t="str">
            <v>無</v>
          </cell>
          <cell r="S402" t="str">
            <v>経営企画課</v>
          </cell>
          <cell r="T402" t="str">
            <v>今野　吉隆</v>
          </cell>
          <cell r="U402">
            <v>2123</v>
          </cell>
          <cell r="V402" t="str">
            <v>課長</v>
          </cell>
          <cell r="W402" t="str">
            <v>なか１日</v>
          </cell>
          <cell r="X402" t="str">
            <v>特命</v>
          </cell>
          <cell r="Y402">
            <v>39031</v>
          </cell>
          <cell r="Z402">
            <v>39034</v>
          </cell>
          <cell r="AA402">
            <v>1415</v>
          </cell>
          <cell r="AB402" t="str">
            <v>交通局３階総務課（契約担当）</v>
          </cell>
          <cell r="AD402" t="str">
            <v>平成18年11月13日(月)　14時15分</v>
          </cell>
          <cell r="AI402">
            <v>1</v>
          </cell>
          <cell r="AJ402" t="str">
            <v>共同印刷（株）</v>
          </cell>
          <cell r="AU402" t="str">
            <v>省略可</v>
          </cell>
          <cell r="AW402">
            <v>177030</v>
          </cell>
          <cell r="AX402">
            <v>1</v>
          </cell>
          <cell r="AY402" t="str">
            <v>共同印刷（株）</v>
          </cell>
          <cell r="AZ402">
            <v>159000</v>
          </cell>
          <cell r="BA402">
            <v>166950</v>
          </cell>
          <cell r="BB402">
            <v>7950</v>
          </cell>
          <cell r="BC402" t="str">
            <v>発注書</v>
          </cell>
          <cell r="BE402">
            <v>39034</v>
          </cell>
          <cell r="BF402" t="str">
            <v>しない</v>
          </cell>
          <cell r="BG402" t="str">
            <v>見積</v>
          </cell>
          <cell r="BH402">
            <v>0.94306049822064053</v>
          </cell>
          <cell r="BK402">
            <v>168600</v>
          </cell>
          <cell r="BL402">
            <v>59.01</v>
          </cell>
          <cell r="BM402">
            <v>10080</v>
          </cell>
          <cell r="BN402">
            <v>0.94306049822064053</v>
          </cell>
        </row>
        <row r="403">
          <cell r="A403">
            <v>2057</v>
          </cell>
          <cell r="B403" t="str">
            <v>製造請負</v>
          </cell>
          <cell r="C403" t="str">
            <v>車体接地板</v>
          </cell>
          <cell r="D403">
            <v>39028</v>
          </cell>
          <cell r="G403">
            <v>529200</v>
          </cell>
          <cell r="I403">
            <v>1</v>
          </cell>
          <cell r="J403" t="str">
            <v>式</v>
          </cell>
          <cell r="K403" t="str">
            <v/>
          </cell>
          <cell r="L403">
            <v>529200</v>
          </cell>
          <cell r="M403" t="str">
            <v>公開</v>
          </cell>
          <cell r="N403" t="str">
            <v>高・営</v>
          </cell>
          <cell r="P403">
            <v>39059</v>
          </cell>
          <cell r="Q403" t="str">
            <v>壱</v>
          </cell>
          <cell r="R403" t="str">
            <v>無</v>
          </cell>
          <cell r="S403" t="str">
            <v>電気課</v>
          </cell>
          <cell r="T403" t="str">
            <v>佐久間　正</v>
          </cell>
          <cell r="U403">
            <v>2627</v>
          </cell>
          <cell r="V403" t="str">
            <v>課長</v>
          </cell>
          <cell r="W403" t="str">
            <v>なか１日</v>
          </cell>
          <cell r="X403" t="str">
            <v>公開</v>
          </cell>
          <cell r="Y403">
            <v>39037</v>
          </cell>
          <cell r="Z403">
            <v>39037</v>
          </cell>
          <cell r="AB403" t="str">
            <v>交通局３階総務課（契約担当）</v>
          </cell>
          <cell r="AD403" t="e">
            <v>#VALUE!</v>
          </cell>
          <cell r="AI403">
            <v>3</v>
          </cell>
          <cell r="AJ403" t="str">
            <v>（株）大興商事</v>
          </cell>
          <cell r="AK403" t="str">
            <v>北興化工機（株）</v>
          </cell>
          <cell r="AU403" t="str">
            <v>省略可</v>
          </cell>
          <cell r="AW403">
            <v>529200</v>
          </cell>
          <cell r="AX403">
            <v>1</v>
          </cell>
          <cell r="AY403" t="str">
            <v>（株）大興商事</v>
          </cell>
          <cell r="AZ403">
            <v>235200</v>
          </cell>
          <cell r="BA403">
            <v>246960</v>
          </cell>
          <cell r="BB403">
            <v>11760</v>
          </cell>
          <cell r="BC403" t="str">
            <v>発注書</v>
          </cell>
          <cell r="BE403">
            <v>39038</v>
          </cell>
          <cell r="BF403" t="str">
            <v>しない</v>
          </cell>
          <cell r="BG403" t="str">
            <v>見積(公開)</v>
          </cell>
          <cell r="BH403">
            <v>0.46666666666666667</v>
          </cell>
          <cell r="BK403">
            <v>504000</v>
          </cell>
          <cell r="BL403" t="str">
            <v xml:space="preserve"> </v>
          </cell>
          <cell r="BM403">
            <v>282240</v>
          </cell>
          <cell r="BN403">
            <v>0.46666666666666667</v>
          </cell>
        </row>
        <row r="404">
          <cell r="A404">
            <v>7136</v>
          </cell>
          <cell r="B404" t="str">
            <v>業務委託</v>
          </cell>
          <cell r="C404" t="str">
            <v>教育支援（ＣＡＩ）システム改修</v>
          </cell>
          <cell r="D404">
            <v>39023</v>
          </cell>
          <cell r="E404" t="str">
            <v>特命</v>
          </cell>
          <cell r="G404">
            <v>40817700</v>
          </cell>
          <cell r="I404">
            <v>1</v>
          </cell>
          <cell r="J404" t="str">
            <v>式</v>
          </cell>
          <cell r="K404" t="str">
            <v/>
          </cell>
          <cell r="L404">
            <v>40817700</v>
          </cell>
          <cell r="M404" t="str">
            <v>特命</v>
          </cell>
          <cell r="N404" t="str">
            <v>高・営</v>
          </cell>
          <cell r="O404">
            <v>39042</v>
          </cell>
          <cell r="P404">
            <v>39171</v>
          </cell>
          <cell r="Q404" t="str">
            <v>壱</v>
          </cell>
          <cell r="R404" t="str">
            <v>無</v>
          </cell>
          <cell r="S404" t="str">
            <v>教習所</v>
          </cell>
          <cell r="T404" t="str">
            <v>土井　晴夫</v>
          </cell>
          <cell r="U404">
            <v>2913</v>
          </cell>
          <cell r="V404" t="str">
            <v>管理者</v>
          </cell>
          <cell r="W404" t="str">
            <v>なか５日</v>
          </cell>
          <cell r="X404" t="str">
            <v>特命</v>
          </cell>
          <cell r="Y404">
            <v>39034</v>
          </cell>
          <cell r="Z404">
            <v>39038</v>
          </cell>
          <cell r="AA404">
            <v>1500</v>
          </cell>
          <cell r="AB404" t="str">
            <v>交通局３階総務課（契約担当）</v>
          </cell>
          <cell r="AD404" t="str">
            <v>平成18年11月17日(金)　15時00分</v>
          </cell>
          <cell r="AI404">
            <v>1</v>
          </cell>
          <cell r="AJ404" t="str">
            <v>（株）東芝北海道支社</v>
          </cell>
          <cell r="AU404" t="str">
            <v>要</v>
          </cell>
          <cell r="AV404">
            <v>38480000</v>
          </cell>
          <cell r="AW404">
            <v>40404000</v>
          </cell>
          <cell r="AX404">
            <v>1.0135308946853994E-2</v>
          </cell>
          <cell r="AY404" t="str">
            <v>（株）東芝北海道支社</v>
          </cell>
          <cell r="AZ404">
            <v>38000000</v>
          </cell>
          <cell r="BA404">
            <v>39900000</v>
          </cell>
          <cell r="BB404">
            <v>1900000</v>
          </cell>
          <cell r="BC404" t="str">
            <v>契約書</v>
          </cell>
          <cell r="BE404">
            <v>39041</v>
          </cell>
          <cell r="BF404" t="str">
            <v>しない</v>
          </cell>
          <cell r="BG404" t="str">
            <v>見積</v>
          </cell>
          <cell r="BH404">
            <v>0.98752598752598753</v>
          </cell>
          <cell r="BK404">
            <v>38874000</v>
          </cell>
          <cell r="BL404" t="str">
            <v xml:space="preserve"> </v>
          </cell>
          <cell r="BM404">
            <v>917700</v>
          </cell>
          <cell r="BN404">
            <v>0.97751710654936463</v>
          </cell>
        </row>
        <row r="405">
          <cell r="A405">
            <v>7137</v>
          </cell>
          <cell r="B405" t="str">
            <v>業務委託</v>
          </cell>
          <cell r="C405" t="str">
            <v>札幌市交通局財務会計システムリプレース業務</v>
          </cell>
          <cell r="D405">
            <v>39028</v>
          </cell>
          <cell r="E405" t="str">
            <v>特命</v>
          </cell>
          <cell r="G405">
            <v>8839950</v>
          </cell>
          <cell r="I405">
            <v>1</v>
          </cell>
          <cell r="J405" t="str">
            <v>式</v>
          </cell>
          <cell r="K405" t="str">
            <v/>
          </cell>
          <cell r="L405">
            <v>8839950</v>
          </cell>
          <cell r="M405" t="str">
            <v>特命</v>
          </cell>
          <cell r="N405" t="str">
            <v>高・営</v>
          </cell>
          <cell r="O405">
            <v>39037</v>
          </cell>
          <cell r="P405">
            <v>39172</v>
          </cell>
          <cell r="Q405" t="str">
            <v>壱</v>
          </cell>
          <cell r="R405" t="str">
            <v>無</v>
          </cell>
          <cell r="S405" t="str">
            <v>総務課</v>
          </cell>
          <cell r="T405" t="str">
            <v>橋本　直実輝</v>
          </cell>
          <cell r="U405">
            <v>2215</v>
          </cell>
          <cell r="V405" t="str">
            <v>管理者</v>
          </cell>
          <cell r="W405" t="str">
            <v>なか５日</v>
          </cell>
          <cell r="X405" t="str">
            <v>特命</v>
          </cell>
          <cell r="Y405">
            <v>39036</v>
          </cell>
          <cell r="Z405">
            <v>39036</v>
          </cell>
          <cell r="AA405">
            <v>1315</v>
          </cell>
          <cell r="AB405" t="str">
            <v>交通局３階総務課（契約担当）</v>
          </cell>
          <cell r="AD405" t="str">
            <v>平成18年11月15日(水)　13時15分</v>
          </cell>
          <cell r="AI405">
            <v>1</v>
          </cell>
          <cell r="AJ405" t="str">
            <v>（株）エヌ・ティ・ティ・データ北海道</v>
          </cell>
          <cell r="AU405" t="str">
            <v>要</v>
          </cell>
          <cell r="AV405">
            <v>8330000</v>
          </cell>
          <cell r="AW405">
            <v>8746500</v>
          </cell>
          <cell r="AX405">
            <v>1.0571326760898003E-2</v>
          </cell>
          <cell r="AY405" t="str">
            <v>（株）エヌ・ティ・ティ・データ北海道</v>
          </cell>
          <cell r="AZ405">
            <v>8250000</v>
          </cell>
          <cell r="BA405">
            <v>8662500</v>
          </cell>
          <cell r="BB405">
            <v>412500</v>
          </cell>
          <cell r="BC405" t="str">
            <v>契約書</v>
          </cell>
          <cell r="BE405">
            <v>39037</v>
          </cell>
          <cell r="BF405" t="str">
            <v>しない</v>
          </cell>
          <cell r="BG405" t="str">
            <v>見積</v>
          </cell>
          <cell r="BH405">
            <v>0.99039615846338536</v>
          </cell>
          <cell r="BK405">
            <v>8419000</v>
          </cell>
          <cell r="BL405" t="str">
            <v xml:space="preserve"> </v>
          </cell>
          <cell r="BM405">
            <v>177450</v>
          </cell>
          <cell r="BN405">
            <v>0.97992635704953079</v>
          </cell>
        </row>
        <row r="406">
          <cell r="A406">
            <v>2058</v>
          </cell>
          <cell r="B406" t="str">
            <v>製造請負</v>
          </cell>
          <cell r="C406" t="str">
            <v>大谷地駅出口案内板標識</v>
          </cell>
          <cell r="D406">
            <v>39028</v>
          </cell>
          <cell r="G406">
            <v>404250</v>
          </cell>
          <cell r="I406">
            <v>1</v>
          </cell>
          <cell r="J406" t="str">
            <v>式</v>
          </cell>
          <cell r="K406" t="str">
            <v/>
          </cell>
          <cell r="L406">
            <v>404250</v>
          </cell>
          <cell r="M406" t="str">
            <v>公開</v>
          </cell>
          <cell r="N406" t="str">
            <v>高・営</v>
          </cell>
          <cell r="P406">
            <v>39073</v>
          </cell>
          <cell r="Q406" t="str">
            <v>壱</v>
          </cell>
          <cell r="R406" t="str">
            <v>無</v>
          </cell>
          <cell r="S406" t="str">
            <v>駅務課</v>
          </cell>
          <cell r="T406" t="str">
            <v>秋葉　猛</v>
          </cell>
          <cell r="U406">
            <v>5714</v>
          </cell>
          <cell r="V406" t="str">
            <v>課長</v>
          </cell>
          <cell r="W406" t="str">
            <v>なか１日</v>
          </cell>
          <cell r="X406" t="str">
            <v>公開</v>
          </cell>
          <cell r="Y406">
            <v>39037</v>
          </cell>
          <cell r="Z406">
            <v>39037</v>
          </cell>
          <cell r="AB406" t="str">
            <v>交通局３階総務課（契約担当）</v>
          </cell>
          <cell r="AD406" t="e">
            <v>#VALUE!</v>
          </cell>
          <cell r="AI406">
            <v>3</v>
          </cell>
          <cell r="AJ406" t="str">
            <v>（株）ササキ札幌営業所</v>
          </cell>
          <cell r="AK406" t="str">
            <v>大丸藤井（株）</v>
          </cell>
          <cell r="AL406" t="str">
            <v>七欧産業（株）</v>
          </cell>
          <cell r="AM406" t="str">
            <v>（株）日本孔版</v>
          </cell>
          <cell r="AU406" t="str">
            <v>省略可</v>
          </cell>
          <cell r="AW406">
            <v>404250</v>
          </cell>
          <cell r="AX406">
            <v>1</v>
          </cell>
          <cell r="AY406" t="str">
            <v>（株）ササキ札幌営業所</v>
          </cell>
          <cell r="AZ406">
            <v>305000</v>
          </cell>
          <cell r="BA406">
            <v>320250</v>
          </cell>
          <cell r="BB406">
            <v>15250</v>
          </cell>
          <cell r="BC406" t="str">
            <v>発注書</v>
          </cell>
          <cell r="BE406">
            <v>39038</v>
          </cell>
          <cell r="BF406" t="str">
            <v>しない</v>
          </cell>
          <cell r="BG406" t="str">
            <v>見積(公開)</v>
          </cell>
          <cell r="BH406">
            <v>0.79220779220779225</v>
          </cell>
          <cell r="BK406">
            <v>385000</v>
          </cell>
          <cell r="BL406" t="str">
            <v xml:space="preserve"> </v>
          </cell>
          <cell r="BM406">
            <v>84000</v>
          </cell>
          <cell r="BN406">
            <v>0.79220779220779225</v>
          </cell>
        </row>
        <row r="407">
          <cell r="A407">
            <v>1211</v>
          </cell>
          <cell r="B407" t="str">
            <v>物品購入</v>
          </cell>
          <cell r="C407" t="str">
            <v>シールドビーム電球他</v>
          </cell>
          <cell r="D407">
            <v>39028</v>
          </cell>
          <cell r="E407" t="str">
            <v>特命</v>
          </cell>
          <cell r="G407">
            <v>2529135</v>
          </cell>
          <cell r="I407">
            <v>1</v>
          </cell>
          <cell r="J407" t="str">
            <v>式</v>
          </cell>
          <cell r="K407" t="str">
            <v/>
          </cell>
          <cell r="L407">
            <v>2529135</v>
          </cell>
          <cell r="M407" t="str">
            <v>特命</v>
          </cell>
          <cell r="N407" t="str">
            <v>高・営</v>
          </cell>
          <cell r="P407">
            <v>39171</v>
          </cell>
          <cell r="Q407" t="str">
            <v>壱</v>
          </cell>
          <cell r="R407" t="str">
            <v>無</v>
          </cell>
          <cell r="S407" t="str">
            <v>車両課(大谷地)</v>
          </cell>
          <cell r="T407" t="str">
            <v>吉川　智</v>
          </cell>
          <cell r="U407">
            <v>8415</v>
          </cell>
          <cell r="V407" t="str">
            <v>課長</v>
          </cell>
          <cell r="W407" t="str">
            <v>なか１日</v>
          </cell>
          <cell r="X407" t="str">
            <v>特命</v>
          </cell>
          <cell r="Y407">
            <v>39031</v>
          </cell>
          <cell r="Z407">
            <v>39035</v>
          </cell>
          <cell r="AA407">
            <v>1330</v>
          </cell>
          <cell r="AB407" t="str">
            <v>交通局３階総務課（契約担当）</v>
          </cell>
          <cell r="AD407" t="str">
            <v>平成18年11月14日(火)　13時30分</v>
          </cell>
          <cell r="AI407">
            <v>1</v>
          </cell>
          <cell r="AJ407" t="str">
            <v>札幌川重車両エンジニアリング（株）</v>
          </cell>
          <cell r="AU407" t="str">
            <v>要</v>
          </cell>
          <cell r="AV407">
            <v>2400000</v>
          </cell>
          <cell r="AW407">
            <v>2520000</v>
          </cell>
          <cell r="AX407">
            <v>3.6119068377132857E-3</v>
          </cell>
          <cell r="AY407" t="str">
            <v>札幌川重車両エンジニアリング（株）</v>
          </cell>
          <cell r="AZ407">
            <v>2400000</v>
          </cell>
          <cell r="BA407">
            <v>2520000</v>
          </cell>
          <cell r="BB407">
            <v>120000</v>
          </cell>
          <cell r="BC407" t="str">
            <v>契約書</v>
          </cell>
          <cell r="BE407">
            <v>39036</v>
          </cell>
          <cell r="BF407" t="str">
            <v>しない</v>
          </cell>
          <cell r="BG407" t="str">
            <v>見積</v>
          </cell>
          <cell r="BH407">
            <v>1</v>
          </cell>
          <cell r="BK407">
            <v>2408700</v>
          </cell>
          <cell r="BL407" t="str">
            <v xml:space="preserve"> </v>
          </cell>
          <cell r="BM407">
            <v>9135</v>
          </cell>
          <cell r="BN407">
            <v>0.99638809316228671</v>
          </cell>
        </row>
        <row r="408">
          <cell r="A408">
            <v>7138</v>
          </cell>
          <cell r="B408" t="str">
            <v>業務委託</v>
          </cell>
          <cell r="C408" t="str">
            <v>牽引車整備</v>
          </cell>
          <cell r="D408">
            <v>39028</v>
          </cell>
          <cell r="G408">
            <v>510300</v>
          </cell>
          <cell r="I408">
            <v>1</v>
          </cell>
          <cell r="J408" t="str">
            <v>式</v>
          </cell>
          <cell r="K408" t="str">
            <v/>
          </cell>
          <cell r="L408">
            <v>510300</v>
          </cell>
          <cell r="M408" t="str">
            <v>見積</v>
          </cell>
          <cell r="N408" t="str">
            <v>高・営</v>
          </cell>
          <cell r="O408">
            <v>39038</v>
          </cell>
          <cell r="P408">
            <v>39077</v>
          </cell>
          <cell r="Q408" t="str">
            <v>壱</v>
          </cell>
          <cell r="R408" t="str">
            <v>無</v>
          </cell>
          <cell r="S408" t="str">
            <v>車両課(大谷地)</v>
          </cell>
          <cell r="T408" t="str">
            <v>大瀧　裕</v>
          </cell>
          <cell r="U408">
            <v>8418</v>
          </cell>
          <cell r="V408" t="str">
            <v>部長</v>
          </cell>
          <cell r="W408" t="str">
            <v>なか１日</v>
          </cell>
          <cell r="X408" t="str">
            <v>見積</v>
          </cell>
          <cell r="Y408">
            <v>39034</v>
          </cell>
          <cell r="Z408">
            <v>39036</v>
          </cell>
          <cell r="AA408">
            <v>1130</v>
          </cell>
          <cell r="AB408" t="str">
            <v>交通局５階入札室</v>
          </cell>
          <cell r="AD408" t="str">
            <v>平成18年11月15日(水)　11時30分</v>
          </cell>
          <cell r="AI408">
            <v>3</v>
          </cell>
          <cell r="AJ408" t="str">
            <v>札幌川重車両エンジニアリング（株）</v>
          </cell>
          <cell r="AK408" t="str">
            <v>札幌交通機械（株）</v>
          </cell>
          <cell r="AL408" t="str">
            <v>トヨタエルアンドエフ札幌（株）</v>
          </cell>
          <cell r="AM408" t="str">
            <v>北海道TCM（株）</v>
          </cell>
          <cell r="AU408" t="str">
            <v>省略可</v>
          </cell>
          <cell r="AW408">
            <v>510300</v>
          </cell>
          <cell r="AX408">
            <v>1</v>
          </cell>
          <cell r="AY408" t="str">
            <v>札幌交通機械（株）</v>
          </cell>
          <cell r="AZ408">
            <v>470000</v>
          </cell>
          <cell r="BA408">
            <v>493500</v>
          </cell>
          <cell r="BB408">
            <v>23500</v>
          </cell>
          <cell r="BC408" t="str">
            <v>請書</v>
          </cell>
          <cell r="BE408">
            <v>39037</v>
          </cell>
          <cell r="BF408" t="str">
            <v>しない</v>
          </cell>
          <cell r="BG408" t="str">
            <v>見積</v>
          </cell>
          <cell r="BH408">
            <v>0.96707818930041156</v>
          </cell>
          <cell r="BK408">
            <v>486000</v>
          </cell>
          <cell r="BL408" t="str">
            <v xml:space="preserve"> </v>
          </cell>
          <cell r="BM408">
            <v>16800</v>
          </cell>
          <cell r="BN408">
            <v>0.96707818930041156</v>
          </cell>
        </row>
        <row r="409">
          <cell r="A409">
            <v>7139</v>
          </cell>
          <cell r="B409" t="str">
            <v>業務委託</v>
          </cell>
          <cell r="C409" t="str">
            <v>牽引車定期点検整備</v>
          </cell>
          <cell r="D409">
            <v>39029</v>
          </cell>
          <cell r="G409">
            <v>570150</v>
          </cell>
          <cell r="I409">
            <v>1</v>
          </cell>
          <cell r="J409" t="str">
            <v>式</v>
          </cell>
          <cell r="K409" t="str">
            <v/>
          </cell>
          <cell r="L409">
            <v>570150</v>
          </cell>
          <cell r="M409" t="str">
            <v>見積</v>
          </cell>
          <cell r="N409" t="str">
            <v>高・営</v>
          </cell>
          <cell r="O409">
            <v>39038</v>
          </cell>
          <cell r="P409">
            <v>39073</v>
          </cell>
          <cell r="Q409" t="str">
            <v>壱</v>
          </cell>
          <cell r="R409" t="str">
            <v>無</v>
          </cell>
          <cell r="S409" t="str">
            <v>車両課(二十四軒)</v>
          </cell>
          <cell r="T409" t="str">
            <v>碓井　博明</v>
          </cell>
          <cell r="U409">
            <v>8213</v>
          </cell>
          <cell r="V409" t="str">
            <v>部長</v>
          </cell>
          <cell r="W409" t="str">
            <v>なか１日</v>
          </cell>
          <cell r="X409" t="str">
            <v>見積</v>
          </cell>
          <cell r="Y409">
            <v>39035</v>
          </cell>
          <cell r="Z409">
            <v>39036</v>
          </cell>
          <cell r="AA409">
            <v>1140</v>
          </cell>
          <cell r="AB409" t="str">
            <v>交通局５階入札室</v>
          </cell>
          <cell r="AD409" t="str">
            <v>平成18年11月15日(水)　11時40分</v>
          </cell>
          <cell r="AI409">
            <v>3</v>
          </cell>
          <cell r="AJ409" t="str">
            <v>札幌川重車両エンジニアリング（株）</v>
          </cell>
          <cell r="AK409" t="str">
            <v>札幌交通機械（株）</v>
          </cell>
          <cell r="AL409" t="str">
            <v>トヨタエルアンドエフ札幌（株）</v>
          </cell>
          <cell r="AM409" t="str">
            <v>北海道TCM（株）</v>
          </cell>
          <cell r="AU409" t="str">
            <v>省略可</v>
          </cell>
          <cell r="AW409">
            <v>570150</v>
          </cell>
          <cell r="AX409">
            <v>1</v>
          </cell>
          <cell r="AY409" t="str">
            <v>札幌交通機械（株）</v>
          </cell>
          <cell r="AZ409">
            <v>530000</v>
          </cell>
          <cell r="BA409">
            <v>556500</v>
          </cell>
          <cell r="BB409">
            <v>26500</v>
          </cell>
          <cell r="BC409" t="str">
            <v>契約書</v>
          </cell>
          <cell r="BE409">
            <v>39037</v>
          </cell>
          <cell r="BF409" t="str">
            <v>しない</v>
          </cell>
          <cell r="BG409" t="str">
            <v>見積</v>
          </cell>
          <cell r="BH409">
            <v>0.97605893186003678</v>
          </cell>
          <cell r="BK409">
            <v>543000</v>
          </cell>
          <cell r="BL409" t="str">
            <v xml:space="preserve"> </v>
          </cell>
          <cell r="BM409">
            <v>13650</v>
          </cell>
          <cell r="BN409">
            <v>0.97605893186003678</v>
          </cell>
        </row>
        <row r="410">
          <cell r="A410">
            <v>1212</v>
          </cell>
          <cell r="B410" t="str">
            <v>物品購入</v>
          </cell>
          <cell r="C410" t="str">
            <v>負集電器用スリ板</v>
          </cell>
          <cell r="D410">
            <v>39029</v>
          </cell>
          <cell r="G410">
            <v>317835</v>
          </cell>
          <cell r="I410">
            <v>1</v>
          </cell>
          <cell r="J410" t="str">
            <v>式</v>
          </cell>
          <cell r="K410" t="str">
            <v/>
          </cell>
          <cell r="L410">
            <v>317835</v>
          </cell>
          <cell r="M410" t="str">
            <v>公開</v>
          </cell>
          <cell r="N410" t="str">
            <v>高・営</v>
          </cell>
          <cell r="P410">
            <v>39161</v>
          </cell>
          <cell r="Q410" t="str">
            <v>壱</v>
          </cell>
          <cell r="R410" t="str">
            <v>無</v>
          </cell>
          <cell r="S410" t="str">
            <v>車両課(真駒内)</v>
          </cell>
          <cell r="T410" t="str">
            <v>遠藤　順一</v>
          </cell>
          <cell r="U410">
            <v>8313</v>
          </cell>
          <cell r="V410" t="str">
            <v>課長</v>
          </cell>
          <cell r="W410" t="str">
            <v>なか１日</v>
          </cell>
          <cell r="X410" t="str">
            <v>公開</v>
          </cell>
          <cell r="Y410">
            <v>39037</v>
          </cell>
          <cell r="Z410">
            <v>39037</v>
          </cell>
          <cell r="AB410" t="str">
            <v>交通局３階総務課（契約担当）</v>
          </cell>
          <cell r="AD410" t="e">
            <v>#VALUE!</v>
          </cell>
          <cell r="AI410">
            <v>3</v>
          </cell>
          <cell r="AJ410" t="str">
            <v>うえてつ（株）</v>
          </cell>
          <cell r="AU410" t="str">
            <v>省略可</v>
          </cell>
          <cell r="AW410">
            <v>317835</v>
          </cell>
          <cell r="AX410">
            <v>1</v>
          </cell>
          <cell r="AY410" t="str">
            <v>うえてつ（株）</v>
          </cell>
          <cell r="AZ410">
            <v>302700</v>
          </cell>
          <cell r="BA410">
            <v>317835</v>
          </cell>
          <cell r="BB410">
            <v>15135</v>
          </cell>
          <cell r="BC410" t="str">
            <v>発注書</v>
          </cell>
          <cell r="BE410">
            <v>39038</v>
          </cell>
          <cell r="BF410" t="str">
            <v>しない</v>
          </cell>
          <cell r="BG410" t="str">
            <v>見積(公開)</v>
          </cell>
          <cell r="BH410">
            <v>1</v>
          </cell>
          <cell r="BK410">
            <v>302700</v>
          </cell>
          <cell r="BL410" t="str">
            <v xml:space="preserve"> </v>
          </cell>
          <cell r="BM410">
            <v>0</v>
          </cell>
          <cell r="BN410">
            <v>1</v>
          </cell>
        </row>
        <row r="411">
          <cell r="A411">
            <v>7140</v>
          </cell>
          <cell r="B411" t="str">
            <v>業務委託</v>
          </cell>
          <cell r="C411" t="str">
            <v>大通バスセンター自家発変圧器交換整備</v>
          </cell>
          <cell r="D411">
            <v>39029</v>
          </cell>
          <cell r="E411" t="str">
            <v>特命</v>
          </cell>
          <cell r="G411">
            <v>1943550</v>
          </cell>
          <cell r="I411">
            <v>1</v>
          </cell>
          <cell r="J411" t="str">
            <v>式</v>
          </cell>
          <cell r="K411" t="str">
            <v/>
          </cell>
          <cell r="L411">
            <v>1943550</v>
          </cell>
          <cell r="M411" t="str">
            <v>特命</v>
          </cell>
          <cell r="N411" t="str">
            <v>高・営</v>
          </cell>
          <cell r="O411">
            <v>39038</v>
          </cell>
          <cell r="P411">
            <v>39071</v>
          </cell>
          <cell r="Q411" t="str">
            <v>壱</v>
          </cell>
          <cell r="R411" t="str">
            <v>無</v>
          </cell>
          <cell r="S411" t="str">
            <v>電気課</v>
          </cell>
          <cell r="T411" t="str">
            <v>田鎖　政好</v>
          </cell>
          <cell r="U411">
            <v>2622</v>
          </cell>
          <cell r="V411" t="str">
            <v>部長</v>
          </cell>
          <cell r="W411" t="str">
            <v>なか１日</v>
          </cell>
          <cell r="X411" t="str">
            <v>特命</v>
          </cell>
          <cell r="Y411">
            <v>39035</v>
          </cell>
          <cell r="Z411">
            <v>39037</v>
          </cell>
          <cell r="AA411">
            <v>1315</v>
          </cell>
          <cell r="AB411" t="str">
            <v>交通局３階総務課（契約担当）</v>
          </cell>
          <cell r="AD411" t="str">
            <v>平成18年11月16日(木)　13時15分</v>
          </cell>
          <cell r="AI411">
            <v>1</v>
          </cell>
          <cell r="AJ411" t="str">
            <v>三菱電機（株）北海道支社</v>
          </cell>
          <cell r="AU411" t="str">
            <v>要</v>
          </cell>
          <cell r="AV411">
            <v>1830000</v>
          </cell>
          <cell r="AW411">
            <v>1921500</v>
          </cell>
          <cell r="AX411">
            <v>1.1345218800648316E-2</v>
          </cell>
          <cell r="AY411" t="str">
            <v>三菱電機（株）北海道支社</v>
          </cell>
          <cell r="AZ411">
            <v>1820000</v>
          </cell>
          <cell r="BA411">
            <v>1911000</v>
          </cell>
          <cell r="BB411">
            <v>91000</v>
          </cell>
          <cell r="BC411" t="str">
            <v>契約書</v>
          </cell>
          <cell r="BE411">
            <v>39038</v>
          </cell>
          <cell r="BF411" t="str">
            <v>しない</v>
          </cell>
          <cell r="BG411" t="str">
            <v>見積</v>
          </cell>
          <cell r="BH411">
            <v>0.99453551912568305</v>
          </cell>
          <cell r="BK411">
            <v>1851000</v>
          </cell>
          <cell r="BL411" t="str">
            <v xml:space="preserve"> </v>
          </cell>
          <cell r="BM411">
            <v>32550</v>
          </cell>
          <cell r="BN411">
            <v>0.9832522960561858</v>
          </cell>
        </row>
        <row r="412">
          <cell r="A412">
            <v>7141</v>
          </cell>
          <cell r="B412" t="str">
            <v>業務委託</v>
          </cell>
          <cell r="C412" t="str">
            <v>東基地入切表示灯移設</v>
          </cell>
          <cell r="D412">
            <v>39029</v>
          </cell>
          <cell r="E412" t="str">
            <v>特命</v>
          </cell>
          <cell r="G412">
            <v>231000</v>
          </cell>
          <cell r="I412">
            <v>1</v>
          </cell>
          <cell r="J412" t="str">
            <v>式</v>
          </cell>
          <cell r="K412" t="str">
            <v/>
          </cell>
          <cell r="L412">
            <v>231000</v>
          </cell>
          <cell r="M412" t="str">
            <v>特命</v>
          </cell>
          <cell r="N412" t="str">
            <v>高・営</v>
          </cell>
          <cell r="O412">
            <v>39038</v>
          </cell>
          <cell r="P412">
            <v>39051</v>
          </cell>
          <cell r="Q412" t="str">
            <v>壱</v>
          </cell>
          <cell r="R412" t="str">
            <v>無</v>
          </cell>
          <cell r="S412" t="str">
            <v>電気課</v>
          </cell>
          <cell r="T412" t="str">
            <v>佐久間　正</v>
          </cell>
          <cell r="U412">
            <v>2627</v>
          </cell>
          <cell r="V412" t="str">
            <v>課長</v>
          </cell>
          <cell r="W412" t="str">
            <v>なか１日</v>
          </cell>
          <cell r="X412" t="str">
            <v>特命</v>
          </cell>
          <cell r="Y412">
            <v>39034</v>
          </cell>
          <cell r="Z412">
            <v>39035</v>
          </cell>
          <cell r="AA412">
            <v>1500</v>
          </cell>
          <cell r="AB412" t="str">
            <v>交通局３階総務課（契約担当）</v>
          </cell>
          <cell r="AD412" t="str">
            <v>平成18年11月14日(火)　15時00分</v>
          </cell>
          <cell r="AI412">
            <v>1</v>
          </cell>
          <cell r="AJ412" t="str">
            <v>日本電設工業（株）北海道支店</v>
          </cell>
          <cell r="AU412" t="str">
            <v>省略可</v>
          </cell>
          <cell r="AW412">
            <v>231000</v>
          </cell>
          <cell r="AX412">
            <v>1</v>
          </cell>
          <cell r="AY412" t="str">
            <v>日本電設工業（株）北海道支店</v>
          </cell>
          <cell r="AZ412">
            <v>200000</v>
          </cell>
          <cell r="BA412">
            <v>210000</v>
          </cell>
          <cell r="BB412">
            <v>10000</v>
          </cell>
          <cell r="BC412" t="str">
            <v>請書</v>
          </cell>
          <cell r="BE412">
            <v>39037</v>
          </cell>
          <cell r="BF412" t="str">
            <v>しない</v>
          </cell>
          <cell r="BG412" t="str">
            <v>見積</v>
          </cell>
          <cell r="BH412">
            <v>0.90909090909090906</v>
          </cell>
          <cell r="BK412">
            <v>220000</v>
          </cell>
          <cell r="BL412" t="str">
            <v xml:space="preserve"> </v>
          </cell>
          <cell r="BM412">
            <v>21000</v>
          </cell>
          <cell r="BN412">
            <v>0.90909090909090906</v>
          </cell>
        </row>
        <row r="413">
          <cell r="A413">
            <v>2059</v>
          </cell>
          <cell r="B413" t="str">
            <v>製造請負</v>
          </cell>
          <cell r="C413" t="str">
            <v>開局記念表彰盾</v>
          </cell>
          <cell r="D413">
            <v>39034</v>
          </cell>
          <cell r="G413">
            <v>114660</v>
          </cell>
          <cell r="I413">
            <v>1</v>
          </cell>
          <cell r="J413" t="str">
            <v>式</v>
          </cell>
          <cell r="K413" t="str">
            <v/>
          </cell>
          <cell r="L413">
            <v>114660</v>
          </cell>
          <cell r="M413" t="str">
            <v>公開</v>
          </cell>
          <cell r="N413" t="str">
            <v>高・営</v>
          </cell>
          <cell r="P413">
            <v>39051</v>
          </cell>
          <cell r="Q413" t="str">
            <v>壱</v>
          </cell>
          <cell r="R413" t="str">
            <v>無</v>
          </cell>
          <cell r="S413" t="str">
            <v>総務課</v>
          </cell>
          <cell r="T413" t="str">
            <v>門脇　真</v>
          </cell>
          <cell r="U413">
            <v>2234</v>
          </cell>
          <cell r="V413" t="str">
            <v>課長</v>
          </cell>
          <cell r="W413" t="str">
            <v>なか１日</v>
          </cell>
          <cell r="X413" t="str">
            <v>公開</v>
          </cell>
          <cell r="Y413">
            <v>39037</v>
          </cell>
          <cell r="Z413">
            <v>39037</v>
          </cell>
          <cell r="AB413" t="str">
            <v>交通局３階総務課（契約担当）</v>
          </cell>
          <cell r="AD413" t="e">
            <v>#VALUE!</v>
          </cell>
          <cell r="AI413">
            <v>3</v>
          </cell>
          <cell r="AJ413" t="str">
            <v>オリジナルHOTTａ</v>
          </cell>
          <cell r="AU413" t="str">
            <v>省略可</v>
          </cell>
          <cell r="AW413">
            <v>114660</v>
          </cell>
          <cell r="AX413">
            <v>1</v>
          </cell>
          <cell r="AY413" t="str">
            <v>オリジナルHOTTａ</v>
          </cell>
          <cell r="AZ413">
            <v>109200</v>
          </cell>
          <cell r="BA413">
            <v>114660</v>
          </cell>
          <cell r="BB413">
            <v>5460</v>
          </cell>
          <cell r="BC413" t="str">
            <v>発注書</v>
          </cell>
          <cell r="BE413">
            <v>39038</v>
          </cell>
          <cell r="BF413" t="str">
            <v>しない</v>
          </cell>
          <cell r="BG413" t="str">
            <v>見積(公開)</v>
          </cell>
          <cell r="BH413">
            <v>1</v>
          </cell>
          <cell r="BK413">
            <v>109200</v>
          </cell>
          <cell r="BL413" t="str">
            <v xml:space="preserve"> </v>
          </cell>
          <cell r="BM413">
            <v>0</v>
          </cell>
          <cell r="BN413">
            <v>1</v>
          </cell>
        </row>
        <row r="414">
          <cell r="A414">
            <v>7142</v>
          </cell>
          <cell r="B414" t="str">
            <v>業務委託</v>
          </cell>
          <cell r="C414" t="str">
            <v>チョッパ・インバータゲート装置（三菱製）改修</v>
          </cell>
          <cell r="D414">
            <v>39034</v>
          </cell>
          <cell r="E414" t="str">
            <v>特命</v>
          </cell>
          <cell r="G414">
            <v>1682100</v>
          </cell>
          <cell r="I414">
            <v>1</v>
          </cell>
          <cell r="J414" t="str">
            <v>式</v>
          </cell>
          <cell r="K414" t="str">
            <v/>
          </cell>
          <cell r="L414">
            <v>1682100</v>
          </cell>
          <cell r="M414" t="str">
            <v>特命</v>
          </cell>
          <cell r="N414" t="str">
            <v>高・営</v>
          </cell>
          <cell r="O414">
            <v>39042</v>
          </cell>
          <cell r="P414">
            <v>39168</v>
          </cell>
          <cell r="Q414" t="str">
            <v>壱</v>
          </cell>
          <cell r="R414" t="str">
            <v>無</v>
          </cell>
          <cell r="S414" t="str">
            <v>車両課(二十四軒)</v>
          </cell>
          <cell r="T414" t="str">
            <v>加賀　明</v>
          </cell>
          <cell r="U414">
            <v>8203</v>
          </cell>
          <cell r="V414" t="str">
            <v>部長</v>
          </cell>
          <cell r="W414" t="str">
            <v>なか１日</v>
          </cell>
          <cell r="X414" t="str">
            <v>特命</v>
          </cell>
          <cell r="Y414">
            <v>39038</v>
          </cell>
          <cell r="Z414">
            <v>39041</v>
          </cell>
          <cell r="AA414">
            <v>1400</v>
          </cell>
          <cell r="AB414" t="str">
            <v>交通局３階総務課（契約担当）</v>
          </cell>
          <cell r="AD414" t="str">
            <v>平成18年11月20日(月)　14時00分</v>
          </cell>
          <cell r="AI414">
            <v>1</v>
          </cell>
          <cell r="AJ414" t="str">
            <v>三菱電機（株）北海道支社</v>
          </cell>
          <cell r="AU414" t="str">
            <v>要</v>
          </cell>
          <cell r="AV414">
            <v>1585000</v>
          </cell>
          <cell r="AW414">
            <v>1664250</v>
          </cell>
          <cell r="AX414">
            <v>1.061173533083648E-2</v>
          </cell>
          <cell r="AY414" t="str">
            <v>三菱電機（株）北海道支社</v>
          </cell>
          <cell r="AZ414">
            <v>1560000</v>
          </cell>
          <cell r="BA414">
            <v>1638000</v>
          </cell>
          <cell r="BB414">
            <v>78000</v>
          </cell>
          <cell r="BC414" t="str">
            <v>契約書</v>
          </cell>
          <cell r="BE414">
            <v>39042</v>
          </cell>
          <cell r="BF414" t="str">
            <v>しない</v>
          </cell>
          <cell r="BG414" t="str">
            <v>見積</v>
          </cell>
          <cell r="BH414">
            <v>0.98422712933753942</v>
          </cell>
          <cell r="BK414">
            <v>1602000</v>
          </cell>
          <cell r="BL414" t="str">
            <v xml:space="preserve"> </v>
          </cell>
          <cell r="BM414">
            <v>44100</v>
          </cell>
          <cell r="BN414">
            <v>0.97378277153558057</v>
          </cell>
        </row>
        <row r="415">
          <cell r="A415">
            <v>7143</v>
          </cell>
          <cell r="B415" t="str">
            <v>業務委託</v>
          </cell>
          <cell r="C415" t="str">
            <v>ヒーター付バックミラー取付業務</v>
          </cell>
          <cell r="D415">
            <v>39031</v>
          </cell>
          <cell r="G415">
            <v>1838550</v>
          </cell>
          <cell r="I415">
            <v>1</v>
          </cell>
          <cell r="J415" t="str">
            <v>式</v>
          </cell>
          <cell r="K415" t="str">
            <v/>
          </cell>
          <cell r="L415">
            <v>1838550</v>
          </cell>
          <cell r="M415" t="str">
            <v>入札</v>
          </cell>
          <cell r="N415" t="str">
            <v>軌・営</v>
          </cell>
          <cell r="O415">
            <v>39045</v>
          </cell>
          <cell r="P415">
            <v>39073</v>
          </cell>
          <cell r="Q415" t="str">
            <v>壱</v>
          </cell>
          <cell r="R415" t="str">
            <v>無</v>
          </cell>
          <cell r="S415" t="str">
            <v>電車事業所</v>
          </cell>
          <cell r="T415" t="str">
            <v>長田　博司</v>
          </cell>
          <cell r="U415">
            <v>2933</v>
          </cell>
          <cell r="V415" t="str">
            <v>部長</v>
          </cell>
          <cell r="W415" t="str">
            <v>なか１日</v>
          </cell>
          <cell r="X415" t="str">
            <v>入札</v>
          </cell>
          <cell r="Y415">
            <v>39037</v>
          </cell>
          <cell r="Z415">
            <v>39042</v>
          </cell>
          <cell r="AA415">
            <v>1110</v>
          </cell>
          <cell r="AB415" t="str">
            <v>交通局３階総務課（契約担当）</v>
          </cell>
          <cell r="AD415" t="str">
            <v>平成18年11月21日(火)　11時10分</v>
          </cell>
          <cell r="AE415" t="str">
            <v>サービス業</v>
          </cell>
          <cell r="AF415" t="str">
            <v>車両整備業</v>
          </cell>
          <cell r="AG415" t="str">
            <v>路面電車・索道整備業</v>
          </cell>
          <cell r="AH415" t="str">
            <v>-</v>
          </cell>
          <cell r="AI415">
            <v>3</v>
          </cell>
          <cell r="AJ415" t="str">
            <v>札幌川重車両エンジニアリング（株）</v>
          </cell>
          <cell r="AK415" t="str">
            <v>札幌交通機械（株）</v>
          </cell>
          <cell r="AL415" t="str">
            <v>北都電機（株）</v>
          </cell>
          <cell r="AU415" t="str">
            <v>要</v>
          </cell>
          <cell r="AV415">
            <v>1700000</v>
          </cell>
          <cell r="AW415">
            <v>1785000</v>
          </cell>
          <cell r="AX415">
            <v>2.9126213592232997E-2</v>
          </cell>
          <cell r="AY415" t="str">
            <v>北都電機（株）</v>
          </cell>
          <cell r="AZ415">
            <v>1700000</v>
          </cell>
          <cell r="BA415">
            <v>1785000</v>
          </cell>
          <cell r="BB415">
            <v>85000</v>
          </cell>
          <cell r="BC415" t="str">
            <v>契約書</v>
          </cell>
          <cell r="BE415">
            <v>39043</v>
          </cell>
          <cell r="BF415" t="str">
            <v>しない</v>
          </cell>
          <cell r="BG415" t="str">
            <v>入  札</v>
          </cell>
          <cell r="BH415">
            <v>1</v>
          </cell>
          <cell r="BK415">
            <v>1751000</v>
          </cell>
          <cell r="BL415" t="str">
            <v xml:space="preserve"> </v>
          </cell>
          <cell r="BM415">
            <v>53550</v>
          </cell>
          <cell r="BN415">
            <v>0.970873786407767</v>
          </cell>
        </row>
        <row r="416">
          <cell r="A416">
            <v>7144</v>
          </cell>
          <cell r="B416" t="str">
            <v>業務委託</v>
          </cell>
          <cell r="C416" t="str">
            <v>５１０２編成自動戸閉装置整備業務</v>
          </cell>
          <cell r="D416">
            <v>39036</v>
          </cell>
          <cell r="E416" t="str">
            <v>特命</v>
          </cell>
          <cell r="G416">
            <v>601650</v>
          </cell>
          <cell r="I416">
            <v>1</v>
          </cell>
          <cell r="J416" t="str">
            <v>式</v>
          </cell>
          <cell r="K416" t="str">
            <v/>
          </cell>
          <cell r="L416">
            <v>601650</v>
          </cell>
          <cell r="M416" t="str">
            <v>特命</v>
          </cell>
          <cell r="N416" t="str">
            <v>高・営</v>
          </cell>
          <cell r="O416">
            <v>39052</v>
          </cell>
          <cell r="P416">
            <v>39069</v>
          </cell>
          <cell r="Q416" t="str">
            <v>壱</v>
          </cell>
          <cell r="R416" t="str">
            <v>無</v>
          </cell>
          <cell r="S416" t="str">
            <v>車両課(真駒内)</v>
          </cell>
          <cell r="T416" t="str">
            <v>本間　雄一</v>
          </cell>
          <cell r="U416">
            <v>8318</v>
          </cell>
          <cell r="V416" t="str">
            <v>部長</v>
          </cell>
          <cell r="W416" t="str">
            <v>なか１日</v>
          </cell>
          <cell r="X416" t="str">
            <v>特命</v>
          </cell>
          <cell r="Y416">
            <v>39042</v>
          </cell>
          <cell r="Z416">
            <v>39042</v>
          </cell>
          <cell r="AA416">
            <v>1400</v>
          </cell>
          <cell r="AB416" t="str">
            <v>交通局３階総務課（契約担当）</v>
          </cell>
          <cell r="AD416" t="str">
            <v>平成18年11月21日(火)　14時00分</v>
          </cell>
          <cell r="AI416">
            <v>1</v>
          </cell>
          <cell r="AJ416" t="str">
            <v>札幌交通機械（株）</v>
          </cell>
          <cell r="AU416" t="str">
            <v>省略可</v>
          </cell>
          <cell r="AW416">
            <v>601650</v>
          </cell>
          <cell r="AX416">
            <v>1</v>
          </cell>
          <cell r="AY416" t="str">
            <v>札幌交通機械（株）</v>
          </cell>
          <cell r="AZ416">
            <v>568000</v>
          </cell>
          <cell r="BA416">
            <v>596400</v>
          </cell>
          <cell r="BB416">
            <v>28400</v>
          </cell>
          <cell r="BC416" t="str">
            <v>契約書</v>
          </cell>
          <cell r="BE416">
            <v>39043</v>
          </cell>
          <cell r="BF416" t="str">
            <v>しない</v>
          </cell>
          <cell r="BG416" t="str">
            <v>見積</v>
          </cell>
          <cell r="BH416">
            <v>0.99127399650959858</v>
          </cell>
          <cell r="BK416">
            <v>573000</v>
          </cell>
          <cell r="BL416" t="str">
            <v xml:space="preserve"> </v>
          </cell>
          <cell r="BM416">
            <v>5250</v>
          </cell>
          <cell r="BN416">
            <v>0.99127399650959858</v>
          </cell>
        </row>
        <row r="417">
          <cell r="A417">
            <v>7145</v>
          </cell>
          <cell r="B417" t="str">
            <v>業務委託</v>
          </cell>
          <cell r="C417" t="str">
            <v>案内軌条上下装置整備</v>
          </cell>
          <cell r="D417">
            <v>39036</v>
          </cell>
          <cell r="G417">
            <v>199500</v>
          </cell>
          <cell r="I417">
            <v>1</v>
          </cell>
          <cell r="J417" t="str">
            <v>式</v>
          </cell>
          <cell r="K417" t="str">
            <v/>
          </cell>
          <cell r="L417">
            <v>199500</v>
          </cell>
          <cell r="M417" t="str">
            <v>見積</v>
          </cell>
          <cell r="N417" t="str">
            <v>高・営</v>
          </cell>
          <cell r="O417">
            <v>39050</v>
          </cell>
          <cell r="P417">
            <v>39073</v>
          </cell>
          <cell r="Q417" t="str">
            <v>壱</v>
          </cell>
          <cell r="R417" t="str">
            <v>無</v>
          </cell>
          <cell r="S417" t="str">
            <v>車両課(二十四軒)</v>
          </cell>
          <cell r="T417" t="str">
            <v>工藤　清</v>
          </cell>
          <cell r="U417">
            <v>8204</v>
          </cell>
          <cell r="V417" t="str">
            <v>課長</v>
          </cell>
          <cell r="W417" t="str">
            <v>なか１日</v>
          </cell>
          <cell r="X417" t="str">
            <v>見積</v>
          </cell>
          <cell r="Y417">
            <v>39041</v>
          </cell>
          <cell r="Z417">
            <v>39048</v>
          </cell>
          <cell r="AA417">
            <v>1100</v>
          </cell>
          <cell r="AB417" t="str">
            <v>交通局３階総務課（契約担当）</v>
          </cell>
          <cell r="AD417" t="str">
            <v>平成18年11月27日(月)　11時00分</v>
          </cell>
          <cell r="AI417">
            <v>3</v>
          </cell>
          <cell r="AJ417" t="str">
            <v>（株）工成舎</v>
          </cell>
          <cell r="AK417" t="str">
            <v>（株）ゴーセイ</v>
          </cell>
          <cell r="AL417" t="str">
            <v>札幌交通機械（株）</v>
          </cell>
          <cell r="AU417" t="str">
            <v>省略可</v>
          </cell>
          <cell r="AW417">
            <v>199500</v>
          </cell>
          <cell r="AX417">
            <v>1</v>
          </cell>
          <cell r="AY417" t="str">
            <v>札幌交通機械（株）</v>
          </cell>
          <cell r="AZ417">
            <v>190000</v>
          </cell>
          <cell r="BA417">
            <v>199500</v>
          </cell>
          <cell r="BB417">
            <v>9500</v>
          </cell>
          <cell r="BC417" t="str">
            <v>請書</v>
          </cell>
          <cell r="BE417">
            <v>39049</v>
          </cell>
          <cell r="BF417" t="str">
            <v>しない</v>
          </cell>
          <cell r="BG417" t="str">
            <v>見積</v>
          </cell>
          <cell r="BH417">
            <v>1</v>
          </cell>
          <cell r="BK417">
            <v>190000</v>
          </cell>
          <cell r="BL417" t="str">
            <v xml:space="preserve"> </v>
          </cell>
          <cell r="BM417">
            <v>0</v>
          </cell>
          <cell r="BN417">
            <v>1</v>
          </cell>
        </row>
        <row r="418">
          <cell r="A418">
            <v>2060</v>
          </cell>
          <cell r="B418" t="str">
            <v>製造請負</v>
          </cell>
          <cell r="C418" t="str">
            <v>東西線蓄電池更新</v>
          </cell>
          <cell r="D418">
            <v>39036</v>
          </cell>
          <cell r="E418" t="str">
            <v>特命</v>
          </cell>
          <cell r="G418">
            <v>26638500</v>
          </cell>
          <cell r="I418">
            <v>1</v>
          </cell>
          <cell r="J418" t="str">
            <v>式</v>
          </cell>
          <cell r="K418" t="str">
            <v/>
          </cell>
          <cell r="L418">
            <v>26638500</v>
          </cell>
          <cell r="M418" t="str">
            <v>特命</v>
          </cell>
          <cell r="N418" t="str">
            <v>高・営</v>
          </cell>
          <cell r="P418">
            <v>39156</v>
          </cell>
          <cell r="Q418" t="str">
            <v>壱</v>
          </cell>
          <cell r="R418" t="str">
            <v>無</v>
          </cell>
          <cell r="S418" t="str">
            <v>電気課</v>
          </cell>
          <cell r="T418" t="str">
            <v>田中　敏雄</v>
          </cell>
          <cell r="U418">
            <v>2628</v>
          </cell>
          <cell r="V418" t="str">
            <v>管理者</v>
          </cell>
          <cell r="W418" t="str">
            <v>なか５日</v>
          </cell>
          <cell r="X418" t="str">
            <v>特命</v>
          </cell>
          <cell r="Y418">
            <v>39045</v>
          </cell>
          <cell r="Z418">
            <v>39048</v>
          </cell>
          <cell r="AA418">
            <v>1400</v>
          </cell>
          <cell r="AB418" t="str">
            <v>交通局３階総務課（契約担当）</v>
          </cell>
          <cell r="AD418" t="str">
            <v>平成18年11月27日(月)　14時00分</v>
          </cell>
          <cell r="AI418">
            <v>1</v>
          </cell>
          <cell r="AJ418" t="str">
            <v>（株）ジーエス・ユアサパワーサプライ北海道支社</v>
          </cell>
          <cell r="AU418" t="str">
            <v>要</v>
          </cell>
          <cell r="AV418">
            <v>25100000</v>
          </cell>
          <cell r="AW418">
            <v>26355000</v>
          </cell>
          <cell r="AX418">
            <v>1.064249113125737E-2</v>
          </cell>
          <cell r="AY418" t="str">
            <v>（株）ジーエス・ユアサパワーサプライ北海道支社</v>
          </cell>
          <cell r="AZ418">
            <v>25000000</v>
          </cell>
          <cell r="BA418">
            <v>26250000</v>
          </cell>
          <cell r="BB418">
            <v>1250000</v>
          </cell>
          <cell r="BC418" t="str">
            <v>契約書</v>
          </cell>
          <cell r="BE418">
            <v>39049</v>
          </cell>
          <cell r="BF418" t="str">
            <v>しない</v>
          </cell>
          <cell r="BG418" t="str">
            <v>見積</v>
          </cell>
          <cell r="BH418">
            <v>0.99601593625498008</v>
          </cell>
          <cell r="BK418">
            <v>25370000</v>
          </cell>
          <cell r="BL418" t="str">
            <v xml:space="preserve"> </v>
          </cell>
          <cell r="BM418">
            <v>388500</v>
          </cell>
          <cell r="BN418">
            <v>0.98541584548679539</v>
          </cell>
        </row>
        <row r="419">
          <cell r="A419">
            <v>1213</v>
          </cell>
          <cell r="B419" t="str">
            <v>物品購入</v>
          </cell>
          <cell r="C419" t="str">
            <v>ブレーキパッド</v>
          </cell>
          <cell r="D419">
            <v>39036</v>
          </cell>
          <cell r="E419" t="str">
            <v>特命</v>
          </cell>
          <cell r="G419">
            <v>8535481</v>
          </cell>
          <cell r="I419">
            <v>1</v>
          </cell>
          <cell r="J419" t="str">
            <v>式</v>
          </cell>
          <cell r="K419" t="str">
            <v/>
          </cell>
          <cell r="L419">
            <v>8535481</v>
          </cell>
          <cell r="M419" t="str">
            <v>特命</v>
          </cell>
          <cell r="N419" t="str">
            <v>高・営</v>
          </cell>
          <cell r="P419">
            <v>39161</v>
          </cell>
          <cell r="Q419" t="str">
            <v>壱</v>
          </cell>
          <cell r="R419" t="str">
            <v>無</v>
          </cell>
          <cell r="S419" t="str">
            <v>車両課(真駒内)</v>
          </cell>
          <cell r="T419" t="str">
            <v>本間　雄一</v>
          </cell>
          <cell r="U419">
            <v>8318</v>
          </cell>
          <cell r="V419" t="str">
            <v>部長</v>
          </cell>
          <cell r="W419" t="str">
            <v>なか５日</v>
          </cell>
          <cell r="X419" t="str">
            <v>特命</v>
          </cell>
          <cell r="Y419">
            <v>39043</v>
          </cell>
          <cell r="Z419">
            <v>39048</v>
          </cell>
          <cell r="AA419">
            <v>1430</v>
          </cell>
          <cell r="AB419" t="str">
            <v>交通局３階総務課（契約担当）</v>
          </cell>
          <cell r="AD419" t="str">
            <v>平成18年11月27日(月)　14時30分</v>
          </cell>
          <cell r="AI419">
            <v>1</v>
          </cell>
          <cell r="AJ419" t="str">
            <v>札幌川重車両エンジニアリング（株）</v>
          </cell>
          <cell r="AU419" t="str">
            <v>要</v>
          </cell>
          <cell r="AV419">
            <v>8126300</v>
          </cell>
          <cell r="AW419">
            <v>8532615</v>
          </cell>
          <cell r="AX419">
            <v>3.3577486728630923E-4</v>
          </cell>
          <cell r="AY419" t="str">
            <v>札幌川重車両エンジニアリング（株）</v>
          </cell>
          <cell r="AZ419">
            <v>8126300</v>
          </cell>
          <cell r="BA419">
            <v>8532615</v>
          </cell>
          <cell r="BB419">
            <v>406315</v>
          </cell>
          <cell r="BC419" t="str">
            <v>契約書</v>
          </cell>
          <cell r="BE419">
            <v>39049</v>
          </cell>
          <cell r="BF419" t="str">
            <v>しない</v>
          </cell>
          <cell r="BG419" t="str">
            <v>見積</v>
          </cell>
          <cell r="BH419">
            <v>1</v>
          </cell>
          <cell r="BK419">
            <v>8129029.5238095233</v>
          </cell>
          <cell r="BL419" t="str">
            <v xml:space="preserve"> </v>
          </cell>
          <cell r="BM419">
            <v>2866</v>
          </cell>
          <cell r="BN419">
            <v>0.99966422513271369</v>
          </cell>
        </row>
        <row r="420">
          <cell r="A420">
            <v>1214</v>
          </cell>
          <cell r="B420" t="str">
            <v>物品購入</v>
          </cell>
          <cell r="C420" t="str">
            <v>除湿器（中空糸膜）</v>
          </cell>
          <cell r="D420">
            <v>39036</v>
          </cell>
          <cell r="E420" t="str">
            <v>特命</v>
          </cell>
          <cell r="G420">
            <v>3155250</v>
          </cell>
          <cell r="I420">
            <v>1</v>
          </cell>
          <cell r="J420" t="str">
            <v>式</v>
          </cell>
          <cell r="K420" t="str">
            <v/>
          </cell>
          <cell r="L420">
            <v>3155250</v>
          </cell>
          <cell r="M420" t="str">
            <v>特命</v>
          </cell>
          <cell r="N420" t="str">
            <v>高・営</v>
          </cell>
          <cell r="P420">
            <v>39136</v>
          </cell>
          <cell r="Q420" t="str">
            <v>壱</v>
          </cell>
          <cell r="R420" t="str">
            <v>無</v>
          </cell>
          <cell r="S420" t="str">
            <v>車両課(真駒内)</v>
          </cell>
          <cell r="T420" t="str">
            <v>高橋　一美</v>
          </cell>
          <cell r="U420">
            <v>8315</v>
          </cell>
          <cell r="V420" t="str">
            <v>部長</v>
          </cell>
          <cell r="W420" t="str">
            <v>なか１日</v>
          </cell>
          <cell r="X420" t="str">
            <v>特命</v>
          </cell>
          <cell r="Y420">
            <v>39042</v>
          </cell>
          <cell r="Z420">
            <v>39043</v>
          </cell>
          <cell r="AA420">
            <v>1400</v>
          </cell>
          <cell r="AB420" t="str">
            <v>交通局３階総務課（契約担当）</v>
          </cell>
          <cell r="AD420" t="str">
            <v>平成18年11月22日(水)　14時00分</v>
          </cell>
          <cell r="AI420">
            <v>1</v>
          </cell>
          <cell r="AJ420" t="str">
            <v>ナブテスコ（株）鉄道カンパニー札幌営業所</v>
          </cell>
          <cell r="AU420" t="str">
            <v>要</v>
          </cell>
          <cell r="AV420">
            <v>2854750</v>
          </cell>
          <cell r="AW420">
            <v>2997487</v>
          </cell>
          <cell r="AX420">
            <v>5.0000158466048661E-2</v>
          </cell>
          <cell r="AY420" t="str">
            <v>ナブテスコ（株）鉄道カンパニー札幌営業所</v>
          </cell>
          <cell r="AZ420">
            <v>2850000</v>
          </cell>
          <cell r="BA420">
            <v>2992500</v>
          </cell>
          <cell r="BB420">
            <v>142500</v>
          </cell>
          <cell r="BC420" t="str">
            <v>契約書</v>
          </cell>
          <cell r="BE420">
            <v>39048</v>
          </cell>
          <cell r="BF420" t="str">
            <v>しない</v>
          </cell>
          <cell r="BG420" t="str">
            <v>見積</v>
          </cell>
          <cell r="BH420">
            <v>0.99833627301803141</v>
          </cell>
          <cell r="BK420">
            <v>3005000</v>
          </cell>
          <cell r="BL420" t="str">
            <v xml:space="preserve"> </v>
          </cell>
          <cell r="BM420">
            <v>162750</v>
          </cell>
          <cell r="BN420">
            <v>0.9484193011647255</v>
          </cell>
        </row>
        <row r="421">
          <cell r="A421">
            <v>2061</v>
          </cell>
          <cell r="B421" t="str">
            <v>製造請負</v>
          </cell>
          <cell r="C421" t="str">
            <v>オリジナルカード（フリーカード）</v>
          </cell>
          <cell r="D421">
            <v>39036</v>
          </cell>
          <cell r="E421" t="str">
            <v>特命</v>
          </cell>
          <cell r="G421">
            <v>819000</v>
          </cell>
          <cell r="I421">
            <v>20000</v>
          </cell>
          <cell r="J421" t="str">
            <v>枚</v>
          </cell>
          <cell r="K421" t="str">
            <v/>
          </cell>
          <cell r="L421">
            <v>819000</v>
          </cell>
          <cell r="M421" t="str">
            <v>特命</v>
          </cell>
          <cell r="N421" t="str">
            <v>軌・営　高・営</v>
          </cell>
          <cell r="P421">
            <v>39114</v>
          </cell>
          <cell r="Q421" t="str">
            <v>壱</v>
          </cell>
          <cell r="R421" t="str">
            <v>無</v>
          </cell>
          <cell r="S421" t="str">
            <v>経営企画課</v>
          </cell>
          <cell r="T421" t="str">
            <v>安藤　友明</v>
          </cell>
          <cell r="U421">
            <v>2115</v>
          </cell>
          <cell r="V421" t="str">
            <v>課長</v>
          </cell>
          <cell r="W421" t="str">
            <v>なか１日</v>
          </cell>
          <cell r="X421" t="str">
            <v>特命</v>
          </cell>
          <cell r="Y421">
            <v>39041</v>
          </cell>
          <cell r="Z421">
            <v>39042</v>
          </cell>
          <cell r="AA421">
            <v>1430</v>
          </cell>
          <cell r="AB421" t="str">
            <v>交通局３階総務課（契約担当）</v>
          </cell>
          <cell r="AD421" t="str">
            <v>平成18年11月21日(火)　14時30分</v>
          </cell>
          <cell r="AI421">
            <v>1</v>
          </cell>
          <cell r="AJ421" t="str">
            <v>共同印刷（株）</v>
          </cell>
          <cell r="AU421" t="str">
            <v>省略可</v>
          </cell>
          <cell r="AW421">
            <v>819000</v>
          </cell>
          <cell r="AX421">
            <v>1</v>
          </cell>
          <cell r="AY421" t="str">
            <v>共同印刷（株）</v>
          </cell>
          <cell r="AZ421">
            <v>740000</v>
          </cell>
          <cell r="BA421">
            <v>777000</v>
          </cell>
          <cell r="BB421">
            <v>37000</v>
          </cell>
          <cell r="BC421" t="str">
            <v>請書</v>
          </cell>
          <cell r="BE421">
            <v>39045</v>
          </cell>
          <cell r="BF421" t="str">
            <v>しない</v>
          </cell>
          <cell r="BG421" t="str">
            <v>見積</v>
          </cell>
          <cell r="BH421">
            <v>0.94871794871794868</v>
          </cell>
          <cell r="BK421">
            <v>780000</v>
          </cell>
          <cell r="BL421">
            <v>40.950000000000003</v>
          </cell>
          <cell r="BM421">
            <v>42000</v>
          </cell>
          <cell r="BN421">
            <v>0.94871794871794868</v>
          </cell>
        </row>
        <row r="422">
          <cell r="A422">
            <v>2062</v>
          </cell>
          <cell r="B422" t="str">
            <v>製造請負</v>
          </cell>
          <cell r="C422" t="str">
            <v>記念共通ウィズユーカード【映画「夏物語」】</v>
          </cell>
          <cell r="D422">
            <v>39037</v>
          </cell>
          <cell r="E422" t="str">
            <v>特命</v>
          </cell>
          <cell r="G422">
            <v>177030</v>
          </cell>
          <cell r="I422">
            <v>3000</v>
          </cell>
          <cell r="J422" t="str">
            <v>枚</v>
          </cell>
          <cell r="K422" t="str">
            <v/>
          </cell>
          <cell r="L422">
            <v>177030</v>
          </cell>
          <cell r="M422" t="str">
            <v>特命</v>
          </cell>
          <cell r="N422" t="str">
            <v>軌・営　高・営</v>
          </cell>
          <cell r="P422">
            <v>39094</v>
          </cell>
          <cell r="Q422" t="str">
            <v>壱</v>
          </cell>
          <cell r="R422" t="str">
            <v>無</v>
          </cell>
          <cell r="S422" t="str">
            <v>経営企画課</v>
          </cell>
          <cell r="T422" t="str">
            <v>今野　吉隆</v>
          </cell>
          <cell r="U422">
            <v>2123</v>
          </cell>
          <cell r="V422" t="str">
            <v>課長</v>
          </cell>
          <cell r="W422" t="str">
            <v>なか１日</v>
          </cell>
          <cell r="X422" t="str">
            <v>特命</v>
          </cell>
          <cell r="Y422">
            <v>39042</v>
          </cell>
          <cell r="Z422">
            <v>39042</v>
          </cell>
          <cell r="AA422">
            <v>1445</v>
          </cell>
          <cell r="AB422" t="str">
            <v>交通局３階総務課（契約担当）</v>
          </cell>
          <cell r="AD422" t="str">
            <v>平成18年11月21日(火)　14時45分</v>
          </cell>
          <cell r="AI422">
            <v>1</v>
          </cell>
          <cell r="AJ422" t="str">
            <v>共同印刷（株）</v>
          </cell>
          <cell r="AU422" t="str">
            <v>省略可</v>
          </cell>
          <cell r="AW422">
            <v>177030</v>
          </cell>
          <cell r="AX422">
            <v>1</v>
          </cell>
          <cell r="AY422" t="str">
            <v>共同印刷（株）</v>
          </cell>
          <cell r="AZ422">
            <v>159000</v>
          </cell>
          <cell r="BA422">
            <v>166950</v>
          </cell>
          <cell r="BB422">
            <v>7950</v>
          </cell>
          <cell r="BC422" t="str">
            <v>発注書</v>
          </cell>
          <cell r="BE422">
            <v>39042</v>
          </cell>
          <cell r="BF422" t="str">
            <v>しない</v>
          </cell>
          <cell r="BG422" t="str">
            <v>見積</v>
          </cell>
          <cell r="BH422">
            <v>0.94306049822064053</v>
          </cell>
          <cell r="BK422">
            <v>168600</v>
          </cell>
          <cell r="BL422">
            <v>59.01</v>
          </cell>
          <cell r="BM422">
            <v>10080</v>
          </cell>
          <cell r="BN422">
            <v>0.94306049822064053</v>
          </cell>
        </row>
        <row r="423">
          <cell r="A423">
            <v>7146</v>
          </cell>
          <cell r="B423" t="str">
            <v>業務委託</v>
          </cell>
          <cell r="C423" t="str">
            <v>カードリーダー定期点検業務</v>
          </cell>
          <cell r="D423">
            <v>39038</v>
          </cell>
          <cell r="E423" t="str">
            <v>特命</v>
          </cell>
          <cell r="G423">
            <v>1184400</v>
          </cell>
          <cell r="I423">
            <v>1</v>
          </cell>
          <cell r="J423" t="str">
            <v>式</v>
          </cell>
          <cell r="K423" t="str">
            <v/>
          </cell>
          <cell r="L423">
            <v>1184400</v>
          </cell>
          <cell r="M423" t="str">
            <v>特命</v>
          </cell>
          <cell r="N423" t="str">
            <v>軌・営</v>
          </cell>
          <cell r="O423">
            <v>39049</v>
          </cell>
          <cell r="P423">
            <v>39094</v>
          </cell>
          <cell r="Q423" t="str">
            <v>壱</v>
          </cell>
          <cell r="R423" t="str">
            <v>無</v>
          </cell>
          <cell r="S423" t="str">
            <v>電車事業所</v>
          </cell>
          <cell r="T423" t="str">
            <v>夏野　良博</v>
          </cell>
          <cell r="U423">
            <v>2933</v>
          </cell>
          <cell r="V423" t="str">
            <v>部長</v>
          </cell>
          <cell r="W423" t="str">
            <v>なか１日</v>
          </cell>
          <cell r="X423" t="str">
            <v>特命</v>
          </cell>
          <cell r="Y423">
            <v>39045</v>
          </cell>
          <cell r="Z423">
            <v>39048</v>
          </cell>
          <cell r="AA423">
            <v>1500</v>
          </cell>
          <cell r="AB423" t="str">
            <v>交通局３階総務課（契約担当）</v>
          </cell>
          <cell r="AD423" t="str">
            <v>平成18年11月27日(月)　15時00分</v>
          </cell>
          <cell r="AI423">
            <v>1</v>
          </cell>
          <cell r="AJ423" t="str">
            <v>北海道アトラス（株）</v>
          </cell>
          <cell r="AU423" t="str">
            <v>要</v>
          </cell>
          <cell r="AV423">
            <v>1080000</v>
          </cell>
          <cell r="AW423">
            <v>1134000</v>
          </cell>
          <cell r="AX423">
            <v>4.2553191489361653E-2</v>
          </cell>
          <cell r="AY423" t="str">
            <v>北海道アトラス（株）</v>
          </cell>
          <cell r="AZ423">
            <v>1080000</v>
          </cell>
          <cell r="BA423">
            <v>1134000</v>
          </cell>
          <cell r="BB423">
            <v>54000</v>
          </cell>
          <cell r="BC423" t="str">
            <v>契約書</v>
          </cell>
          <cell r="BE423">
            <v>39048</v>
          </cell>
          <cell r="BF423" t="str">
            <v>しない</v>
          </cell>
          <cell r="BG423" t="str">
            <v>見積</v>
          </cell>
          <cell r="BH423">
            <v>1</v>
          </cell>
          <cell r="BK423">
            <v>1128000</v>
          </cell>
          <cell r="BL423" t="str">
            <v xml:space="preserve"> </v>
          </cell>
          <cell r="BM423">
            <v>50400</v>
          </cell>
          <cell r="BN423">
            <v>0.95744680851063835</v>
          </cell>
        </row>
        <row r="424">
          <cell r="A424">
            <v>1215</v>
          </cell>
          <cell r="B424" t="str">
            <v>物品購入</v>
          </cell>
          <cell r="C424" t="str">
            <v>ＦＦ式石油暖房機ほか</v>
          </cell>
          <cell r="D424">
            <v>39038</v>
          </cell>
          <cell r="G424">
            <v>1359330</v>
          </cell>
          <cell r="I424">
            <v>1</v>
          </cell>
          <cell r="J424" t="str">
            <v>式</v>
          </cell>
          <cell r="K424" t="str">
            <v/>
          </cell>
          <cell r="L424">
            <v>1359330</v>
          </cell>
          <cell r="M424" t="str">
            <v>公開</v>
          </cell>
          <cell r="N424" t="str">
            <v>高・建改</v>
          </cell>
          <cell r="P424">
            <v>39076</v>
          </cell>
          <cell r="Q424" t="str">
            <v>壱</v>
          </cell>
          <cell r="R424" t="str">
            <v>無</v>
          </cell>
          <cell r="S424" t="str">
            <v>総務課</v>
          </cell>
          <cell r="T424" t="str">
            <v>松井　淳</v>
          </cell>
          <cell r="U424">
            <v>2216</v>
          </cell>
          <cell r="V424" t="str">
            <v>課長</v>
          </cell>
          <cell r="W424" t="str">
            <v>なか１日</v>
          </cell>
          <cell r="X424" t="str">
            <v>公開</v>
          </cell>
          <cell r="Y424">
            <v>39043</v>
          </cell>
          <cell r="Z424">
            <v>39043</v>
          </cell>
          <cell r="AB424" t="str">
            <v>交通局３階総務課（契約担当）</v>
          </cell>
          <cell r="AD424" t="e">
            <v>#VALUE!</v>
          </cell>
          <cell r="AI424">
            <v>3</v>
          </cell>
          <cell r="AJ424" t="str">
            <v>理興産業（株）</v>
          </cell>
          <cell r="AK424" t="str">
            <v>（株）渡商</v>
          </cell>
          <cell r="AU424" t="str">
            <v>省略可</v>
          </cell>
          <cell r="AW424">
            <v>1359330</v>
          </cell>
          <cell r="AX424">
            <v>1</v>
          </cell>
          <cell r="AY424" t="str">
            <v>（株）渡商</v>
          </cell>
          <cell r="AZ424">
            <v>739900</v>
          </cell>
          <cell r="BA424">
            <v>776895</v>
          </cell>
          <cell r="BB424">
            <v>36995</v>
          </cell>
          <cell r="BC424" t="str">
            <v>請書</v>
          </cell>
          <cell r="BE424">
            <v>39045</v>
          </cell>
          <cell r="BF424" t="str">
            <v>する</v>
          </cell>
          <cell r="BG424" t="str">
            <v>見積(公開)</v>
          </cell>
          <cell r="BH424">
            <v>0.5715278850610227</v>
          </cell>
          <cell r="BK424">
            <v>1294600</v>
          </cell>
          <cell r="BL424" t="str">
            <v xml:space="preserve"> </v>
          </cell>
          <cell r="BM424">
            <v>582435</v>
          </cell>
          <cell r="BN424">
            <v>0.5715278850610227</v>
          </cell>
        </row>
        <row r="425">
          <cell r="A425">
            <v>7147</v>
          </cell>
          <cell r="B425" t="str">
            <v>業務委託</v>
          </cell>
          <cell r="C425" t="str">
            <v>架線修理自動車車検整備業務</v>
          </cell>
          <cell r="D425">
            <v>39041</v>
          </cell>
          <cell r="E425" t="str">
            <v>特命</v>
          </cell>
          <cell r="G425">
            <v>561750</v>
          </cell>
          <cell r="I425">
            <v>1</v>
          </cell>
          <cell r="J425" t="str">
            <v>式</v>
          </cell>
          <cell r="K425" t="str">
            <v/>
          </cell>
          <cell r="L425">
            <v>561750</v>
          </cell>
          <cell r="M425" t="str">
            <v>特命</v>
          </cell>
          <cell r="N425" t="str">
            <v>軌・営</v>
          </cell>
          <cell r="O425">
            <v>39048</v>
          </cell>
          <cell r="P425">
            <v>39050</v>
          </cell>
          <cell r="Q425" t="str">
            <v>壱</v>
          </cell>
          <cell r="R425" t="str">
            <v>無</v>
          </cell>
          <cell r="S425" t="str">
            <v>電車事業所</v>
          </cell>
          <cell r="T425" t="str">
            <v>石井　岩男</v>
          </cell>
          <cell r="U425">
            <v>2933</v>
          </cell>
          <cell r="V425" t="str">
            <v>部長</v>
          </cell>
          <cell r="W425" t="str">
            <v>なか１日</v>
          </cell>
          <cell r="X425" t="str">
            <v>特命</v>
          </cell>
          <cell r="Y425">
            <v>39048</v>
          </cell>
          <cell r="Z425">
            <v>39045</v>
          </cell>
          <cell r="AA425">
            <v>1315</v>
          </cell>
          <cell r="AB425" t="str">
            <v>交通局３階総務課（契約担当）</v>
          </cell>
          <cell r="AD425" t="str">
            <v>平成18年11月24日(金)　13時15分</v>
          </cell>
          <cell r="AI425">
            <v>1</v>
          </cell>
          <cell r="AJ425" t="str">
            <v>北海道日野自動車（株）</v>
          </cell>
          <cell r="AU425" t="str">
            <v>省略可</v>
          </cell>
          <cell r="AW425">
            <v>561750</v>
          </cell>
          <cell r="AX425">
            <v>1</v>
          </cell>
          <cell r="AY425" t="str">
            <v>北海道日野自動車（株）</v>
          </cell>
          <cell r="AZ425">
            <v>530000</v>
          </cell>
          <cell r="BA425">
            <v>556500</v>
          </cell>
          <cell r="BB425">
            <v>26500</v>
          </cell>
          <cell r="BC425" t="str">
            <v>契約書</v>
          </cell>
          <cell r="BE425">
            <v>39048</v>
          </cell>
          <cell r="BF425" t="str">
            <v>しない</v>
          </cell>
          <cell r="BG425" t="str">
            <v>見積</v>
          </cell>
          <cell r="BH425">
            <v>0.99065420560747663</v>
          </cell>
          <cell r="BK425">
            <v>535000</v>
          </cell>
          <cell r="BL425" t="str">
            <v xml:space="preserve"> </v>
          </cell>
          <cell r="BM425">
            <v>5250</v>
          </cell>
          <cell r="BN425">
            <v>0.99065420560747663</v>
          </cell>
        </row>
        <row r="426">
          <cell r="A426">
            <v>2063</v>
          </cell>
          <cell r="B426" t="str">
            <v>製造請負</v>
          </cell>
          <cell r="C426" t="str">
            <v>広告デザインカード【札幌市建設局雪対策室】</v>
          </cell>
          <cell r="D426">
            <v>39043</v>
          </cell>
          <cell r="E426" t="str">
            <v>特命</v>
          </cell>
          <cell r="G426">
            <v>924000</v>
          </cell>
          <cell r="I426">
            <v>100000</v>
          </cell>
          <cell r="J426" t="str">
            <v>枚</v>
          </cell>
          <cell r="K426" t="str">
            <v/>
          </cell>
          <cell r="L426">
            <v>924000</v>
          </cell>
          <cell r="M426" t="str">
            <v>特命</v>
          </cell>
          <cell r="N426" t="str">
            <v>高・営</v>
          </cell>
          <cell r="P426">
            <v>39078</v>
          </cell>
          <cell r="Q426" t="str">
            <v>壱</v>
          </cell>
          <cell r="R426" t="str">
            <v>無</v>
          </cell>
          <cell r="S426" t="str">
            <v>経営企画課</v>
          </cell>
          <cell r="T426" t="str">
            <v>今野　吉隆</v>
          </cell>
          <cell r="U426">
            <v>2123</v>
          </cell>
          <cell r="V426" t="str">
            <v>課長</v>
          </cell>
          <cell r="W426" t="str">
            <v>なか１日</v>
          </cell>
          <cell r="X426" t="str">
            <v>特命</v>
          </cell>
          <cell r="Y426">
            <v>39049</v>
          </cell>
          <cell r="Z426">
            <v>39049</v>
          </cell>
          <cell r="AA426">
            <v>1330</v>
          </cell>
          <cell r="AB426" t="str">
            <v>交通局３階総務課（契約担当）</v>
          </cell>
          <cell r="AD426" t="str">
            <v>平成18年11月28日(火)　13時30分</v>
          </cell>
          <cell r="AI426">
            <v>1</v>
          </cell>
          <cell r="AJ426" t="str">
            <v>共同印刷（株）</v>
          </cell>
          <cell r="AU426" t="str">
            <v>省略可</v>
          </cell>
          <cell r="AW426">
            <v>924000</v>
          </cell>
          <cell r="AX426">
            <v>1</v>
          </cell>
          <cell r="AY426" t="str">
            <v>共同印刷（株）</v>
          </cell>
          <cell r="AZ426">
            <v>880000</v>
          </cell>
          <cell r="BA426">
            <v>924000</v>
          </cell>
          <cell r="BB426">
            <v>44000</v>
          </cell>
          <cell r="BC426" t="str">
            <v>請書</v>
          </cell>
          <cell r="BE426">
            <v>39051</v>
          </cell>
          <cell r="BF426" t="str">
            <v>しない</v>
          </cell>
          <cell r="BG426" t="str">
            <v>見積</v>
          </cell>
          <cell r="BH426">
            <v>1</v>
          </cell>
          <cell r="BK426">
            <v>880000</v>
          </cell>
          <cell r="BL426">
            <v>9.24</v>
          </cell>
          <cell r="BM426">
            <v>0</v>
          </cell>
          <cell r="BN426">
            <v>1</v>
          </cell>
        </row>
        <row r="427">
          <cell r="A427">
            <v>1216</v>
          </cell>
          <cell r="B427" t="str">
            <v>物品購入</v>
          </cell>
          <cell r="C427" t="str">
            <v>８０００形放送装置他予備品</v>
          </cell>
          <cell r="D427">
            <v>39043</v>
          </cell>
          <cell r="E427" t="str">
            <v>特命</v>
          </cell>
          <cell r="G427">
            <v>453390</v>
          </cell>
          <cell r="I427">
            <v>1</v>
          </cell>
          <cell r="J427" t="str">
            <v>式</v>
          </cell>
          <cell r="K427" t="str">
            <v/>
          </cell>
          <cell r="L427">
            <v>453390</v>
          </cell>
          <cell r="M427" t="str">
            <v>特命</v>
          </cell>
          <cell r="N427" t="str">
            <v>高・営</v>
          </cell>
          <cell r="P427">
            <v>39141</v>
          </cell>
          <cell r="Q427" t="str">
            <v>壱</v>
          </cell>
          <cell r="R427" t="str">
            <v>無</v>
          </cell>
          <cell r="S427" t="str">
            <v>車両課(大谷地)</v>
          </cell>
          <cell r="T427" t="str">
            <v>今井　佳彦</v>
          </cell>
          <cell r="U427">
            <v>8414</v>
          </cell>
          <cell r="V427" t="str">
            <v>課長</v>
          </cell>
          <cell r="W427" t="str">
            <v>なか１日</v>
          </cell>
          <cell r="X427" t="str">
            <v>特命</v>
          </cell>
          <cell r="Y427">
            <v>39049</v>
          </cell>
          <cell r="Z427">
            <v>39050</v>
          </cell>
          <cell r="AA427">
            <v>1400</v>
          </cell>
          <cell r="AB427" t="str">
            <v>交通局３階総務課（契約担当）</v>
          </cell>
          <cell r="AD427" t="str">
            <v>平成18年11月29日(水)　14時00分</v>
          </cell>
          <cell r="AI427">
            <v>1</v>
          </cell>
          <cell r="AJ427" t="str">
            <v>日本信号（株）北海道支店</v>
          </cell>
          <cell r="AU427" t="str">
            <v>省略可</v>
          </cell>
          <cell r="AW427">
            <v>453390</v>
          </cell>
          <cell r="AX427">
            <v>1</v>
          </cell>
          <cell r="AY427" t="str">
            <v>日本信号（株）北海道支店</v>
          </cell>
          <cell r="AZ427">
            <v>429000</v>
          </cell>
          <cell r="BA427">
            <v>450450</v>
          </cell>
          <cell r="BB427">
            <v>21450</v>
          </cell>
          <cell r="BC427" t="str">
            <v>発注書</v>
          </cell>
          <cell r="BE427">
            <v>39050</v>
          </cell>
          <cell r="BF427" t="str">
            <v>しない</v>
          </cell>
          <cell r="BG427" t="str">
            <v>見積</v>
          </cell>
          <cell r="BH427">
            <v>0.99351551644279756</v>
          </cell>
          <cell r="BK427">
            <v>431800</v>
          </cell>
          <cell r="BL427" t="str">
            <v xml:space="preserve"> </v>
          </cell>
          <cell r="BM427">
            <v>2940</v>
          </cell>
          <cell r="BN427">
            <v>0.99351551644279756</v>
          </cell>
        </row>
        <row r="428">
          <cell r="A428">
            <v>7148</v>
          </cell>
          <cell r="B428" t="str">
            <v>業務委託</v>
          </cell>
          <cell r="C428" t="str">
            <v>麻生シーザス式転てつ器走行路補修</v>
          </cell>
          <cell r="D428">
            <v>39043</v>
          </cell>
          <cell r="E428" t="str">
            <v>特命</v>
          </cell>
          <cell r="G428">
            <v>11833500</v>
          </cell>
          <cell r="I428">
            <v>1</v>
          </cell>
          <cell r="J428" t="str">
            <v>式</v>
          </cell>
          <cell r="K428" t="str">
            <v/>
          </cell>
          <cell r="L428">
            <v>11833500</v>
          </cell>
          <cell r="M428" t="str">
            <v>特命</v>
          </cell>
          <cell r="N428" t="str">
            <v>高・営</v>
          </cell>
          <cell r="O428">
            <v>39055</v>
          </cell>
          <cell r="P428">
            <v>39164</v>
          </cell>
          <cell r="Q428" t="str">
            <v>壱</v>
          </cell>
          <cell r="R428" t="str">
            <v>無</v>
          </cell>
          <cell r="S428" t="str">
            <v>施設課</v>
          </cell>
          <cell r="T428" t="str">
            <v>木村　英輝</v>
          </cell>
          <cell r="U428">
            <v>2593</v>
          </cell>
          <cell r="V428" t="str">
            <v>管理者</v>
          </cell>
          <cell r="W428" t="str">
            <v>なか５日</v>
          </cell>
          <cell r="X428" t="str">
            <v>特命</v>
          </cell>
          <cell r="Y428">
            <v>39052</v>
          </cell>
          <cell r="Z428">
            <v>39050</v>
          </cell>
          <cell r="AA428">
            <v>1000</v>
          </cell>
          <cell r="AB428" t="str">
            <v>交通局３階総務課（契約担当）</v>
          </cell>
          <cell r="AD428" t="str">
            <v>平成18年11月29日(水)　10時00分</v>
          </cell>
          <cell r="AI428">
            <v>1</v>
          </cell>
          <cell r="AJ428" t="str">
            <v>札幌川重車両エンジニアリング（株）</v>
          </cell>
          <cell r="AU428" t="str">
            <v>要</v>
          </cell>
          <cell r="AV428">
            <v>11150000</v>
          </cell>
          <cell r="AW428">
            <v>11707500</v>
          </cell>
          <cell r="AX428">
            <v>1.0647737355811926E-2</v>
          </cell>
          <cell r="AY428" t="str">
            <v>札幌川重車両エンジニアリング（株）</v>
          </cell>
          <cell r="AZ428">
            <v>11100000</v>
          </cell>
          <cell r="BA428">
            <v>11655000</v>
          </cell>
          <cell r="BB428">
            <v>555000</v>
          </cell>
          <cell r="BC428" t="str">
            <v>契約書</v>
          </cell>
          <cell r="BE428">
            <v>39051</v>
          </cell>
          <cell r="BF428" t="str">
            <v>しない</v>
          </cell>
          <cell r="BG428" t="str">
            <v>見積</v>
          </cell>
          <cell r="BH428">
            <v>0.99551569506726456</v>
          </cell>
          <cell r="BK428">
            <v>11270000</v>
          </cell>
          <cell r="BL428" t="str">
            <v xml:space="preserve"> </v>
          </cell>
          <cell r="BM428">
            <v>178500</v>
          </cell>
          <cell r="BN428">
            <v>0.98491570541259987</v>
          </cell>
        </row>
        <row r="429">
          <cell r="A429">
            <v>7149</v>
          </cell>
          <cell r="B429" t="str">
            <v>業務委託</v>
          </cell>
          <cell r="C429" t="str">
            <v>５０００形車両床揚げ蓋下板部腐食防止補修</v>
          </cell>
          <cell r="D429">
            <v>39043</v>
          </cell>
          <cell r="E429" t="str">
            <v>特命</v>
          </cell>
          <cell r="G429">
            <v>144900</v>
          </cell>
          <cell r="I429">
            <v>1</v>
          </cell>
          <cell r="J429" t="str">
            <v>式</v>
          </cell>
          <cell r="K429" t="str">
            <v/>
          </cell>
          <cell r="L429">
            <v>144900</v>
          </cell>
          <cell r="M429" t="str">
            <v>特命</v>
          </cell>
          <cell r="N429" t="str">
            <v>高・営</v>
          </cell>
          <cell r="O429">
            <v>39055</v>
          </cell>
          <cell r="P429">
            <v>39170</v>
          </cell>
          <cell r="Q429" t="str">
            <v>壱</v>
          </cell>
          <cell r="R429" t="str">
            <v>無</v>
          </cell>
          <cell r="S429" t="str">
            <v>車両課(真駒内)</v>
          </cell>
          <cell r="T429" t="str">
            <v>松本　伸哉</v>
          </cell>
          <cell r="U429">
            <v>8306</v>
          </cell>
          <cell r="V429" t="str">
            <v>課長</v>
          </cell>
          <cell r="W429" t="str">
            <v>なか１日</v>
          </cell>
          <cell r="X429" t="str">
            <v>特命</v>
          </cell>
          <cell r="Y429">
            <v>39049</v>
          </cell>
          <cell r="Z429">
            <v>39050</v>
          </cell>
          <cell r="AA429">
            <v>1430</v>
          </cell>
          <cell r="AB429" t="str">
            <v>交通局３階総務課（契約担当）</v>
          </cell>
          <cell r="AD429" t="str">
            <v>平成18年11月29日(水)　14時30分</v>
          </cell>
          <cell r="AI429">
            <v>1</v>
          </cell>
          <cell r="AJ429" t="str">
            <v>札幌交通機械（株）</v>
          </cell>
          <cell r="AU429" t="str">
            <v>省略可</v>
          </cell>
          <cell r="AW429">
            <v>144900</v>
          </cell>
          <cell r="AX429">
            <v>1</v>
          </cell>
          <cell r="AY429" t="str">
            <v>札幌交通機械（株）</v>
          </cell>
          <cell r="AZ429">
            <v>127000</v>
          </cell>
          <cell r="BA429">
            <v>133350</v>
          </cell>
          <cell r="BB429">
            <v>6350</v>
          </cell>
          <cell r="BC429" t="str">
            <v>請書</v>
          </cell>
          <cell r="BE429">
            <v>39052</v>
          </cell>
          <cell r="BF429" t="str">
            <v>しない</v>
          </cell>
          <cell r="BG429" t="str">
            <v>見積</v>
          </cell>
          <cell r="BH429">
            <v>0.92028985507246375</v>
          </cell>
          <cell r="BK429">
            <v>138000</v>
          </cell>
          <cell r="BL429" t="str">
            <v xml:space="preserve"> </v>
          </cell>
          <cell r="BM429">
            <v>11550</v>
          </cell>
          <cell r="BN429">
            <v>0.92028985507246375</v>
          </cell>
        </row>
        <row r="430">
          <cell r="A430">
            <v>1217</v>
          </cell>
          <cell r="B430" t="str">
            <v>物品購入</v>
          </cell>
          <cell r="C430" t="str">
            <v>円山バスターミナル施設火災報知感知器</v>
          </cell>
          <cell r="D430">
            <v>39045</v>
          </cell>
          <cell r="G430">
            <v>540540</v>
          </cell>
          <cell r="I430">
            <v>1</v>
          </cell>
          <cell r="J430" t="str">
            <v>式</v>
          </cell>
          <cell r="K430" t="str">
            <v/>
          </cell>
          <cell r="L430">
            <v>540540</v>
          </cell>
          <cell r="M430" t="str">
            <v>公開</v>
          </cell>
          <cell r="N430" t="str">
            <v>高・営</v>
          </cell>
          <cell r="P430">
            <v>39066</v>
          </cell>
          <cell r="Q430" t="str">
            <v>壱</v>
          </cell>
          <cell r="R430" t="str">
            <v>無</v>
          </cell>
          <cell r="S430" t="str">
            <v>駅務課</v>
          </cell>
          <cell r="T430" t="str">
            <v>加登　秀雄</v>
          </cell>
          <cell r="U430">
            <v>5730</v>
          </cell>
          <cell r="V430" t="str">
            <v>課長</v>
          </cell>
          <cell r="W430" t="str">
            <v>なか１日</v>
          </cell>
          <cell r="X430" t="str">
            <v>公開</v>
          </cell>
          <cell r="Y430">
            <v>39051</v>
          </cell>
          <cell r="Z430">
            <v>39051</v>
          </cell>
          <cell r="AB430" t="str">
            <v>交通局３階総務課（契約担当）</v>
          </cell>
          <cell r="AD430" t="e">
            <v>#VALUE!</v>
          </cell>
          <cell r="AI430">
            <v>3</v>
          </cell>
          <cell r="AJ430" t="str">
            <v>（株）イザワ</v>
          </cell>
          <cell r="AK430" t="str">
            <v>（株）ササキ札幌営業所</v>
          </cell>
          <cell r="AL430" t="str">
            <v>日協エンジニアリング（株）</v>
          </cell>
          <cell r="AM430" t="str">
            <v>北海道消防機材（株）</v>
          </cell>
          <cell r="AN430" t="str">
            <v>（株）ヤシマ商会</v>
          </cell>
          <cell r="AO430" t="str">
            <v>理興産業（株）</v>
          </cell>
          <cell r="AU430" t="str">
            <v>省略可</v>
          </cell>
          <cell r="AW430">
            <v>540540</v>
          </cell>
          <cell r="AX430">
            <v>1</v>
          </cell>
          <cell r="AY430" t="str">
            <v>（株）ヤシマ商会</v>
          </cell>
          <cell r="AZ430">
            <v>353600</v>
          </cell>
          <cell r="BA430">
            <v>371280</v>
          </cell>
          <cell r="BB430">
            <v>17680</v>
          </cell>
          <cell r="BC430" t="str">
            <v>発注書</v>
          </cell>
          <cell r="BE430">
            <v>39052</v>
          </cell>
          <cell r="BF430" t="str">
            <v>しない</v>
          </cell>
          <cell r="BG430" t="str">
            <v>見積(公開)</v>
          </cell>
          <cell r="BH430">
            <v>0.68686868686868685</v>
          </cell>
          <cell r="BK430">
            <v>514800</v>
          </cell>
          <cell r="BL430" t="str">
            <v xml:space="preserve"> </v>
          </cell>
          <cell r="BM430">
            <v>169260</v>
          </cell>
          <cell r="BN430">
            <v>0.68686868686868685</v>
          </cell>
        </row>
        <row r="431">
          <cell r="A431">
            <v>1218</v>
          </cell>
          <cell r="B431" t="str">
            <v>物品購入</v>
          </cell>
          <cell r="C431" t="str">
            <v>東基地区分用シーケンサ</v>
          </cell>
          <cell r="D431">
            <v>39045</v>
          </cell>
          <cell r="E431" t="str">
            <v>特命</v>
          </cell>
          <cell r="G431">
            <v>2040150</v>
          </cell>
          <cell r="I431">
            <v>1</v>
          </cell>
          <cell r="J431" t="str">
            <v>式</v>
          </cell>
          <cell r="K431" t="str">
            <v/>
          </cell>
          <cell r="L431">
            <v>2040150</v>
          </cell>
          <cell r="M431" t="str">
            <v>特命</v>
          </cell>
          <cell r="N431" t="str">
            <v>高・営</v>
          </cell>
          <cell r="P431">
            <v>39141</v>
          </cell>
          <cell r="Q431" t="str">
            <v>壱</v>
          </cell>
          <cell r="R431" t="str">
            <v>無</v>
          </cell>
          <cell r="S431" t="str">
            <v>電気課</v>
          </cell>
          <cell r="T431" t="str">
            <v>佐久間　正</v>
          </cell>
          <cell r="U431">
            <v>2627</v>
          </cell>
          <cell r="V431" t="str">
            <v>課長</v>
          </cell>
          <cell r="W431" t="str">
            <v>なか１日</v>
          </cell>
          <cell r="X431" t="str">
            <v>特命</v>
          </cell>
          <cell r="Y431">
            <v>39050</v>
          </cell>
          <cell r="Z431">
            <v>39051</v>
          </cell>
          <cell r="AA431">
            <v>1400</v>
          </cell>
          <cell r="AB431" t="str">
            <v>交通局３階総務課（契約担当）</v>
          </cell>
          <cell r="AD431" t="str">
            <v>平成18年11月30日(木)　14時00分</v>
          </cell>
          <cell r="AI431">
            <v>1</v>
          </cell>
          <cell r="AJ431" t="str">
            <v>三菱電機（株）北海道支社</v>
          </cell>
          <cell r="AU431" t="str">
            <v>要</v>
          </cell>
          <cell r="AV431">
            <v>1920000</v>
          </cell>
          <cell r="AW431">
            <v>2016000</v>
          </cell>
          <cell r="AX431">
            <v>1.1837364899639713E-2</v>
          </cell>
          <cell r="AY431" t="str">
            <v>三菱電機（株）北海道支社</v>
          </cell>
          <cell r="AZ431">
            <v>1850000</v>
          </cell>
          <cell r="BA431">
            <v>1942500</v>
          </cell>
          <cell r="BB431">
            <v>92500</v>
          </cell>
          <cell r="BC431" t="str">
            <v>契約書</v>
          </cell>
          <cell r="BE431">
            <v>39052</v>
          </cell>
          <cell r="BF431" t="str">
            <v>しない</v>
          </cell>
          <cell r="BG431" t="str">
            <v>見積</v>
          </cell>
          <cell r="BH431">
            <v>0.96354166666666663</v>
          </cell>
          <cell r="BK431">
            <v>1943000</v>
          </cell>
          <cell r="BL431" t="str">
            <v xml:space="preserve"> </v>
          </cell>
          <cell r="BM431">
            <v>97650</v>
          </cell>
          <cell r="BN431">
            <v>0.95213587236232633</v>
          </cell>
        </row>
        <row r="432">
          <cell r="A432">
            <v>7150</v>
          </cell>
          <cell r="B432" t="str">
            <v>業務委託</v>
          </cell>
          <cell r="C432" t="str">
            <v>地下鉄施設等環境調査</v>
          </cell>
          <cell r="D432">
            <v>39048</v>
          </cell>
          <cell r="E432" t="str">
            <v>特命</v>
          </cell>
          <cell r="G432">
            <v>5036850</v>
          </cell>
          <cell r="I432">
            <v>1</v>
          </cell>
          <cell r="J432" t="str">
            <v>式</v>
          </cell>
          <cell r="K432" t="str">
            <v/>
          </cell>
          <cell r="L432">
            <v>5036850</v>
          </cell>
          <cell r="M432" t="str">
            <v>特命</v>
          </cell>
          <cell r="N432" t="str">
            <v>高・営</v>
          </cell>
          <cell r="O432">
            <v>39057</v>
          </cell>
          <cell r="P432">
            <v>39157</v>
          </cell>
          <cell r="Q432" t="str">
            <v>壱</v>
          </cell>
          <cell r="R432" t="str">
            <v>無</v>
          </cell>
          <cell r="S432" t="str">
            <v>施設課</v>
          </cell>
          <cell r="T432" t="str">
            <v>岡崎　正晃</v>
          </cell>
          <cell r="U432">
            <v>2564</v>
          </cell>
          <cell r="V432" t="str">
            <v>管理者</v>
          </cell>
          <cell r="W432" t="str">
            <v>なか５日</v>
          </cell>
          <cell r="X432" t="str">
            <v>特命</v>
          </cell>
          <cell r="Y432">
            <v>39056</v>
          </cell>
          <cell r="Z432">
            <v>39056</v>
          </cell>
          <cell r="AA432">
            <v>1400</v>
          </cell>
          <cell r="AB432" t="str">
            <v>交通局３階総務課（契約担当）</v>
          </cell>
          <cell r="AD432" t="str">
            <v>平成18年12月5日(火)　14時00分</v>
          </cell>
          <cell r="AI432">
            <v>1</v>
          </cell>
          <cell r="AJ432" t="str">
            <v>日本データーサービス（株）</v>
          </cell>
          <cell r="AU432" t="str">
            <v>要</v>
          </cell>
          <cell r="AV432">
            <v>4749000</v>
          </cell>
          <cell r="AW432">
            <v>4986450</v>
          </cell>
          <cell r="AX432">
            <v>1.0006253908692919E-2</v>
          </cell>
          <cell r="AY432" t="str">
            <v>日本データーサービス（株）</v>
          </cell>
          <cell r="AZ432">
            <v>4540000</v>
          </cell>
          <cell r="BA432">
            <v>4767000</v>
          </cell>
          <cell r="BB432">
            <v>227000</v>
          </cell>
          <cell r="BC432" t="str">
            <v>契約書</v>
          </cell>
          <cell r="BE432">
            <v>39056</v>
          </cell>
          <cell r="BF432" t="str">
            <v>しない</v>
          </cell>
          <cell r="BG432" t="str">
            <v>見積</v>
          </cell>
          <cell r="BH432">
            <v>0.95599073489155617</v>
          </cell>
          <cell r="BK432">
            <v>4797000</v>
          </cell>
          <cell r="BL432" t="str">
            <v xml:space="preserve"> </v>
          </cell>
          <cell r="BM432">
            <v>269850</v>
          </cell>
          <cell r="BN432">
            <v>0.94642484886387324</v>
          </cell>
        </row>
        <row r="433">
          <cell r="A433">
            <v>7151</v>
          </cell>
          <cell r="B433" t="str">
            <v>業務委託</v>
          </cell>
          <cell r="C433" t="str">
            <v>６０００形車両廃車車両運搬</v>
          </cell>
          <cell r="D433">
            <v>39049</v>
          </cell>
          <cell r="E433" t="str">
            <v>特命</v>
          </cell>
          <cell r="G433">
            <v>2552550</v>
          </cell>
          <cell r="I433">
            <v>1</v>
          </cell>
          <cell r="J433" t="str">
            <v>式</v>
          </cell>
          <cell r="K433" t="str">
            <v/>
          </cell>
          <cell r="L433">
            <v>2552550</v>
          </cell>
          <cell r="M433" t="str">
            <v>特命</v>
          </cell>
          <cell r="N433" t="str">
            <v>高・営</v>
          </cell>
          <cell r="O433">
            <v>39059</v>
          </cell>
          <cell r="P433">
            <v>39133</v>
          </cell>
          <cell r="Q433" t="str">
            <v>壱</v>
          </cell>
          <cell r="R433" t="str">
            <v>無</v>
          </cell>
          <cell r="S433" t="str">
            <v>車両課(大谷地)</v>
          </cell>
          <cell r="T433" t="str">
            <v>田島　義雄</v>
          </cell>
          <cell r="U433">
            <v>8417</v>
          </cell>
          <cell r="V433" t="str">
            <v>管理者</v>
          </cell>
          <cell r="W433" t="str">
            <v>なか１日</v>
          </cell>
          <cell r="X433" t="str">
            <v>特命</v>
          </cell>
          <cell r="Y433">
            <v>39056</v>
          </cell>
          <cell r="Z433">
            <v>39056</v>
          </cell>
          <cell r="AA433">
            <v>1430</v>
          </cell>
          <cell r="AB433" t="str">
            <v>交通局３階総務課（契約担当）</v>
          </cell>
          <cell r="AD433" t="str">
            <v>平成18年12月5日(火)　14時30分</v>
          </cell>
          <cell r="AI433">
            <v>1</v>
          </cell>
          <cell r="AJ433" t="str">
            <v>日本通運（株）札幌支店</v>
          </cell>
          <cell r="AU433" t="str">
            <v>要</v>
          </cell>
          <cell r="AV433">
            <v>2180000</v>
          </cell>
          <cell r="AW433">
            <v>2289000</v>
          </cell>
          <cell r="AX433">
            <v>0.10324969148498564</v>
          </cell>
          <cell r="AY433" t="str">
            <v>日本通運（株）札幌支店</v>
          </cell>
          <cell r="AZ433">
            <v>2070000</v>
          </cell>
          <cell r="BA433">
            <v>2173500</v>
          </cell>
          <cell r="BB433">
            <v>103500</v>
          </cell>
          <cell r="BC433" t="str">
            <v>契約書</v>
          </cell>
          <cell r="BE433">
            <v>39059</v>
          </cell>
          <cell r="BF433" t="str">
            <v>しない</v>
          </cell>
          <cell r="BG433" t="str">
            <v>見積</v>
          </cell>
          <cell r="BH433">
            <v>0.94954128440366969</v>
          </cell>
          <cell r="BK433">
            <v>2431000</v>
          </cell>
          <cell r="BL433" t="str">
            <v xml:space="preserve"> </v>
          </cell>
          <cell r="BM433">
            <v>379050</v>
          </cell>
          <cell r="BN433">
            <v>0.85150143973673387</v>
          </cell>
        </row>
        <row r="434">
          <cell r="A434">
            <v>7152</v>
          </cell>
          <cell r="B434" t="str">
            <v>業務委託</v>
          </cell>
          <cell r="C434" t="str">
            <v>車両基地フォークリフト整備</v>
          </cell>
          <cell r="D434">
            <v>39049</v>
          </cell>
          <cell r="G434">
            <v>639095</v>
          </cell>
          <cell r="I434">
            <v>1</v>
          </cell>
          <cell r="J434" t="str">
            <v>式</v>
          </cell>
          <cell r="K434" t="str">
            <v/>
          </cell>
          <cell r="L434">
            <v>639095</v>
          </cell>
          <cell r="M434" t="str">
            <v>見積</v>
          </cell>
          <cell r="N434" t="str">
            <v>高・営</v>
          </cell>
          <cell r="O434">
            <v>39058</v>
          </cell>
          <cell r="P434">
            <v>39097</v>
          </cell>
          <cell r="Q434" t="str">
            <v>壱</v>
          </cell>
          <cell r="R434" t="str">
            <v>無</v>
          </cell>
          <cell r="S434" t="str">
            <v>車両課(大谷地)</v>
          </cell>
          <cell r="T434" t="str">
            <v>田島　義雄</v>
          </cell>
          <cell r="U434">
            <v>8417</v>
          </cell>
          <cell r="V434" t="str">
            <v>部長</v>
          </cell>
          <cell r="W434" t="str">
            <v>なか１日</v>
          </cell>
          <cell r="X434" t="str">
            <v>見積</v>
          </cell>
          <cell r="Y434">
            <v>39055</v>
          </cell>
          <cell r="Z434">
            <v>39056</v>
          </cell>
          <cell r="AA434">
            <v>1120</v>
          </cell>
          <cell r="AB434" t="str">
            <v>交通局５階入札室</v>
          </cell>
          <cell r="AD434" t="str">
            <v>平成18年12月5日(火)　11時20分</v>
          </cell>
          <cell r="AI434">
            <v>3</v>
          </cell>
          <cell r="AJ434" t="str">
            <v>トヨタエルアンドエフ札幌（株）</v>
          </cell>
          <cell r="AK434" t="str">
            <v>北海道小松フォークリフト（株）</v>
          </cell>
          <cell r="AL434" t="str">
            <v>北海道TCM（株）</v>
          </cell>
          <cell r="AU434" t="str">
            <v>省略可</v>
          </cell>
          <cell r="AW434">
            <v>639095</v>
          </cell>
          <cell r="AX434">
            <v>1</v>
          </cell>
          <cell r="AY434" t="str">
            <v>北海道小松フォークリフト（株）</v>
          </cell>
          <cell r="AZ434">
            <v>550000</v>
          </cell>
          <cell r="BA434">
            <v>577500</v>
          </cell>
          <cell r="BB434">
            <v>27500</v>
          </cell>
          <cell r="BC434" t="str">
            <v>契約書</v>
          </cell>
          <cell r="BE434">
            <v>39057</v>
          </cell>
          <cell r="BF434" t="str">
            <v>しない</v>
          </cell>
          <cell r="BG434" t="str">
            <v>見積</v>
          </cell>
          <cell r="BH434">
            <v>0.90362152731597023</v>
          </cell>
          <cell r="BK434">
            <v>608661.90476190473</v>
          </cell>
          <cell r="BL434" t="str">
            <v xml:space="preserve"> </v>
          </cell>
          <cell r="BM434">
            <v>61595</v>
          </cell>
          <cell r="BN434">
            <v>0.90362152731597023</v>
          </cell>
        </row>
        <row r="435">
          <cell r="A435">
            <v>1219</v>
          </cell>
          <cell r="B435" t="str">
            <v>物品購入</v>
          </cell>
          <cell r="C435" t="str">
            <v>脚立・台車</v>
          </cell>
          <cell r="D435">
            <v>39049</v>
          </cell>
          <cell r="G435">
            <v>495075</v>
          </cell>
          <cell r="I435">
            <v>1</v>
          </cell>
          <cell r="J435" t="str">
            <v>式</v>
          </cell>
          <cell r="K435" t="str">
            <v/>
          </cell>
          <cell r="L435">
            <v>495075</v>
          </cell>
          <cell r="M435" t="str">
            <v>公開</v>
          </cell>
          <cell r="N435" t="str">
            <v>高・営</v>
          </cell>
          <cell r="P435">
            <v>39076</v>
          </cell>
          <cell r="Q435" t="str">
            <v>壱</v>
          </cell>
          <cell r="R435" t="str">
            <v>無</v>
          </cell>
          <cell r="S435" t="str">
            <v>施設課</v>
          </cell>
          <cell r="T435" t="str">
            <v>岡島　昌仁</v>
          </cell>
          <cell r="U435">
            <v>2522</v>
          </cell>
          <cell r="V435" t="str">
            <v>課長</v>
          </cell>
          <cell r="W435" t="str">
            <v>なか１日</v>
          </cell>
          <cell r="X435" t="str">
            <v>公開</v>
          </cell>
          <cell r="Y435">
            <v>39058</v>
          </cell>
          <cell r="Z435">
            <v>39058</v>
          </cell>
          <cell r="AB435" t="str">
            <v>交通局３階総務課（契約担当）</v>
          </cell>
          <cell r="AD435" t="e">
            <v>#VALUE!</v>
          </cell>
          <cell r="AI435">
            <v>3</v>
          </cell>
          <cell r="AJ435" t="str">
            <v>（株）大興商事</v>
          </cell>
          <cell r="AK435" t="str">
            <v>大丸藤井（株）</v>
          </cell>
          <cell r="AL435" t="str">
            <v>吉見産商（株）</v>
          </cell>
          <cell r="AM435" t="str">
            <v>理興産業（株）</v>
          </cell>
          <cell r="AN435" t="str">
            <v>（株）渡商</v>
          </cell>
          <cell r="AU435" t="str">
            <v>省略可</v>
          </cell>
          <cell r="AW435">
            <v>495075</v>
          </cell>
          <cell r="AX435">
            <v>1</v>
          </cell>
          <cell r="AY435" t="str">
            <v>理興産業（株）</v>
          </cell>
          <cell r="AZ435">
            <v>455400</v>
          </cell>
          <cell r="BA435">
            <v>478170</v>
          </cell>
          <cell r="BB435">
            <v>22770</v>
          </cell>
          <cell r="BC435" t="str">
            <v>発注書</v>
          </cell>
          <cell r="BE435">
            <v>39059</v>
          </cell>
          <cell r="BF435" t="str">
            <v>しない</v>
          </cell>
          <cell r="BG435" t="str">
            <v>見積(公開)</v>
          </cell>
          <cell r="BH435">
            <v>0.96585365853658534</v>
          </cell>
          <cell r="BK435">
            <v>471500</v>
          </cell>
          <cell r="BL435" t="str">
            <v xml:space="preserve"> </v>
          </cell>
          <cell r="BM435">
            <v>16905</v>
          </cell>
          <cell r="BN435">
            <v>0.96585365853658534</v>
          </cell>
        </row>
        <row r="436">
          <cell r="A436">
            <v>7153</v>
          </cell>
          <cell r="B436" t="str">
            <v>業務委託</v>
          </cell>
          <cell r="C436" t="str">
            <v>南北線高架部伸縮継目探傷検査業務</v>
          </cell>
          <cell r="D436">
            <v>39049</v>
          </cell>
          <cell r="G436">
            <v>2344650</v>
          </cell>
          <cell r="I436">
            <v>1</v>
          </cell>
          <cell r="J436" t="str">
            <v>式</v>
          </cell>
          <cell r="K436" t="str">
            <v/>
          </cell>
          <cell r="L436">
            <v>2344650</v>
          </cell>
          <cell r="M436" t="str">
            <v>入札</v>
          </cell>
          <cell r="N436" t="str">
            <v>高・営</v>
          </cell>
          <cell r="O436">
            <v>39063</v>
          </cell>
          <cell r="P436">
            <v>39141</v>
          </cell>
          <cell r="Q436" t="str">
            <v>壱</v>
          </cell>
          <cell r="R436" t="str">
            <v>無</v>
          </cell>
          <cell r="S436" t="str">
            <v>施設課</v>
          </cell>
          <cell r="T436" t="str">
            <v>松山　稔</v>
          </cell>
          <cell r="U436">
            <v>2579</v>
          </cell>
          <cell r="V436" t="str">
            <v>管理者</v>
          </cell>
          <cell r="W436" t="str">
            <v>なか１日</v>
          </cell>
          <cell r="X436" t="str">
            <v>入札</v>
          </cell>
          <cell r="Y436">
            <v>39056</v>
          </cell>
          <cell r="Z436">
            <v>39059</v>
          </cell>
          <cell r="AA436">
            <v>1130</v>
          </cell>
          <cell r="AB436" t="str">
            <v>交通局５階入札室</v>
          </cell>
          <cell r="AD436" t="str">
            <v>平成18年12月8日(金)　11時30分</v>
          </cell>
          <cell r="AE436" t="str">
            <v>建設関連サービス業</v>
          </cell>
          <cell r="AF436" t="str">
            <v>建設関連調査サービス業</v>
          </cell>
          <cell r="AG436" t="str">
            <v>建設関連調査サービス業</v>
          </cell>
          <cell r="AH436" t="str">
            <v>-</v>
          </cell>
          <cell r="AI436">
            <v>3</v>
          </cell>
          <cell r="AJ436" t="str">
            <v>（株）エーティック</v>
          </cell>
          <cell r="AK436" t="str">
            <v>（株）ケイジーエンジニアリング</v>
          </cell>
          <cell r="AL436" t="str">
            <v>（株）コンステック札幌支店</v>
          </cell>
          <cell r="AM436" t="str">
            <v>札幌インスペクション（株）</v>
          </cell>
          <cell r="AN436" t="str">
            <v>日本データーサービス（株）</v>
          </cell>
          <cell r="AU436" t="str">
            <v>要</v>
          </cell>
          <cell r="AV436">
            <v>2200000</v>
          </cell>
          <cell r="AW436">
            <v>2310000</v>
          </cell>
          <cell r="AX436">
            <v>1.4778325123152691E-2</v>
          </cell>
          <cell r="AY436" t="str">
            <v>（株）コンステック札幌支店</v>
          </cell>
          <cell r="AZ436">
            <v>2150000</v>
          </cell>
          <cell r="BA436">
            <v>2257500</v>
          </cell>
          <cell r="BB436">
            <v>107500</v>
          </cell>
          <cell r="BC436" t="str">
            <v>契約書</v>
          </cell>
          <cell r="BE436">
            <v>39062</v>
          </cell>
          <cell r="BF436" t="str">
            <v>しない</v>
          </cell>
          <cell r="BG436" t="str">
            <v>入  札</v>
          </cell>
          <cell r="BH436">
            <v>0.97727272727272729</v>
          </cell>
          <cell r="BK436">
            <v>2233000</v>
          </cell>
          <cell r="BL436" t="str">
            <v xml:space="preserve"> </v>
          </cell>
          <cell r="BM436">
            <v>87150</v>
          </cell>
          <cell r="BN436">
            <v>0.96283027317510073</v>
          </cell>
        </row>
        <row r="437">
          <cell r="A437">
            <v>7154</v>
          </cell>
          <cell r="B437" t="str">
            <v>業務委託</v>
          </cell>
          <cell r="C437" t="str">
            <v>空調機オーバーホール(日本ピーマック製）</v>
          </cell>
          <cell r="D437">
            <v>39050</v>
          </cell>
          <cell r="E437" t="str">
            <v>特命</v>
          </cell>
          <cell r="G437">
            <v>774900</v>
          </cell>
          <cell r="I437">
            <v>1</v>
          </cell>
          <cell r="J437" t="str">
            <v>式</v>
          </cell>
          <cell r="K437" t="str">
            <v/>
          </cell>
          <cell r="L437">
            <v>774900</v>
          </cell>
          <cell r="M437" t="str">
            <v>特命</v>
          </cell>
          <cell r="N437" t="str">
            <v>高・営</v>
          </cell>
          <cell r="O437">
            <v>39058</v>
          </cell>
          <cell r="P437">
            <v>39141</v>
          </cell>
          <cell r="Q437" t="str">
            <v>壱</v>
          </cell>
          <cell r="R437" t="str">
            <v>無</v>
          </cell>
          <cell r="S437" t="str">
            <v>施設課</v>
          </cell>
          <cell r="T437" t="str">
            <v>北川　博教</v>
          </cell>
          <cell r="U437">
            <v>2528</v>
          </cell>
          <cell r="V437" t="str">
            <v>部長</v>
          </cell>
          <cell r="W437" t="str">
            <v>なか１日</v>
          </cell>
          <cell r="X437" t="str">
            <v>特命</v>
          </cell>
          <cell r="Y437">
            <v>39056</v>
          </cell>
          <cell r="Z437">
            <v>39056</v>
          </cell>
          <cell r="AA437">
            <v>1500</v>
          </cell>
          <cell r="AB437" t="str">
            <v>交通局３階総務課（契約担当）</v>
          </cell>
          <cell r="AD437" t="str">
            <v>平成18年12月5日(火)　15時00分</v>
          </cell>
          <cell r="AI437">
            <v>1</v>
          </cell>
          <cell r="AJ437" t="str">
            <v>日本ピーマック（株）札幌営業所</v>
          </cell>
          <cell r="AU437" t="str">
            <v>省略可</v>
          </cell>
          <cell r="AW437">
            <v>774900</v>
          </cell>
          <cell r="AX437">
            <v>1</v>
          </cell>
          <cell r="AY437" t="str">
            <v>日本ピーマック（株）札幌営業所</v>
          </cell>
          <cell r="AZ437">
            <v>730000</v>
          </cell>
          <cell r="BA437">
            <v>766500</v>
          </cell>
          <cell r="BB437">
            <v>36500</v>
          </cell>
          <cell r="BC437" t="str">
            <v>契約書</v>
          </cell>
          <cell r="BE437">
            <v>39057</v>
          </cell>
          <cell r="BF437" t="str">
            <v>しない</v>
          </cell>
          <cell r="BG437" t="str">
            <v>見積</v>
          </cell>
          <cell r="BH437">
            <v>0.98915989159891604</v>
          </cell>
          <cell r="BK437">
            <v>738000</v>
          </cell>
          <cell r="BL437" t="str">
            <v xml:space="preserve"> </v>
          </cell>
          <cell r="BM437">
            <v>8400</v>
          </cell>
          <cell r="BN437">
            <v>0.98915989159891604</v>
          </cell>
        </row>
        <row r="438">
          <cell r="A438">
            <v>1220</v>
          </cell>
          <cell r="B438" t="str">
            <v>物品購入</v>
          </cell>
          <cell r="C438" t="str">
            <v>蓄熱槽薬品</v>
          </cell>
          <cell r="D438">
            <v>39050</v>
          </cell>
          <cell r="G438">
            <v>781200</v>
          </cell>
          <cell r="I438">
            <v>1</v>
          </cell>
          <cell r="J438" t="str">
            <v>式</v>
          </cell>
          <cell r="K438" t="str">
            <v/>
          </cell>
          <cell r="L438">
            <v>781200</v>
          </cell>
          <cell r="M438" t="str">
            <v>公開</v>
          </cell>
          <cell r="N438" t="str">
            <v>高・営</v>
          </cell>
          <cell r="P438">
            <v>39106</v>
          </cell>
          <cell r="Q438" t="str">
            <v>壱</v>
          </cell>
          <cell r="R438" t="str">
            <v>無</v>
          </cell>
          <cell r="S438" t="str">
            <v>施設課</v>
          </cell>
          <cell r="T438" t="str">
            <v>若原　博</v>
          </cell>
          <cell r="U438">
            <v>2524</v>
          </cell>
          <cell r="V438" t="str">
            <v>課長</v>
          </cell>
          <cell r="W438" t="str">
            <v>なか１日</v>
          </cell>
          <cell r="X438" t="str">
            <v>公開</v>
          </cell>
          <cell r="Y438">
            <v>39058</v>
          </cell>
          <cell r="Z438">
            <v>39058</v>
          </cell>
          <cell r="AB438" t="str">
            <v>交通局３階総務課（契約担当）</v>
          </cell>
          <cell r="AD438" t="e">
            <v>#VALUE!</v>
          </cell>
          <cell r="AI438">
            <v>3</v>
          </cell>
          <cell r="AJ438" t="str">
            <v>北海道地域暖房テクノサービス（株）</v>
          </cell>
          <cell r="AU438" t="str">
            <v>省略可</v>
          </cell>
          <cell r="AW438">
            <v>781200</v>
          </cell>
          <cell r="AX438">
            <v>1</v>
          </cell>
          <cell r="AY438" t="str">
            <v>北海道地域暖房テクノサービス（株）</v>
          </cell>
          <cell r="AZ438">
            <v>744000</v>
          </cell>
          <cell r="BA438">
            <v>781200</v>
          </cell>
          <cell r="BB438">
            <v>37200</v>
          </cell>
          <cell r="BC438" t="str">
            <v>請書</v>
          </cell>
          <cell r="BE438">
            <v>39062</v>
          </cell>
          <cell r="BF438" t="str">
            <v>しない</v>
          </cell>
          <cell r="BG438" t="str">
            <v>見積(公開)</v>
          </cell>
          <cell r="BH438">
            <v>1</v>
          </cell>
          <cell r="BK438">
            <v>744000</v>
          </cell>
          <cell r="BL438" t="str">
            <v xml:space="preserve"> </v>
          </cell>
          <cell r="BM438">
            <v>0</v>
          </cell>
          <cell r="BN438">
            <v>1</v>
          </cell>
        </row>
        <row r="439">
          <cell r="A439">
            <v>7155</v>
          </cell>
          <cell r="B439" t="str">
            <v>業務委託</v>
          </cell>
          <cell r="C439" t="str">
            <v>フォークリフト整備</v>
          </cell>
          <cell r="D439">
            <v>39050</v>
          </cell>
          <cell r="G439">
            <v>183477</v>
          </cell>
          <cell r="I439">
            <v>1</v>
          </cell>
          <cell r="J439" t="str">
            <v>式</v>
          </cell>
          <cell r="K439" t="str">
            <v/>
          </cell>
          <cell r="L439">
            <v>183477</v>
          </cell>
          <cell r="M439" t="str">
            <v>見積</v>
          </cell>
          <cell r="N439" t="str">
            <v>高・営</v>
          </cell>
          <cell r="O439">
            <v>39058</v>
          </cell>
          <cell r="P439">
            <v>39087</v>
          </cell>
          <cell r="Q439" t="str">
            <v>壱</v>
          </cell>
          <cell r="R439" t="str">
            <v>無</v>
          </cell>
          <cell r="S439" t="str">
            <v>車両課(二十四軒)</v>
          </cell>
          <cell r="T439" t="str">
            <v>小松　安夫</v>
          </cell>
          <cell r="U439">
            <v>8213</v>
          </cell>
          <cell r="V439" t="str">
            <v>課長</v>
          </cell>
          <cell r="W439" t="str">
            <v>なか１日</v>
          </cell>
          <cell r="X439" t="str">
            <v>見積</v>
          </cell>
          <cell r="Y439">
            <v>39055</v>
          </cell>
          <cell r="Z439">
            <v>39056</v>
          </cell>
          <cell r="AA439">
            <v>1130</v>
          </cell>
          <cell r="AB439" t="str">
            <v>交通局５階入札室</v>
          </cell>
          <cell r="AD439" t="str">
            <v>平成18年12月5日(火)　11時30分</v>
          </cell>
          <cell r="AI439">
            <v>3</v>
          </cell>
          <cell r="AJ439" t="str">
            <v>トヨタエルアンドエフ札幌（株）</v>
          </cell>
          <cell r="AK439" t="str">
            <v>北海道小松フォークリフト（株）</v>
          </cell>
          <cell r="AL439" t="str">
            <v>北海道TCM（株）</v>
          </cell>
          <cell r="AU439" t="str">
            <v>省略可</v>
          </cell>
          <cell r="AW439">
            <v>183477</v>
          </cell>
          <cell r="AX439">
            <v>1</v>
          </cell>
          <cell r="AY439" t="str">
            <v>北海道TCM（株）</v>
          </cell>
          <cell r="AZ439">
            <v>160000</v>
          </cell>
          <cell r="BA439">
            <v>168000</v>
          </cell>
          <cell r="BB439">
            <v>8000</v>
          </cell>
          <cell r="BC439" t="str">
            <v>請書</v>
          </cell>
          <cell r="BE439">
            <v>39057</v>
          </cell>
          <cell r="BF439" t="str">
            <v>しない</v>
          </cell>
          <cell r="BG439" t="str">
            <v>見積</v>
          </cell>
          <cell r="BH439">
            <v>0.91564610278127501</v>
          </cell>
          <cell r="BK439">
            <v>174740</v>
          </cell>
          <cell r="BL439" t="str">
            <v xml:space="preserve"> </v>
          </cell>
          <cell r="BM439">
            <v>15477</v>
          </cell>
          <cell r="BN439">
            <v>0.91564610278127501</v>
          </cell>
        </row>
        <row r="440">
          <cell r="A440">
            <v>7156</v>
          </cell>
          <cell r="B440" t="str">
            <v>業務委託</v>
          </cell>
          <cell r="C440" t="str">
            <v>車体自動洗浄機整備</v>
          </cell>
          <cell r="D440">
            <v>39050</v>
          </cell>
          <cell r="G440">
            <v>150150</v>
          </cell>
          <cell r="I440">
            <v>1</v>
          </cell>
          <cell r="J440" t="str">
            <v>式</v>
          </cell>
          <cell r="K440" t="str">
            <v/>
          </cell>
          <cell r="L440">
            <v>150150</v>
          </cell>
          <cell r="M440" t="str">
            <v>見積</v>
          </cell>
          <cell r="N440" t="str">
            <v>高・営</v>
          </cell>
          <cell r="O440">
            <v>39063</v>
          </cell>
          <cell r="P440">
            <v>39141</v>
          </cell>
          <cell r="Q440" t="str">
            <v>壱</v>
          </cell>
          <cell r="R440" t="str">
            <v>無</v>
          </cell>
          <cell r="S440" t="str">
            <v>車両課(大谷地)</v>
          </cell>
          <cell r="T440" t="str">
            <v>疋田　幹憲</v>
          </cell>
          <cell r="U440">
            <v>8418</v>
          </cell>
          <cell r="V440" t="str">
            <v>課長</v>
          </cell>
          <cell r="W440" t="str">
            <v>なか１日</v>
          </cell>
          <cell r="X440" t="str">
            <v>見積</v>
          </cell>
          <cell r="Y440">
            <v>39055</v>
          </cell>
          <cell r="Z440">
            <v>39059</v>
          </cell>
          <cell r="AA440">
            <v>1140</v>
          </cell>
          <cell r="AB440" t="str">
            <v>交通局５階入札室</v>
          </cell>
          <cell r="AD440" t="str">
            <v>平成18年12月8日(金)　11時40分</v>
          </cell>
          <cell r="AI440">
            <v>3</v>
          </cell>
          <cell r="AJ440" t="str">
            <v>（株）キタデン</v>
          </cell>
          <cell r="AK440" t="str">
            <v>豊平運輸機工（株）</v>
          </cell>
          <cell r="AL440" t="str">
            <v>中道機械（株）</v>
          </cell>
          <cell r="AU440" t="str">
            <v>省略可</v>
          </cell>
          <cell r="AW440">
            <v>150150</v>
          </cell>
          <cell r="AX440">
            <v>1</v>
          </cell>
          <cell r="AY440" t="str">
            <v>中道機械（株）</v>
          </cell>
          <cell r="AZ440">
            <v>135000</v>
          </cell>
          <cell r="BA440">
            <v>141750</v>
          </cell>
          <cell r="BB440">
            <v>6750</v>
          </cell>
          <cell r="BC440" t="str">
            <v>請書</v>
          </cell>
          <cell r="BE440">
            <v>39062</v>
          </cell>
          <cell r="BF440" t="str">
            <v>しない</v>
          </cell>
          <cell r="BG440" t="str">
            <v>見積</v>
          </cell>
          <cell r="BH440">
            <v>0.94405594405594406</v>
          </cell>
          <cell r="BK440">
            <v>143000</v>
          </cell>
          <cell r="BL440" t="str">
            <v xml:space="preserve"> </v>
          </cell>
          <cell r="BM440">
            <v>8400</v>
          </cell>
          <cell r="BN440">
            <v>0.94405594405594406</v>
          </cell>
        </row>
        <row r="441">
          <cell r="A441">
            <v>1221</v>
          </cell>
          <cell r="B441" t="str">
            <v>物品購入</v>
          </cell>
          <cell r="C441" t="str">
            <v>保護鎖他</v>
          </cell>
          <cell r="D441">
            <v>39050</v>
          </cell>
          <cell r="E441" t="str">
            <v>特命</v>
          </cell>
          <cell r="G441">
            <v>386988</v>
          </cell>
          <cell r="I441">
            <v>1</v>
          </cell>
          <cell r="J441" t="str">
            <v>式</v>
          </cell>
          <cell r="K441" t="str">
            <v/>
          </cell>
          <cell r="L441">
            <v>386988</v>
          </cell>
          <cell r="M441" t="str">
            <v>特命</v>
          </cell>
          <cell r="N441" t="str">
            <v>高・営</v>
          </cell>
          <cell r="P441">
            <v>39171</v>
          </cell>
          <cell r="Q441" t="str">
            <v>壱</v>
          </cell>
          <cell r="R441" t="str">
            <v>無</v>
          </cell>
          <cell r="S441" t="str">
            <v>車両課(真駒内)</v>
          </cell>
          <cell r="T441" t="str">
            <v>阿部　光男</v>
          </cell>
          <cell r="U441">
            <v>8317</v>
          </cell>
          <cell r="V441" t="str">
            <v>課長</v>
          </cell>
          <cell r="W441" t="str">
            <v>なか１日</v>
          </cell>
          <cell r="X441" t="str">
            <v>特命</v>
          </cell>
          <cell r="Y441">
            <v>39055</v>
          </cell>
          <cell r="Z441">
            <v>39055</v>
          </cell>
          <cell r="AA441">
            <v>1400</v>
          </cell>
          <cell r="AB441" t="str">
            <v>交通局３階総務課（契約担当）</v>
          </cell>
          <cell r="AD441" t="str">
            <v>平成18年12月4日(月)　14時00分</v>
          </cell>
          <cell r="AI441">
            <v>1</v>
          </cell>
          <cell r="AJ441" t="str">
            <v>札幌川重車両エンジニアリング（株）</v>
          </cell>
          <cell r="AU441" t="str">
            <v>省略可</v>
          </cell>
          <cell r="AW441">
            <v>386988</v>
          </cell>
          <cell r="AX441">
            <v>1</v>
          </cell>
          <cell r="AY441" t="str">
            <v>札幌川重車両エンジニアリング（株）</v>
          </cell>
          <cell r="AZ441">
            <v>368400</v>
          </cell>
          <cell r="BA441">
            <v>386820</v>
          </cell>
          <cell r="BB441">
            <v>18420</v>
          </cell>
          <cell r="BC441" t="str">
            <v>発注書</v>
          </cell>
          <cell r="BE441">
            <v>39055</v>
          </cell>
          <cell r="BF441" t="str">
            <v>しない</v>
          </cell>
          <cell r="BG441" t="str">
            <v>見積</v>
          </cell>
          <cell r="BH441">
            <v>0.99956587801172125</v>
          </cell>
          <cell r="BK441">
            <v>368560</v>
          </cell>
          <cell r="BL441" t="str">
            <v xml:space="preserve"> </v>
          </cell>
          <cell r="BM441">
            <v>168</v>
          </cell>
          <cell r="BN441">
            <v>0.99956587801172125</v>
          </cell>
        </row>
        <row r="442">
          <cell r="A442">
            <v>7157</v>
          </cell>
          <cell r="B442" t="str">
            <v>業務委託</v>
          </cell>
          <cell r="C442" t="str">
            <v>澄川駅地区テレビ受信障害対策業務</v>
          </cell>
          <cell r="D442">
            <v>39051</v>
          </cell>
          <cell r="E442" t="str">
            <v>特命</v>
          </cell>
          <cell r="G442">
            <v>5397000</v>
          </cell>
          <cell r="I442">
            <v>1</v>
          </cell>
          <cell r="J442" t="str">
            <v>式</v>
          </cell>
          <cell r="K442" t="str">
            <v/>
          </cell>
          <cell r="L442">
            <v>5397000</v>
          </cell>
          <cell r="M442" t="str">
            <v>特命</v>
          </cell>
          <cell r="N442" t="str">
            <v>高・営</v>
          </cell>
          <cell r="O442">
            <v>39062</v>
          </cell>
          <cell r="P442">
            <v>39113</v>
          </cell>
          <cell r="Q442" t="str">
            <v>壱</v>
          </cell>
          <cell r="R442" t="str">
            <v>無</v>
          </cell>
          <cell r="S442" t="str">
            <v>施設課</v>
          </cell>
          <cell r="T442" t="str">
            <v>佐藤　博</v>
          </cell>
          <cell r="U442">
            <v>2531</v>
          </cell>
          <cell r="V442" t="str">
            <v>管理者</v>
          </cell>
          <cell r="W442" t="str">
            <v>なか５日</v>
          </cell>
          <cell r="X442" t="str">
            <v>特命</v>
          </cell>
          <cell r="Y442">
            <v>39059</v>
          </cell>
          <cell r="Z442">
            <v>39057</v>
          </cell>
          <cell r="AA442">
            <v>1400</v>
          </cell>
          <cell r="AB442" t="str">
            <v>交通局３階総務課（契約担当）</v>
          </cell>
          <cell r="AD442" t="str">
            <v>平成18年12月6日(水)　14時00分</v>
          </cell>
          <cell r="AI442">
            <v>1</v>
          </cell>
          <cell r="AJ442" t="str">
            <v>（株）ジェイコム札幌</v>
          </cell>
          <cell r="AU442" t="str">
            <v>要</v>
          </cell>
          <cell r="AV442">
            <v>5080000</v>
          </cell>
          <cell r="AW442">
            <v>5334000</v>
          </cell>
          <cell r="AX442">
            <v>1.1673151750972721E-2</v>
          </cell>
          <cell r="AY442" t="str">
            <v>（株）ジェイコム札幌</v>
          </cell>
          <cell r="AZ442">
            <v>5050000</v>
          </cell>
          <cell r="BA442">
            <v>5302500</v>
          </cell>
          <cell r="BB442">
            <v>252500</v>
          </cell>
          <cell r="BC442" t="str">
            <v>契約書</v>
          </cell>
          <cell r="BE442">
            <v>39062</v>
          </cell>
          <cell r="BF442" t="str">
            <v>しない</v>
          </cell>
          <cell r="BG442" t="str">
            <v>見積</v>
          </cell>
          <cell r="BH442">
            <v>0.99409448818897639</v>
          </cell>
          <cell r="BK442">
            <v>5140000</v>
          </cell>
          <cell r="BL442" t="str">
            <v xml:space="preserve"> </v>
          </cell>
          <cell r="BM442">
            <v>94500</v>
          </cell>
          <cell r="BN442">
            <v>0.98249027237354081</v>
          </cell>
        </row>
        <row r="443">
          <cell r="A443">
            <v>2064</v>
          </cell>
          <cell r="B443" t="str">
            <v>製造請負</v>
          </cell>
          <cell r="C443" t="str">
            <v>設備指令システム改良その１</v>
          </cell>
          <cell r="D443">
            <v>39051</v>
          </cell>
          <cell r="E443" t="str">
            <v>特命</v>
          </cell>
          <cell r="G443">
            <v>7350000</v>
          </cell>
          <cell r="I443">
            <v>1</v>
          </cell>
          <cell r="J443" t="str">
            <v>式</v>
          </cell>
          <cell r="K443" t="str">
            <v/>
          </cell>
          <cell r="L443">
            <v>7350000</v>
          </cell>
          <cell r="M443" t="str">
            <v>特命</v>
          </cell>
          <cell r="N443" t="str">
            <v>高・建改</v>
          </cell>
          <cell r="P443">
            <v>39140</v>
          </cell>
          <cell r="Q443" t="str">
            <v>壱</v>
          </cell>
          <cell r="R443" t="str">
            <v>無</v>
          </cell>
          <cell r="S443" t="str">
            <v>電気課</v>
          </cell>
          <cell r="T443" t="str">
            <v>多田　国康</v>
          </cell>
          <cell r="U443">
            <v>2642</v>
          </cell>
          <cell r="V443" t="str">
            <v>部長</v>
          </cell>
          <cell r="W443" t="str">
            <v>なか５日</v>
          </cell>
          <cell r="X443" t="str">
            <v>特命</v>
          </cell>
          <cell r="Y443">
            <v>39058</v>
          </cell>
          <cell r="Z443">
            <v>39058</v>
          </cell>
          <cell r="AA443">
            <v>1400</v>
          </cell>
          <cell r="AB443" t="str">
            <v>交通局３階総務課（契約担当）</v>
          </cell>
          <cell r="AD443" t="str">
            <v>平成18年12月7日(木)　14時00分</v>
          </cell>
          <cell r="AI443">
            <v>1</v>
          </cell>
          <cell r="AJ443" t="str">
            <v>富士電機システムズ（株）東日本支社北海道事務所</v>
          </cell>
          <cell r="AU443" t="str">
            <v>要</v>
          </cell>
          <cell r="AV443">
            <v>6930000</v>
          </cell>
          <cell r="AW443">
            <v>7276500</v>
          </cell>
          <cell r="AX443">
            <v>1.0000000000000009E-2</v>
          </cell>
          <cell r="AY443" t="str">
            <v>富士電機システムズ（株）東日本支社北海道事務所</v>
          </cell>
          <cell r="AZ443">
            <v>6930000</v>
          </cell>
          <cell r="BA443">
            <v>7276500</v>
          </cell>
          <cell r="BB443">
            <v>346500</v>
          </cell>
          <cell r="BC443" t="str">
            <v>契約書</v>
          </cell>
          <cell r="BE443">
            <v>39059</v>
          </cell>
          <cell r="BF443" t="str">
            <v>する</v>
          </cell>
          <cell r="BG443" t="str">
            <v>見積</v>
          </cell>
          <cell r="BH443">
            <v>1</v>
          </cell>
          <cell r="BK443">
            <v>7000000</v>
          </cell>
          <cell r="BL443" t="str">
            <v xml:space="preserve"> </v>
          </cell>
          <cell r="BM443">
            <v>73500</v>
          </cell>
          <cell r="BN443">
            <v>0.99</v>
          </cell>
        </row>
        <row r="444">
          <cell r="A444">
            <v>2065</v>
          </cell>
          <cell r="B444" t="str">
            <v>製造請負</v>
          </cell>
          <cell r="C444" t="str">
            <v>南車両基地トラバーサ式転てつ器走行路更新</v>
          </cell>
          <cell r="D444">
            <v>39051</v>
          </cell>
          <cell r="E444" t="str">
            <v>特命</v>
          </cell>
          <cell r="G444">
            <v>13051500</v>
          </cell>
          <cell r="I444">
            <v>1</v>
          </cell>
          <cell r="J444" t="str">
            <v>式</v>
          </cell>
          <cell r="K444" t="str">
            <v/>
          </cell>
          <cell r="L444">
            <v>13051500</v>
          </cell>
          <cell r="M444" t="str">
            <v>特命</v>
          </cell>
          <cell r="N444" t="str">
            <v>高・営</v>
          </cell>
          <cell r="P444">
            <v>39164</v>
          </cell>
          <cell r="Q444" t="str">
            <v>壱</v>
          </cell>
          <cell r="R444" t="str">
            <v>無</v>
          </cell>
          <cell r="S444" t="str">
            <v>施設課</v>
          </cell>
          <cell r="T444" t="str">
            <v>丸山　貴弘</v>
          </cell>
          <cell r="U444">
            <v>2592</v>
          </cell>
          <cell r="V444" t="str">
            <v>管理者</v>
          </cell>
          <cell r="W444" t="str">
            <v>なか５日</v>
          </cell>
          <cell r="X444" t="str">
            <v>特命</v>
          </cell>
          <cell r="Y444">
            <v>39059</v>
          </cell>
          <cell r="Z444">
            <v>39059</v>
          </cell>
          <cell r="AA444">
            <v>1400</v>
          </cell>
          <cell r="AB444" t="str">
            <v>交通局３階総務課（契約担当）</v>
          </cell>
          <cell r="AD444" t="str">
            <v>平成18年12月8日(金)　14時00分</v>
          </cell>
          <cell r="AI444">
            <v>1</v>
          </cell>
          <cell r="AJ444" t="str">
            <v>札幌川重車両エンジニアリング（株）</v>
          </cell>
          <cell r="AU444" t="str">
            <v>要</v>
          </cell>
          <cell r="AV444">
            <v>12300000</v>
          </cell>
          <cell r="AW444">
            <v>12915000</v>
          </cell>
          <cell r="AX444">
            <v>1.0458567980691891E-2</v>
          </cell>
          <cell r="AY444" t="str">
            <v>札幌川重車両エンジニアリング（株）</v>
          </cell>
          <cell r="AZ444">
            <v>12290000</v>
          </cell>
          <cell r="BA444">
            <v>12904500</v>
          </cell>
          <cell r="BB444">
            <v>614500</v>
          </cell>
          <cell r="BC444" t="str">
            <v>契約書</v>
          </cell>
          <cell r="BE444">
            <v>39062</v>
          </cell>
          <cell r="BF444" t="str">
            <v>しない</v>
          </cell>
          <cell r="BG444" t="str">
            <v>見積</v>
          </cell>
          <cell r="BH444">
            <v>0.99918699186991866</v>
          </cell>
          <cell r="BK444">
            <v>12430000</v>
          </cell>
          <cell r="BL444" t="str">
            <v xml:space="preserve"> </v>
          </cell>
          <cell r="BM444">
            <v>147000</v>
          </cell>
          <cell r="BN444">
            <v>0.98873692679002412</v>
          </cell>
        </row>
        <row r="445">
          <cell r="A445">
            <v>7158</v>
          </cell>
          <cell r="B445" t="str">
            <v>業務委託</v>
          </cell>
          <cell r="C445" t="str">
            <v>送風機オーバーホール（荏原製）</v>
          </cell>
          <cell r="D445">
            <v>39051</v>
          </cell>
          <cell r="G445">
            <v>8736000</v>
          </cell>
          <cell r="I445">
            <v>1</v>
          </cell>
          <cell r="J445" t="str">
            <v>式</v>
          </cell>
          <cell r="K445" t="str">
            <v/>
          </cell>
          <cell r="L445">
            <v>8736000</v>
          </cell>
          <cell r="M445" t="str">
            <v>入札</v>
          </cell>
          <cell r="N445" t="str">
            <v>高・営</v>
          </cell>
          <cell r="O445">
            <v>39065</v>
          </cell>
          <cell r="P445">
            <v>39157</v>
          </cell>
          <cell r="Q445" t="str">
            <v>壱</v>
          </cell>
          <cell r="R445" t="str">
            <v>無</v>
          </cell>
          <cell r="S445" t="str">
            <v>施設課</v>
          </cell>
          <cell r="T445" t="str">
            <v>白勢　信彦</v>
          </cell>
          <cell r="U445">
            <v>2528</v>
          </cell>
          <cell r="V445" t="str">
            <v>管理者</v>
          </cell>
          <cell r="W445" t="str">
            <v>なか５日</v>
          </cell>
          <cell r="X445" t="str">
            <v>入札</v>
          </cell>
          <cell r="Y445">
            <v>39064</v>
          </cell>
          <cell r="Z445">
            <v>39063</v>
          </cell>
          <cell r="AA445">
            <v>1110</v>
          </cell>
          <cell r="AB445" t="str">
            <v>交通局５階入札室</v>
          </cell>
          <cell r="AD445" t="str">
            <v>平成18年12月12日(火)　11時10分</v>
          </cell>
          <cell r="AE445" t="str">
            <v>サービス業</v>
          </cell>
          <cell r="AF445" t="str">
            <v>機械・家具等保守・修理業</v>
          </cell>
          <cell r="AG445" t="str">
            <v>機械保守・修理業</v>
          </cell>
          <cell r="AH445" t="str">
            <v>-</v>
          </cell>
          <cell r="AI445">
            <v>4</v>
          </cell>
          <cell r="AJ445" t="str">
            <v>荏原エンジニアリングサービス（株）北海道支店</v>
          </cell>
          <cell r="AK445" t="str">
            <v>荏原テクノサーブ（株）北海道支店</v>
          </cell>
          <cell r="AL445" t="str">
            <v>札幌日信電子（株）</v>
          </cell>
          <cell r="AM445" t="str">
            <v>本多産業（株）札幌支店</v>
          </cell>
          <cell r="AU445" t="str">
            <v>要</v>
          </cell>
          <cell r="AV445">
            <v>8230000</v>
          </cell>
          <cell r="AW445">
            <v>8641500</v>
          </cell>
          <cell r="AX445">
            <v>1.0817307692307709E-2</v>
          </cell>
          <cell r="AY445" t="str">
            <v>本多産業（株）札幌支店</v>
          </cell>
          <cell r="AZ445">
            <v>8200000</v>
          </cell>
          <cell r="BA445">
            <v>8610000</v>
          </cell>
          <cell r="BB445">
            <v>410000</v>
          </cell>
          <cell r="BC445" t="str">
            <v>契約書</v>
          </cell>
          <cell r="BE445">
            <v>39064</v>
          </cell>
          <cell r="BF445" t="str">
            <v>しない</v>
          </cell>
          <cell r="BG445" t="str">
            <v>入  札</v>
          </cell>
          <cell r="BH445">
            <v>0.99635479951397332</v>
          </cell>
          <cell r="BK445">
            <v>8320000</v>
          </cell>
          <cell r="BL445" t="str">
            <v xml:space="preserve"> </v>
          </cell>
          <cell r="BM445">
            <v>126000</v>
          </cell>
          <cell r="BN445">
            <v>0.98557692307692313</v>
          </cell>
        </row>
        <row r="446">
          <cell r="A446">
            <v>7159</v>
          </cell>
          <cell r="B446" t="str">
            <v>業務委託</v>
          </cell>
          <cell r="C446" t="str">
            <v>送風機オーバーホール（三菱製）</v>
          </cell>
          <cell r="D446">
            <v>39051</v>
          </cell>
          <cell r="G446">
            <v>8620500</v>
          </cell>
          <cell r="I446">
            <v>1</v>
          </cell>
          <cell r="J446" t="str">
            <v>式</v>
          </cell>
          <cell r="K446" t="str">
            <v/>
          </cell>
          <cell r="L446">
            <v>8620500</v>
          </cell>
          <cell r="M446" t="str">
            <v>入札</v>
          </cell>
          <cell r="N446" t="str">
            <v>高・営</v>
          </cell>
          <cell r="O446">
            <v>39064</v>
          </cell>
          <cell r="P446">
            <v>39157</v>
          </cell>
          <cell r="Q446" t="str">
            <v>壱</v>
          </cell>
          <cell r="R446" t="str">
            <v>無</v>
          </cell>
          <cell r="S446" t="str">
            <v>施設課</v>
          </cell>
          <cell r="T446" t="str">
            <v>白勢　信彦</v>
          </cell>
          <cell r="U446">
            <v>2528</v>
          </cell>
          <cell r="V446" t="str">
            <v>管理者</v>
          </cell>
          <cell r="W446" t="str">
            <v>なか５日</v>
          </cell>
          <cell r="X446" t="str">
            <v>入札</v>
          </cell>
          <cell r="Y446">
            <v>39064</v>
          </cell>
          <cell r="Z446">
            <v>39063</v>
          </cell>
          <cell r="AA446">
            <v>1120</v>
          </cell>
          <cell r="AB446" t="str">
            <v>交通局５階入札室</v>
          </cell>
          <cell r="AD446" t="str">
            <v>平成18年12月12日(火)　11時20分</v>
          </cell>
          <cell r="AE446" t="str">
            <v>サービス業</v>
          </cell>
          <cell r="AF446" t="str">
            <v>建物設備等保守管理業</v>
          </cell>
          <cell r="AG446" t="str">
            <v>機械設備保守業</v>
          </cell>
          <cell r="AH446" t="str">
            <v>-</v>
          </cell>
          <cell r="AI446">
            <v>4</v>
          </cell>
          <cell r="AJ446" t="str">
            <v>（株）北弘電社</v>
          </cell>
          <cell r="AK446" t="str">
            <v>（株）キタデン</v>
          </cell>
          <cell r="AL446" t="str">
            <v>北菱産業（株）</v>
          </cell>
          <cell r="AM446" t="str">
            <v>三菱電機ビルテクノサービス（株）北海道支社</v>
          </cell>
          <cell r="AU446" t="str">
            <v>要</v>
          </cell>
          <cell r="AV446">
            <v>8120000</v>
          </cell>
          <cell r="AW446">
            <v>8526000</v>
          </cell>
          <cell r="AX446">
            <v>1.0962241169305775E-2</v>
          </cell>
          <cell r="AY446" t="str">
            <v>（株）北弘電社</v>
          </cell>
          <cell r="AZ446">
            <v>7500000</v>
          </cell>
          <cell r="BA446">
            <v>7875000</v>
          </cell>
          <cell r="BB446">
            <v>375000</v>
          </cell>
          <cell r="BC446" t="str">
            <v>契約書</v>
          </cell>
          <cell r="BE446">
            <v>39065</v>
          </cell>
          <cell r="BF446" t="str">
            <v>しない</v>
          </cell>
          <cell r="BG446" t="str">
            <v>入  札</v>
          </cell>
          <cell r="BH446">
            <v>0.92364532019704437</v>
          </cell>
          <cell r="BK446">
            <v>8210000</v>
          </cell>
          <cell r="BL446" t="str">
            <v xml:space="preserve"> </v>
          </cell>
          <cell r="BM446">
            <v>745500</v>
          </cell>
          <cell r="BN446">
            <v>0.91352009744214369</v>
          </cell>
        </row>
        <row r="447">
          <cell r="A447">
            <v>7160</v>
          </cell>
          <cell r="B447" t="str">
            <v>業務委託</v>
          </cell>
          <cell r="C447" t="str">
            <v>送風機オーバーホール（日立製）</v>
          </cell>
          <cell r="D447">
            <v>39051</v>
          </cell>
          <cell r="G447">
            <v>10132500</v>
          </cell>
          <cell r="I447">
            <v>1</v>
          </cell>
          <cell r="J447" t="str">
            <v>式</v>
          </cell>
          <cell r="K447" t="str">
            <v/>
          </cell>
          <cell r="L447">
            <v>10132500</v>
          </cell>
          <cell r="M447" t="str">
            <v>入札</v>
          </cell>
          <cell r="N447" t="str">
            <v>高・営</v>
          </cell>
          <cell r="O447">
            <v>39065</v>
          </cell>
          <cell r="P447">
            <v>39157</v>
          </cell>
          <cell r="Q447" t="str">
            <v>壱</v>
          </cell>
          <cell r="R447" t="str">
            <v>無</v>
          </cell>
          <cell r="S447" t="str">
            <v>施設課</v>
          </cell>
          <cell r="T447" t="str">
            <v>白勢　信彦</v>
          </cell>
          <cell r="U447">
            <v>2528</v>
          </cell>
          <cell r="V447" t="str">
            <v>管理者</v>
          </cell>
          <cell r="W447" t="str">
            <v>なか５日</v>
          </cell>
          <cell r="X447" t="str">
            <v>入札</v>
          </cell>
          <cell r="Y447">
            <v>39064</v>
          </cell>
          <cell r="Z447">
            <v>39063</v>
          </cell>
          <cell r="AA447">
            <v>1130</v>
          </cell>
          <cell r="AB447" t="str">
            <v>交通局５階入札室</v>
          </cell>
          <cell r="AD447" t="str">
            <v>平成18年12月12日(火)　11時30分</v>
          </cell>
          <cell r="AE447" t="str">
            <v>サービス業</v>
          </cell>
          <cell r="AF447" t="str">
            <v>機械・家具等保守・修理業</v>
          </cell>
          <cell r="AG447" t="str">
            <v>機械保守・修理業</v>
          </cell>
          <cell r="AH447" t="str">
            <v>-</v>
          </cell>
          <cell r="AI447">
            <v>5</v>
          </cell>
          <cell r="AJ447" t="str">
            <v>正栄機工（株）</v>
          </cell>
          <cell r="AK447" t="str">
            <v>（株）日星電機</v>
          </cell>
          <cell r="AL447" t="str">
            <v>（株）日立産機システム北海道支社</v>
          </cell>
          <cell r="AM447" t="str">
            <v>北都電機（株）</v>
          </cell>
          <cell r="AN447" t="str">
            <v>（株）北海道日立</v>
          </cell>
          <cell r="AU447" t="str">
            <v>要</v>
          </cell>
          <cell r="AV447">
            <v>9550000</v>
          </cell>
          <cell r="AW447">
            <v>10027500</v>
          </cell>
          <cell r="AX447">
            <v>1.0362694300518172E-2</v>
          </cell>
          <cell r="AY447" t="str">
            <v>正栄機工（株）</v>
          </cell>
          <cell r="AZ447">
            <v>8960000</v>
          </cell>
          <cell r="BA447">
            <v>9408000</v>
          </cell>
          <cell r="BB447">
            <v>448000</v>
          </cell>
          <cell r="BC447" t="str">
            <v>契約書</v>
          </cell>
          <cell r="BE447">
            <v>39064</v>
          </cell>
          <cell r="BF447" t="str">
            <v>しない</v>
          </cell>
          <cell r="BG447" t="str">
            <v>入  札</v>
          </cell>
          <cell r="BH447">
            <v>0.93821989528795813</v>
          </cell>
          <cell r="BK447">
            <v>9650000</v>
          </cell>
          <cell r="BL447" t="str">
            <v xml:space="preserve"> </v>
          </cell>
          <cell r="BM447">
            <v>724500</v>
          </cell>
          <cell r="BN447">
            <v>0.92849740932642488</v>
          </cell>
        </row>
        <row r="448">
          <cell r="A448">
            <v>7161</v>
          </cell>
          <cell r="B448" t="str">
            <v>業務委託</v>
          </cell>
          <cell r="C448" t="str">
            <v>送風機オーバーホール（松下製）</v>
          </cell>
          <cell r="D448">
            <v>39051</v>
          </cell>
          <cell r="G448">
            <v>3475500</v>
          </cell>
          <cell r="I448">
            <v>1</v>
          </cell>
          <cell r="J448" t="str">
            <v>式</v>
          </cell>
          <cell r="K448" t="str">
            <v/>
          </cell>
          <cell r="L448">
            <v>3475500</v>
          </cell>
          <cell r="M448" t="str">
            <v>入札</v>
          </cell>
          <cell r="N448" t="str">
            <v>高・営</v>
          </cell>
          <cell r="O448">
            <v>39066</v>
          </cell>
          <cell r="P448">
            <v>39157</v>
          </cell>
          <cell r="Q448" t="str">
            <v>壱</v>
          </cell>
          <cell r="R448" t="str">
            <v>無</v>
          </cell>
          <cell r="S448" t="str">
            <v>施設課</v>
          </cell>
          <cell r="T448" t="str">
            <v>白勢　信彦</v>
          </cell>
          <cell r="U448">
            <v>2528</v>
          </cell>
          <cell r="V448" t="str">
            <v>管理者</v>
          </cell>
          <cell r="W448" t="str">
            <v>なか１日</v>
          </cell>
          <cell r="X448" t="str">
            <v>入札</v>
          </cell>
          <cell r="Y448">
            <v>39058</v>
          </cell>
          <cell r="Z448">
            <v>39063</v>
          </cell>
          <cell r="AA448">
            <v>1140</v>
          </cell>
          <cell r="AB448" t="str">
            <v>交通局５階入札室</v>
          </cell>
          <cell r="AD448" t="str">
            <v>平成18年12月12日(火)　11時40分</v>
          </cell>
          <cell r="AE448" t="str">
            <v>サービス業</v>
          </cell>
          <cell r="AF448" t="str">
            <v>機械・家具等保守・修理業</v>
          </cell>
          <cell r="AG448" t="str">
            <v>機械保守・修理業</v>
          </cell>
          <cell r="AH448" t="str">
            <v>-</v>
          </cell>
          <cell r="AI448">
            <v>4</v>
          </cell>
          <cell r="AJ448" t="str">
            <v>（株）工成舎</v>
          </cell>
          <cell r="AK448" t="str">
            <v>㈱昭和プラント</v>
          </cell>
          <cell r="AL448" t="str">
            <v>日協エンジニアリング（株）</v>
          </cell>
          <cell r="AM448" t="str">
            <v>パナソニックＳＳエンジニアリング（株）北海道ＰＳＳＥ社</v>
          </cell>
          <cell r="AU448" t="str">
            <v>要</v>
          </cell>
          <cell r="AV448">
            <v>3270000</v>
          </cell>
          <cell r="AW448">
            <v>3433500</v>
          </cell>
          <cell r="AX448">
            <v>1.2084592145015116E-2</v>
          </cell>
          <cell r="AY448" t="str">
            <v>パナソニックＳＳエンジニアリング（株）北海道ＰＳＳＥ社</v>
          </cell>
          <cell r="AZ448">
            <v>3250000</v>
          </cell>
          <cell r="BA448">
            <v>3412500</v>
          </cell>
          <cell r="BB448">
            <v>162500</v>
          </cell>
          <cell r="BC448" t="str">
            <v>契約書</v>
          </cell>
          <cell r="BE448">
            <v>39064</v>
          </cell>
          <cell r="BF448" t="str">
            <v>しない</v>
          </cell>
          <cell r="BG448" t="str">
            <v>入  札</v>
          </cell>
          <cell r="BH448">
            <v>0.99388379204892963</v>
          </cell>
          <cell r="BK448">
            <v>3310000</v>
          </cell>
          <cell r="BL448" t="str">
            <v xml:space="preserve"> </v>
          </cell>
          <cell r="BM448">
            <v>63000</v>
          </cell>
          <cell r="BN448">
            <v>0.98187311178247738</v>
          </cell>
        </row>
        <row r="449">
          <cell r="A449">
            <v>1222</v>
          </cell>
          <cell r="B449" t="str">
            <v>物品購入</v>
          </cell>
          <cell r="C449" t="str">
            <v>ガスボイラー</v>
          </cell>
          <cell r="D449">
            <v>39052</v>
          </cell>
          <cell r="G449">
            <v>950250</v>
          </cell>
          <cell r="I449">
            <v>1</v>
          </cell>
          <cell r="J449" t="str">
            <v>式</v>
          </cell>
          <cell r="K449" t="str">
            <v/>
          </cell>
          <cell r="L449">
            <v>950250</v>
          </cell>
          <cell r="M449" t="str">
            <v>公開</v>
          </cell>
          <cell r="N449" t="str">
            <v>高・営</v>
          </cell>
          <cell r="P449">
            <v>39150</v>
          </cell>
          <cell r="Q449" t="str">
            <v>壱</v>
          </cell>
          <cell r="R449" t="str">
            <v>無</v>
          </cell>
          <cell r="S449" t="str">
            <v>施設課</v>
          </cell>
          <cell r="T449" t="str">
            <v>岡島　昌仁</v>
          </cell>
          <cell r="U449">
            <v>2522</v>
          </cell>
          <cell r="V449" t="str">
            <v>課長</v>
          </cell>
          <cell r="W449" t="str">
            <v>なか１日</v>
          </cell>
          <cell r="X449" t="str">
            <v>公開</v>
          </cell>
          <cell r="Y449">
            <v>39058</v>
          </cell>
          <cell r="Z449">
            <v>39058</v>
          </cell>
          <cell r="AB449" t="str">
            <v>交通局３階総務課（契約担当）</v>
          </cell>
          <cell r="AD449" t="e">
            <v>#VALUE!</v>
          </cell>
          <cell r="AI449">
            <v>3</v>
          </cell>
          <cell r="AJ449" t="str">
            <v>理興産業（株）</v>
          </cell>
          <cell r="AU449" t="str">
            <v>省略可</v>
          </cell>
          <cell r="AW449">
            <v>950250</v>
          </cell>
          <cell r="AX449">
            <v>1</v>
          </cell>
          <cell r="AY449" t="str">
            <v>理興産業（株）</v>
          </cell>
          <cell r="AZ449">
            <v>876900</v>
          </cell>
          <cell r="BA449">
            <v>920745</v>
          </cell>
          <cell r="BB449">
            <v>43845</v>
          </cell>
          <cell r="BC449" t="str">
            <v>請書</v>
          </cell>
          <cell r="BE449">
            <v>39063</v>
          </cell>
          <cell r="BF449" t="str">
            <v>しない</v>
          </cell>
          <cell r="BG449" t="str">
            <v>見積(公開)</v>
          </cell>
          <cell r="BH449">
            <v>0.96895027624309393</v>
          </cell>
          <cell r="BK449">
            <v>905000</v>
          </cell>
          <cell r="BL449" t="str">
            <v xml:space="preserve"> </v>
          </cell>
          <cell r="BM449">
            <v>29505</v>
          </cell>
          <cell r="BN449">
            <v>0.96895027624309393</v>
          </cell>
        </row>
        <row r="450">
          <cell r="A450">
            <v>7162</v>
          </cell>
          <cell r="B450" t="str">
            <v>業務委託</v>
          </cell>
          <cell r="C450" t="str">
            <v>正集電器保安ピン改修業務</v>
          </cell>
          <cell r="D450">
            <v>39055</v>
          </cell>
          <cell r="E450" t="str">
            <v>特命</v>
          </cell>
          <cell r="G450">
            <v>385350</v>
          </cell>
          <cell r="I450">
            <v>1</v>
          </cell>
          <cell r="J450" t="str">
            <v>式</v>
          </cell>
          <cell r="K450" t="str">
            <v/>
          </cell>
          <cell r="L450">
            <v>385350</v>
          </cell>
          <cell r="M450" t="str">
            <v>特命</v>
          </cell>
          <cell r="N450" t="str">
            <v>高・営</v>
          </cell>
          <cell r="O450">
            <v>39063</v>
          </cell>
          <cell r="P450">
            <v>39113</v>
          </cell>
          <cell r="Q450" t="str">
            <v>壱</v>
          </cell>
          <cell r="R450" t="str">
            <v>無</v>
          </cell>
          <cell r="S450" t="str">
            <v>車両課(真駒内)</v>
          </cell>
          <cell r="T450" t="str">
            <v>加藤　道弘</v>
          </cell>
          <cell r="U450">
            <v>8303</v>
          </cell>
          <cell r="V450" t="str">
            <v>部長</v>
          </cell>
          <cell r="W450" t="str">
            <v>なか１日</v>
          </cell>
          <cell r="X450" t="str">
            <v>特命</v>
          </cell>
          <cell r="Y450">
            <v>39059</v>
          </cell>
          <cell r="Z450">
            <v>39062</v>
          </cell>
          <cell r="AA450">
            <v>1400</v>
          </cell>
          <cell r="AB450" t="str">
            <v>交通局３階総務課（契約担当）</v>
          </cell>
          <cell r="AD450" t="str">
            <v>平成18年12月11日(月)　14時00分</v>
          </cell>
          <cell r="AI450">
            <v>1</v>
          </cell>
          <cell r="AJ450" t="str">
            <v>札幌交通機械（株）</v>
          </cell>
          <cell r="AU450" t="str">
            <v>省略可</v>
          </cell>
          <cell r="AW450">
            <v>385350</v>
          </cell>
          <cell r="AX450">
            <v>1</v>
          </cell>
          <cell r="AY450" t="str">
            <v>札幌交通機械（株）</v>
          </cell>
          <cell r="AZ450">
            <v>365000</v>
          </cell>
          <cell r="BA450">
            <v>383250</v>
          </cell>
          <cell r="BB450">
            <v>18250</v>
          </cell>
          <cell r="BC450" t="str">
            <v>請書</v>
          </cell>
          <cell r="BE450">
            <v>39063</v>
          </cell>
          <cell r="BF450" t="str">
            <v>しない</v>
          </cell>
          <cell r="BG450" t="str">
            <v>見積</v>
          </cell>
          <cell r="BH450">
            <v>0.99455040871934608</v>
          </cell>
          <cell r="BK450">
            <v>367000</v>
          </cell>
          <cell r="BL450" t="str">
            <v xml:space="preserve"> </v>
          </cell>
          <cell r="BM450">
            <v>2100</v>
          </cell>
          <cell r="BN450">
            <v>0.99455040871934608</v>
          </cell>
        </row>
        <row r="451">
          <cell r="A451">
            <v>1223</v>
          </cell>
          <cell r="B451" t="str">
            <v>物品購入</v>
          </cell>
          <cell r="C451" t="str">
            <v>東西線変電所ＣＶＣＦオーバーホール部品</v>
          </cell>
          <cell r="D451">
            <v>39056</v>
          </cell>
          <cell r="E451" t="str">
            <v>特命</v>
          </cell>
          <cell r="G451">
            <v>5183850</v>
          </cell>
          <cell r="I451">
            <v>1</v>
          </cell>
          <cell r="J451" t="str">
            <v>式</v>
          </cell>
          <cell r="K451" t="str">
            <v/>
          </cell>
          <cell r="L451">
            <v>5183850</v>
          </cell>
          <cell r="M451" t="str">
            <v>特命</v>
          </cell>
          <cell r="N451" t="str">
            <v>高・営</v>
          </cell>
          <cell r="P451">
            <v>39150</v>
          </cell>
          <cell r="Q451" t="str">
            <v>壱</v>
          </cell>
          <cell r="R451" t="str">
            <v>無</v>
          </cell>
          <cell r="S451" t="str">
            <v>電気課</v>
          </cell>
          <cell r="T451" t="str">
            <v>山木　禎治</v>
          </cell>
          <cell r="U451">
            <v>2626</v>
          </cell>
          <cell r="V451" t="str">
            <v>部長</v>
          </cell>
          <cell r="W451" t="str">
            <v>なか５日</v>
          </cell>
          <cell r="X451" t="str">
            <v>特命</v>
          </cell>
          <cell r="Y451">
            <v>39063</v>
          </cell>
          <cell r="Z451">
            <v>39063</v>
          </cell>
          <cell r="AA451">
            <v>1400</v>
          </cell>
          <cell r="AB451" t="str">
            <v>交通局３階総務課（契約担当）</v>
          </cell>
          <cell r="AD451" t="str">
            <v>平成18年12月12日(火)　14時00分</v>
          </cell>
          <cell r="AI451">
            <v>1</v>
          </cell>
          <cell r="AJ451" t="str">
            <v>（株）ジーエス・ユアサパワーサプライ北海道支社</v>
          </cell>
          <cell r="AU451" t="str">
            <v>要</v>
          </cell>
          <cell r="AV451">
            <v>4880000</v>
          </cell>
          <cell r="AW451">
            <v>5124000</v>
          </cell>
          <cell r="AX451">
            <v>1.1545472959286984E-2</v>
          </cell>
          <cell r="AY451" t="str">
            <v>（株）ジーエス・ユアサパワーサプライ北海道支社</v>
          </cell>
          <cell r="AZ451">
            <v>4800000</v>
          </cell>
          <cell r="BA451">
            <v>5040000</v>
          </cell>
          <cell r="BB451">
            <v>240000</v>
          </cell>
          <cell r="BC451" t="str">
            <v>契約書</v>
          </cell>
          <cell r="BE451">
            <v>39064</v>
          </cell>
          <cell r="BF451" t="str">
            <v>しない</v>
          </cell>
          <cell r="BG451" t="str">
            <v>見積</v>
          </cell>
          <cell r="BH451">
            <v>0.98360655737704916</v>
          </cell>
          <cell r="BK451">
            <v>4937000</v>
          </cell>
          <cell r="BL451" t="str">
            <v xml:space="preserve"> </v>
          </cell>
          <cell r="BM451">
            <v>143850</v>
          </cell>
          <cell r="BN451">
            <v>0.97225035446627506</v>
          </cell>
        </row>
        <row r="452">
          <cell r="A452">
            <v>1224</v>
          </cell>
          <cell r="B452" t="str">
            <v>物品購入</v>
          </cell>
          <cell r="C452" t="str">
            <v>エアーフィルター</v>
          </cell>
          <cell r="D452">
            <v>39057</v>
          </cell>
          <cell r="G452">
            <v>1578034</v>
          </cell>
          <cell r="I452">
            <v>1</v>
          </cell>
          <cell r="J452" t="str">
            <v>式</v>
          </cell>
          <cell r="K452" t="str">
            <v/>
          </cell>
          <cell r="L452">
            <v>1578034</v>
          </cell>
          <cell r="M452" t="str">
            <v>公開</v>
          </cell>
          <cell r="N452" t="str">
            <v>高・営</v>
          </cell>
          <cell r="P452">
            <v>39128</v>
          </cell>
          <cell r="Q452" t="str">
            <v>壱</v>
          </cell>
          <cell r="R452" t="str">
            <v>無</v>
          </cell>
          <cell r="S452" t="str">
            <v>施設課</v>
          </cell>
          <cell r="T452" t="str">
            <v>北川　博教</v>
          </cell>
          <cell r="U452">
            <v>2528</v>
          </cell>
          <cell r="V452" t="str">
            <v>課長</v>
          </cell>
          <cell r="W452" t="str">
            <v>なか１日</v>
          </cell>
          <cell r="X452" t="str">
            <v>公開</v>
          </cell>
          <cell r="Y452">
            <v>39065</v>
          </cell>
          <cell r="Z452">
            <v>39065</v>
          </cell>
          <cell r="AB452" t="str">
            <v>交通局３階総務課（契約担当）</v>
          </cell>
          <cell r="AD452" t="e">
            <v>#VALUE!</v>
          </cell>
          <cell r="AI452">
            <v>3</v>
          </cell>
          <cell r="AJ452" t="str">
            <v>（株）ビオフレックス</v>
          </cell>
          <cell r="AK452" t="str">
            <v>（有）モリミツ</v>
          </cell>
          <cell r="AU452" t="str">
            <v>省略可</v>
          </cell>
          <cell r="AW452">
            <v>1578034</v>
          </cell>
          <cell r="AX452">
            <v>1</v>
          </cell>
          <cell r="AY452" t="str">
            <v>（有）モリミツ</v>
          </cell>
          <cell r="AZ452">
            <v>1295480</v>
          </cell>
          <cell r="BA452">
            <v>1360254</v>
          </cell>
          <cell r="BB452">
            <v>64774</v>
          </cell>
          <cell r="BC452" t="str">
            <v>請書</v>
          </cell>
          <cell r="BE452">
            <v>39069</v>
          </cell>
          <cell r="BF452" t="str">
            <v>しない</v>
          </cell>
          <cell r="BG452" t="str">
            <v>見積(公開)</v>
          </cell>
          <cell r="BH452">
            <v>0.86199283412144478</v>
          </cell>
          <cell r="BK452">
            <v>1502889.5238095238</v>
          </cell>
          <cell r="BL452" t="str">
            <v xml:space="preserve"> </v>
          </cell>
          <cell r="BM452">
            <v>217780</v>
          </cell>
          <cell r="BN452">
            <v>0.86199283412144478</v>
          </cell>
        </row>
        <row r="453">
          <cell r="A453">
            <v>2066</v>
          </cell>
          <cell r="B453" t="str">
            <v>製造請負</v>
          </cell>
          <cell r="C453" t="str">
            <v>オリジナルカード（モデルカード）</v>
          </cell>
          <cell r="D453">
            <v>39058</v>
          </cell>
          <cell r="E453" t="str">
            <v>特命</v>
          </cell>
          <cell r="G453">
            <v>695100</v>
          </cell>
          <cell r="I453">
            <v>10000</v>
          </cell>
          <cell r="J453" t="str">
            <v>枚</v>
          </cell>
          <cell r="K453" t="str">
            <v/>
          </cell>
          <cell r="L453">
            <v>695100</v>
          </cell>
          <cell r="M453" t="str">
            <v>特命</v>
          </cell>
          <cell r="N453" t="str">
            <v>高・営</v>
          </cell>
          <cell r="P453">
            <v>39126</v>
          </cell>
          <cell r="Q453" t="str">
            <v>壱</v>
          </cell>
          <cell r="R453" t="str">
            <v>無</v>
          </cell>
          <cell r="S453" t="str">
            <v>経営企画課</v>
          </cell>
          <cell r="T453" t="str">
            <v>安藤　友明</v>
          </cell>
          <cell r="U453">
            <v>2115</v>
          </cell>
          <cell r="V453" t="str">
            <v>課長</v>
          </cell>
          <cell r="W453" t="str">
            <v>なか１日</v>
          </cell>
          <cell r="X453" t="str">
            <v>特命</v>
          </cell>
          <cell r="Y453">
            <v>39063</v>
          </cell>
          <cell r="Z453">
            <v>39064</v>
          </cell>
          <cell r="AA453">
            <v>1400</v>
          </cell>
          <cell r="AB453" t="str">
            <v>交通局３階総務課（契約担当）</v>
          </cell>
          <cell r="AD453" t="str">
            <v>平成18年12月13日(水)　14時00分</v>
          </cell>
          <cell r="AI453">
            <v>1</v>
          </cell>
          <cell r="AJ453" t="str">
            <v>共同印刷（株）</v>
          </cell>
          <cell r="AU453" t="str">
            <v>省略可</v>
          </cell>
          <cell r="AW453">
            <v>695100</v>
          </cell>
          <cell r="AX453">
            <v>1</v>
          </cell>
          <cell r="AY453" t="str">
            <v>共同印刷（株）</v>
          </cell>
          <cell r="AZ453">
            <v>662000</v>
          </cell>
          <cell r="BA453">
            <v>695100</v>
          </cell>
          <cell r="BB453">
            <v>33100</v>
          </cell>
          <cell r="BC453" t="str">
            <v>請書</v>
          </cell>
          <cell r="BE453">
            <v>39069</v>
          </cell>
          <cell r="BF453" t="str">
            <v>しない</v>
          </cell>
          <cell r="BG453" t="str">
            <v>見積</v>
          </cell>
          <cell r="BH453">
            <v>1</v>
          </cell>
          <cell r="BK453">
            <v>662000</v>
          </cell>
          <cell r="BL453">
            <v>69.510000000000005</v>
          </cell>
          <cell r="BM453">
            <v>0</v>
          </cell>
          <cell r="BN453">
            <v>1</v>
          </cell>
        </row>
        <row r="454">
          <cell r="A454">
            <v>1225</v>
          </cell>
          <cell r="B454" t="str">
            <v>物品購入</v>
          </cell>
          <cell r="C454" t="str">
            <v>監視用モニターカメラその３</v>
          </cell>
          <cell r="D454">
            <v>39059</v>
          </cell>
          <cell r="G454">
            <v>17777550</v>
          </cell>
          <cell r="I454">
            <v>1</v>
          </cell>
          <cell r="J454" t="str">
            <v>式</v>
          </cell>
          <cell r="K454" t="str">
            <v/>
          </cell>
          <cell r="L454">
            <v>17777550</v>
          </cell>
          <cell r="M454" t="str">
            <v>入札</v>
          </cell>
          <cell r="N454" t="str">
            <v>高・営</v>
          </cell>
          <cell r="P454">
            <v>39164</v>
          </cell>
          <cell r="Q454" t="str">
            <v>壱</v>
          </cell>
          <cell r="R454" t="str">
            <v>無</v>
          </cell>
          <cell r="S454" t="str">
            <v>電気課</v>
          </cell>
          <cell r="T454" t="str">
            <v>桜庭　常夫</v>
          </cell>
          <cell r="U454">
            <v>2643</v>
          </cell>
          <cell r="V454" t="str">
            <v>管理者</v>
          </cell>
          <cell r="W454" t="str">
            <v>なか５日</v>
          </cell>
          <cell r="X454" t="str">
            <v>入札</v>
          </cell>
          <cell r="Y454">
            <v>39072</v>
          </cell>
          <cell r="Z454">
            <v>39071</v>
          </cell>
          <cell r="AA454">
            <v>1100</v>
          </cell>
          <cell r="AB454" t="str">
            <v>交通局３階総務課（契約担当）</v>
          </cell>
          <cell r="AD454" t="str">
            <v>平成18年12月20日(水)　11時00分</v>
          </cell>
          <cell r="AE454" t="str">
            <v>卸小売業</v>
          </cell>
          <cell r="AF454" t="str">
            <v>電気機械器具卸小売業</v>
          </cell>
          <cell r="AG454" t="str">
            <v>電子機器・通信機器用部品</v>
          </cell>
          <cell r="AH454" t="str">
            <v>A</v>
          </cell>
          <cell r="AI454">
            <v>5</v>
          </cell>
          <cell r="AJ454" t="str">
            <v>（株）エミヤ</v>
          </cell>
          <cell r="AK454" t="str">
            <v>大丸藤井（株）</v>
          </cell>
          <cell r="AL454" t="str">
            <v>日道電建（株）</v>
          </cell>
          <cell r="AM454" t="str">
            <v>（株）瑞穂電気産業社</v>
          </cell>
          <cell r="AN454" t="str">
            <v>理興産業（株）</v>
          </cell>
          <cell r="AU454" t="str">
            <v>要</v>
          </cell>
          <cell r="AV454">
            <v>16700000</v>
          </cell>
          <cell r="AW454">
            <v>17535000</v>
          </cell>
          <cell r="AX454">
            <v>1.3643612308782749E-2</v>
          </cell>
          <cell r="AY454" t="str">
            <v>（株）エミヤ</v>
          </cell>
          <cell r="AZ454">
            <v>14500000</v>
          </cell>
          <cell r="BA454">
            <v>15225000</v>
          </cell>
          <cell r="BB454">
            <v>725000</v>
          </cell>
          <cell r="BC454" t="str">
            <v>契約書</v>
          </cell>
          <cell r="BE454">
            <v>39072</v>
          </cell>
          <cell r="BF454" t="str">
            <v>しない</v>
          </cell>
          <cell r="BG454" t="str">
            <v>入  札</v>
          </cell>
          <cell r="BH454">
            <v>0.86826347305389218</v>
          </cell>
          <cell r="BK454">
            <v>16931000</v>
          </cell>
          <cell r="BL454" t="str">
            <v xml:space="preserve"> </v>
          </cell>
          <cell r="BM454">
            <v>2552550</v>
          </cell>
          <cell r="BN454">
            <v>0.85641722284566768</v>
          </cell>
        </row>
        <row r="455">
          <cell r="A455">
            <v>1226</v>
          </cell>
          <cell r="B455" t="str">
            <v>物品購入</v>
          </cell>
          <cell r="C455" t="str">
            <v>タンブラスイッチ他</v>
          </cell>
          <cell r="D455">
            <v>39059</v>
          </cell>
          <cell r="G455">
            <v>445305</v>
          </cell>
          <cell r="I455">
            <v>1</v>
          </cell>
          <cell r="J455" t="str">
            <v>式</v>
          </cell>
          <cell r="K455" t="str">
            <v/>
          </cell>
          <cell r="L455">
            <v>445305</v>
          </cell>
          <cell r="M455" t="str">
            <v>公開</v>
          </cell>
          <cell r="N455" t="str">
            <v>高・営</v>
          </cell>
          <cell r="P455">
            <v>39171</v>
          </cell>
          <cell r="Q455" t="str">
            <v>壱</v>
          </cell>
          <cell r="R455" t="str">
            <v>無</v>
          </cell>
          <cell r="S455" t="str">
            <v>車両課(大谷地)</v>
          </cell>
          <cell r="T455" t="str">
            <v>大澤　郁夫</v>
          </cell>
          <cell r="U455">
            <v>8408</v>
          </cell>
          <cell r="V455" t="str">
            <v>課長</v>
          </cell>
          <cell r="W455" t="str">
            <v>なか１日</v>
          </cell>
          <cell r="X455" t="str">
            <v>公開</v>
          </cell>
          <cell r="Y455">
            <v>39065</v>
          </cell>
          <cell r="Z455">
            <v>39065</v>
          </cell>
          <cell r="AB455" t="str">
            <v>交通局３階総務課（契約担当）</v>
          </cell>
          <cell r="AD455" t="e">
            <v>#VALUE!</v>
          </cell>
          <cell r="AI455">
            <v>3</v>
          </cell>
          <cell r="AJ455" t="str">
            <v>（株）大興商事</v>
          </cell>
          <cell r="AK455" t="str">
            <v>理興産業（株）</v>
          </cell>
          <cell r="AL455" t="str">
            <v>（株）渡商</v>
          </cell>
          <cell r="AU455" t="str">
            <v>省略可</v>
          </cell>
          <cell r="AW455">
            <v>445305</v>
          </cell>
          <cell r="AX455">
            <v>1</v>
          </cell>
          <cell r="AY455" t="str">
            <v>理興産業（株）</v>
          </cell>
          <cell r="AZ455">
            <v>403800</v>
          </cell>
          <cell r="BA455">
            <v>423990</v>
          </cell>
          <cell r="BB455">
            <v>20190</v>
          </cell>
          <cell r="BC455" t="str">
            <v>発注書</v>
          </cell>
          <cell r="BE455">
            <v>39066</v>
          </cell>
          <cell r="BF455" t="str">
            <v>しない</v>
          </cell>
          <cell r="BG455" t="str">
            <v>見積(公開)</v>
          </cell>
          <cell r="BH455">
            <v>0.95213393067672714</v>
          </cell>
          <cell r="BK455">
            <v>424100</v>
          </cell>
          <cell r="BL455" t="str">
            <v xml:space="preserve"> </v>
          </cell>
          <cell r="BM455">
            <v>21315</v>
          </cell>
          <cell r="BN455">
            <v>0.95213393067672714</v>
          </cell>
        </row>
        <row r="456">
          <cell r="A456">
            <v>2067</v>
          </cell>
          <cell r="B456" t="str">
            <v>製造請負</v>
          </cell>
          <cell r="C456" t="str">
            <v>広告デザインカード【社団法人北海道開発技術センター】</v>
          </cell>
          <cell r="D456">
            <v>39059</v>
          </cell>
          <cell r="E456" t="str">
            <v>特命</v>
          </cell>
          <cell r="G456">
            <v>924000</v>
          </cell>
          <cell r="I456">
            <v>100000</v>
          </cell>
          <cell r="J456" t="str">
            <v>枚</v>
          </cell>
          <cell r="K456" t="str">
            <v/>
          </cell>
          <cell r="L456">
            <v>924000</v>
          </cell>
          <cell r="M456" t="str">
            <v>特命</v>
          </cell>
          <cell r="N456" t="str">
            <v>高・営</v>
          </cell>
          <cell r="P456">
            <v>39108</v>
          </cell>
          <cell r="Q456" t="str">
            <v>壱</v>
          </cell>
          <cell r="R456" t="str">
            <v>無</v>
          </cell>
          <cell r="S456" t="str">
            <v>経営企画課</v>
          </cell>
          <cell r="T456" t="str">
            <v>今野　吉隆</v>
          </cell>
          <cell r="U456">
            <v>2123</v>
          </cell>
          <cell r="V456" t="str">
            <v>課長</v>
          </cell>
          <cell r="W456" t="str">
            <v>なか１日</v>
          </cell>
          <cell r="X456" t="str">
            <v>特命</v>
          </cell>
          <cell r="Y456">
            <v>39064</v>
          </cell>
          <cell r="Z456">
            <v>39064</v>
          </cell>
          <cell r="AA456">
            <v>1415</v>
          </cell>
          <cell r="AB456" t="str">
            <v>交通局３階総務課（契約担当）</v>
          </cell>
          <cell r="AD456" t="str">
            <v>平成18年12月13日(水)　14時15分</v>
          </cell>
          <cell r="AI456">
            <v>1</v>
          </cell>
          <cell r="AJ456" t="str">
            <v>共同印刷（株）</v>
          </cell>
          <cell r="AU456" t="str">
            <v>省略可</v>
          </cell>
          <cell r="AW456">
            <v>924000</v>
          </cell>
          <cell r="AX456">
            <v>1</v>
          </cell>
          <cell r="AY456" t="str">
            <v>共同印刷（株）</v>
          </cell>
          <cell r="AZ456">
            <v>880000</v>
          </cell>
          <cell r="BA456">
            <v>924000</v>
          </cell>
          <cell r="BB456">
            <v>44000</v>
          </cell>
          <cell r="BC456" t="str">
            <v>請書</v>
          </cell>
          <cell r="BE456">
            <v>39069</v>
          </cell>
          <cell r="BF456" t="str">
            <v>しない</v>
          </cell>
          <cell r="BG456" t="str">
            <v>見積</v>
          </cell>
          <cell r="BH456">
            <v>1</v>
          </cell>
          <cell r="BK456">
            <v>880000</v>
          </cell>
          <cell r="BL456">
            <v>9.24</v>
          </cell>
          <cell r="BM456">
            <v>0</v>
          </cell>
          <cell r="BN456">
            <v>1</v>
          </cell>
        </row>
        <row r="457">
          <cell r="A457">
            <v>2068</v>
          </cell>
          <cell r="B457" t="str">
            <v>製造請負</v>
          </cell>
          <cell r="C457" t="str">
            <v>広告デザインカード【ヤクルト】</v>
          </cell>
          <cell r="D457">
            <v>39059</v>
          </cell>
          <cell r="E457" t="str">
            <v>特命</v>
          </cell>
          <cell r="G457">
            <v>924000</v>
          </cell>
          <cell r="I457">
            <v>100000</v>
          </cell>
          <cell r="J457" t="str">
            <v>枚</v>
          </cell>
          <cell r="K457" t="str">
            <v/>
          </cell>
          <cell r="L457">
            <v>924000</v>
          </cell>
          <cell r="M457" t="str">
            <v>特命</v>
          </cell>
          <cell r="N457" t="str">
            <v>高・営</v>
          </cell>
          <cell r="P457">
            <v>39118</v>
          </cell>
          <cell r="Q457" t="str">
            <v>壱</v>
          </cell>
          <cell r="R457" t="str">
            <v>無</v>
          </cell>
          <cell r="S457" t="str">
            <v>経営企画課</v>
          </cell>
          <cell r="T457" t="str">
            <v>今野　吉隆</v>
          </cell>
          <cell r="U457">
            <v>2123</v>
          </cell>
          <cell r="V457" t="str">
            <v>課長</v>
          </cell>
          <cell r="W457" t="str">
            <v>なか１日</v>
          </cell>
          <cell r="X457" t="str">
            <v>特命</v>
          </cell>
          <cell r="Y457">
            <v>39064</v>
          </cell>
          <cell r="Z457">
            <v>39065</v>
          </cell>
          <cell r="AA457">
            <v>1400</v>
          </cell>
          <cell r="AB457" t="str">
            <v>交通局３階総務課（契約担当）</v>
          </cell>
          <cell r="AD457" t="str">
            <v>平成18年12月14日(木)　14時00分</v>
          </cell>
          <cell r="AI457">
            <v>1</v>
          </cell>
          <cell r="AJ457" t="str">
            <v>凸版印刷（株）北海道事業部</v>
          </cell>
          <cell r="AU457" t="str">
            <v>省略可</v>
          </cell>
          <cell r="AW457">
            <v>924000</v>
          </cell>
          <cell r="AX457">
            <v>1</v>
          </cell>
          <cell r="AY457" t="str">
            <v>凸版印刷（株）北海道事業部</v>
          </cell>
          <cell r="AZ457">
            <v>880000</v>
          </cell>
          <cell r="BA457">
            <v>924000</v>
          </cell>
          <cell r="BB457">
            <v>44000</v>
          </cell>
          <cell r="BC457" t="str">
            <v>請書</v>
          </cell>
          <cell r="BE457">
            <v>39069</v>
          </cell>
          <cell r="BF457" t="str">
            <v>しない</v>
          </cell>
          <cell r="BG457" t="str">
            <v>見積</v>
          </cell>
          <cell r="BH457">
            <v>1</v>
          </cell>
          <cell r="BK457">
            <v>880000</v>
          </cell>
          <cell r="BL457">
            <v>9.24</v>
          </cell>
          <cell r="BM457">
            <v>0</v>
          </cell>
          <cell r="BN457">
            <v>1</v>
          </cell>
        </row>
        <row r="458">
          <cell r="A458">
            <v>7163</v>
          </cell>
          <cell r="B458" t="str">
            <v>業務委託</v>
          </cell>
          <cell r="C458" t="str">
            <v>バスセンター前駅操作卓及びモニター架移設</v>
          </cell>
          <cell r="D458">
            <v>39062</v>
          </cell>
          <cell r="E458" t="str">
            <v>特命</v>
          </cell>
          <cell r="G458">
            <v>197400</v>
          </cell>
          <cell r="I458">
            <v>1</v>
          </cell>
          <cell r="J458" t="str">
            <v>式</v>
          </cell>
          <cell r="K458" t="str">
            <v/>
          </cell>
          <cell r="L458">
            <v>197400</v>
          </cell>
          <cell r="M458" t="str">
            <v>特命</v>
          </cell>
          <cell r="N458" t="str">
            <v>高・営</v>
          </cell>
          <cell r="O458">
            <v>39071</v>
          </cell>
          <cell r="P458">
            <v>39112</v>
          </cell>
          <cell r="Q458" t="str">
            <v>壱</v>
          </cell>
          <cell r="R458" t="str">
            <v>無</v>
          </cell>
          <cell r="S458" t="str">
            <v>電気課</v>
          </cell>
          <cell r="T458" t="str">
            <v>桜庭　常夫</v>
          </cell>
          <cell r="U458">
            <v>2643</v>
          </cell>
          <cell r="V458" t="str">
            <v>課長</v>
          </cell>
          <cell r="W458" t="str">
            <v>なか１日</v>
          </cell>
          <cell r="X458" t="str">
            <v>特命</v>
          </cell>
          <cell r="Y458">
            <v>39065</v>
          </cell>
          <cell r="Z458">
            <v>39066</v>
          </cell>
          <cell r="AA458">
            <v>1330</v>
          </cell>
          <cell r="AB458" t="str">
            <v>交通局３階総務課（契約担当）</v>
          </cell>
          <cell r="AD458" t="str">
            <v>平成18年12月15日(金)　13時30分</v>
          </cell>
          <cell r="AI458">
            <v>1</v>
          </cell>
          <cell r="AJ458" t="str">
            <v>パナソニックＳＳエンジニアリング（株）北海道ＰＳＳＥ社</v>
          </cell>
          <cell r="AU458" t="str">
            <v>省略可</v>
          </cell>
          <cell r="AW458">
            <v>197400</v>
          </cell>
          <cell r="AX458">
            <v>1</v>
          </cell>
          <cell r="AY458" t="str">
            <v>パナソニックＳＳエンジニアリング（株）北海道ＰＳＳＥ社</v>
          </cell>
          <cell r="AZ458">
            <v>180000</v>
          </cell>
          <cell r="BA458">
            <v>189000</v>
          </cell>
          <cell r="BB458">
            <v>9000</v>
          </cell>
          <cell r="BC458" t="str">
            <v>請書</v>
          </cell>
          <cell r="BE458">
            <v>39066</v>
          </cell>
          <cell r="BF458" t="str">
            <v>しない</v>
          </cell>
          <cell r="BG458" t="str">
            <v>見積</v>
          </cell>
          <cell r="BH458">
            <v>0.95744680851063835</v>
          </cell>
          <cell r="BK458">
            <v>188000</v>
          </cell>
          <cell r="BL458" t="str">
            <v xml:space="preserve"> </v>
          </cell>
          <cell r="BM458">
            <v>8400</v>
          </cell>
          <cell r="BN458">
            <v>0.95744680851063835</v>
          </cell>
        </row>
        <row r="459">
          <cell r="A459">
            <v>7164</v>
          </cell>
          <cell r="B459" t="str">
            <v>業務委託</v>
          </cell>
          <cell r="C459" t="str">
            <v>駅電気室防火区画処理</v>
          </cell>
          <cell r="D459">
            <v>39063</v>
          </cell>
          <cell r="E459" t="str">
            <v>特命</v>
          </cell>
          <cell r="G459">
            <v>4899300</v>
          </cell>
          <cell r="I459">
            <v>1</v>
          </cell>
          <cell r="J459" t="str">
            <v>式</v>
          </cell>
          <cell r="K459" t="str">
            <v/>
          </cell>
          <cell r="L459">
            <v>4899300</v>
          </cell>
          <cell r="M459" t="str">
            <v>特命</v>
          </cell>
          <cell r="N459" t="str">
            <v>高・営</v>
          </cell>
          <cell r="O459">
            <v>39072</v>
          </cell>
          <cell r="P459">
            <v>39156</v>
          </cell>
          <cell r="Q459" t="str">
            <v>壱</v>
          </cell>
          <cell r="R459" t="str">
            <v>無</v>
          </cell>
          <cell r="S459" t="str">
            <v>電気課</v>
          </cell>
          <cell r="T459" t="str">
            <v>佐々木　泰宏</v>
          </cell>
          <cell r="U459">
            <v>2624</v>
          </cell>
          <cell r="V459" t="str">
            <v>管理者</v>
          </cell>
          <cell r="W459" t="str">
            <v>なか１日</v>
          </cell>
          <cell r="X459" t="str">
            <v>特命</v>
          </cell>
          <cell r="Y459">
            <v>39070</v>
          </cell>
          <cell r="Z459">
            <v>39071</v>
          </cell>
          <cell r="AA459">
            <v>1400</v>
          </cell>
          <cell r="AB459" t="str">
            <v>交通局３階総務課（契約担当）</v>
          </cell>
          <cell r="AD459" t="str">
            <v>平成18年12月20日(水)　14時00分</v>
          </cell>
          <cell r="AI459">
            <v>1</v>
          </cell>
          <cell r="AJ459" t="str">
            <v>（株）北海道ジーエス・ユアササービス</v>
          </cell>
          <cell r="AU459" t="str">
            <v>要</v>
          </cell>
          <cell r="AV459">
            <v>4600000</v>
          </cell>
          <cell r="AW459">
            <v>4830000</v>
          </cell>
          <cell r="AX459">
            <v>1.4144877839691428E-2</v>
          </cell>
          <cell r="AY459" t="str">
            <v>（株）北海道ジーエス・ユアササービス</v>
          </cell>
          <cell r="AZ459">
            <v>4600000</v>
          </cell>
          <cell r="BA459">
            <v>4830000</v>
          </cell>
          <cell r="BB459">
            <v>230000</v>
          </cell>
          <cell r="BC459" t="str">
            <v>契約書</v>
          </cell>
          <cell r="BE459">
            <v>39072</v>
          </cell>
          <cell r="BF459" t="str">
            <v>しない</v>
          </cell>
          <cell r="BG459" t="str">
            <v>見積</v>
          </cell>
          <cell r="BH459">
            <v>1</v>
          </cell>
          <cell r="BK459">
            <v>4666000</v>
          </cell>
          <cell r="BL459" t="str">
            <v xml:space="preserve"> </v>
          </cell>
          <cell r="BM459">
            <v>69300</v>
          </cell>
          <cell r="BN459">
            <v>0.98585512216030857</v>
          </cell>
        </row>
        <row r="460">
          <cell r="A460">
            <v>2069</v>
          </cell>
          <cell r="B460" t="str">
            <v>製造請負</v>
          </cell>
          <cell r="C460" t="str">
            <v>手売用「ドニチカキップ」等</v>
          </cell>
          <cell r="D460">
            <v>39065</v>
          </cell>
          <cell r="G460">
            <v>63813750</v>
          </cell>
          <cell r="I460">
            <v>2350000</v>
          </cell>
          <cell r="J460" t="str">
            <v>枚</v>
          </cell>
          <cell r="K460" t="str">
            <v/>
          </cell>
          <cell r="L460">
            <v>63813750</v>
          </cell>
          <cell r="M460" t="str">
            <v>入札</v>
          </cell>
          <cell r="N460" t="str">
            <v>軌・営　高・営</v>
          </cell>
          <cell r="P460">
            <v>39164</v>
          </cell>
          <cell r="Q460" t="str">
            <v>壱</v>
          </cell>
          <cell r="R460" t="str">
            <v>無</v>
          </cell>
          <cell r="S460" t="str">
            <v>経営企画課</v>
          </cell>
          <cell r="T460" t="str">
            <v>安藤　友明</v>
          </cell>
          <cell r="U460">
            <v>2115</v>
          </cell>
          <cell r="V460" t="str">
            <v>管理者</v>
          </cell>
          <cell r="W460" t="str">
            <v>なか１０日</v>
          </cell>
          <cell r="X460" t="str">
            <v>入札</v>
          </cell>
          <cell r="Y460">
            <v>39086</v>
          </cell>
          <cell r="Z460">
            <v>39092</v>
          </cell>
          <cell r="AA460">
            <v>1100</v>
          </cell>
          <cell r="AB460" t="str">
            <v>交通局３階総務課（契約担当）</v>
          </cell>
          <cell r="AD460" t="str">
            <v>平成19年1月10日(水)　11時00分</v>
          </cell>
          <cell r="AE460" t="str">
            <v>製造業</v>
          </cell>
          <cell r="AF460" t="str">
            <v>出版･印刷業</v>
          </cell>
          <cell r="AG460" t="str">
            <v>印刷</v>
          </cell>
          <cell r="AH460" t="str">
            <v>-</v>
          </cell>
          <cell r="AI460">
            <v>6</v>
          </cell>
          <cell r="AJ460" t="str">
            <v>ＮＥＣトーキン（株）仙台支店</v>
          </cell>
          <cell r="AK460" t="str">
            <v>共同印刷（株）</v>
          </cell>
          <cell r="AL460" t="str">
            <v>凸版印刷（株）北海道事業部</v>
          </cell>
          <cell r="AM460" t="str">
            <v>日本通信紙（株）札幌支店</v>
          </cell>
          <cell r="AU460" t="str">
            <v>要</v>
          </cell>
          <cell r="AV460">
            <v>60775000</v>
          </cell>
          <cell r="AW460">
            <v>63813750</v>
          </cell>
          <cell r="AX460">
            <v>0</v>
          </cell>
          <cell r="AY460" t="str">
            <v>日本通信紙（株）札幌支店</v>
          </cell>
          <cell r="AZ460">
            <v>60277500</v>
          </cell>
          <cell r="BA460">
            <v>63291375</v>
          </cell>
          <cell r="BB460">
            <v>3013875</v>
          </cell>
          <cell r="BC460" t="str">
            <v>契約書</v>
          </cell>
          <cell r="BE460">
            <v>39093</v>
          </cell>
          <cell r="BF460" t="str">
            <v>しない</v>
          </cell>
          <cell r="BG460" t="str">
            <v>入  札</v>
          </cell>
          <cell r="BH460">
            <v>0.99181406828465657</v>
          </cell>
          <cell r="BK460">
            <v>60775000</v>
          </cell>
          <cell r="BL460">
            <v>27.154787234042555</v>
          </cell>
          <cell r="BM460">
            <v>522375</v>
          </cell>
          <cell r="BN460">
            <v>0.99181406828465657</v>
          </cell>
        </row>
        <row r="461">
          <cell r="A461">
            <v>1227</v>
          </cell>
          <cell r="B461" t="str">
            <v>物品購入</v>
          </cell>
          <cell r="C461" t="str">
            <v>平行移動書庫</v>
          </cell>
          <cell r="D461">
            <v>39066</v>
          </cell>
          <cell r="G461">
            <v>648900</v>
          </cell>
          <cell r="I461">
            <v>1</v>
          </cell>
          <cell r="J461" t="str">
            <v>式</v>
          </cell>
          <cell r="K461" t="str">
            <v/>
          </cell>
          <cell r="L461">
            <v>648900</v>
          </cell>
          <cell r="M461" t="str">
            <v>公開</v>
          </cell>
          <cell r="N461" t="str">
            <v>高・建改</v>
          </cell>
          <cell r="P461">
            <v>39113</v>
          </cell>
          <cell r="Q461" t="str">
            <v>壱</v>
          </cell>
          <cell r="R461" t="str">
            <v>無</v>
          </cell>
          <cell r="S461" t="str">
            <v>業務課</v>
          </cell>
          <cell r="T461" t="str">
            <v>佐藤　顕</v>
          </cell>
          <cell r="U461">
            <v>2418</v>
          </cell>
          <cell r="V461" t="str">
            <v>課長</v>
          </cell>
          <cell r="W461" t="str">
            <v>なか１日</v>
          </cell>
          <cell r="X461" t="str">
            <v>公開</v>
          </cell>
          <cell r="Y461">
            <v>39072</v>
          </cell>
          <cell r="Z461">
            <v>39072</v>
          </cell>
          <cell r="AB461" t="str">
            <v>交通局３階総務課（契約担当）</v>
          </cell>
          <cell r="AD461" t="e">
            <v>#VALUE!</v>
          </cell>
          <cell r="AI461">
            <v>3</v>
          </cell>
          <cell r="AJ461" t="str">
            <v>㈱エム・マツバラ</v>
          </cell>
          <cell r="AK461" t="str">
            <v>北海文具（株）</v>
          </cell>
          <cell r="AL461" t="str">
            <v>（株）渡商</v>
          </cell>
          <cell r="AU461" t="str">
            <v>省略可</v>
          </cell>
          <cell r="AW461">
            <v>648900</v>
          </cell>
          <cell r="AX461">
            <v>1</v>
          </cell>
          <cell r="AY461" t="str">
            <v>㈱エム・マツバラ</v>
          </cell>
          <cell r="AZ461">
            <v>488700</v>
          </cell>
          <cell r="BA461">
            <v>513135</v>
          </cell>
          <cell r="BB461">
            <v>24435</v>
          </cell>
          <cell r="BC461" t="str">
            <v>請書</v>
          </cell>
          <cell r="BE461">
            <v>39076</v>
          </cell>
          <cell r="BF461" t="str">
            <v>する</v>
          </cell>
          <cell r="BG461" t="str">
            <v>見積(公開)</v>
          </cell>
          <cell r="BH461">
            <v>0.79077669902912617</v>
          </cell>
          <cell r="BK461">
            <v>618000</v>
          </cell>
          <cell r="BL461" t="str">
            <v xml:space="preserve"> </v>
          </cell>
          <cell r="BM461">
            <v>135765</v>
          </cell>
          <cell r="BN461">
            <v>0.79077669902912617</v>
          </cell>
        </row>
        <row r="462">
          <cell r="A462">
            <v>1228</v>
          </cell>
          <cell r="B462" t="str">
            <v>物品購入</v>
          </cell>
          <cell r="C462" t="str">
            <v>制服一式</v>
          </cell>
          <cell r="D462">
            <v>39066</v>
          </cell>
          <cell r="G462">
            <v>271299</v>
          </cell>
          <cell r="I462">
            <v>1</v>
          </cell>
          <cell r="J462" t="str">
            <v>式</v>
          </cell>
          <cell r="K462" t="str">
            <v/>
          </cell>
          <cell r="L462">
            <v>271299</v>
          </cell>
          <cell r="M462" t="str">
            <v>公開</v>
          </cell>
          <cell r="N462" t="str">
            <v>軌・営　高・営</v>
          </cell>
          <cell r="P462">
            <v>39171</v>
          </cell>
          <cell r="Q462" t="str">
            <v>壱</v>
          </cell>
          <cell r="R462" t="str">
            <v>無</v>
          </cell>
          <cell r="S462" t="str">
            <v>総務課</v>
          </cell>
          <cell r="T462" t="str">
            <v>横谷　大二郎</v>
          </cell>
          <cell r="U462">
            <v>2256</v>
          </cell>
          <cell r="V462" t="str">
            <v>課長</v>
          </cell>
          <cell r="W462" t="str">
            <v>なか１日</v>
          </cell>
          <cell r="X462" t="str">
            <v>公開</v>
          </cell>
          <cell r="Y462">
            <v>39072</v>
          </cell>
          <cell r="Z462">
            <v>39072</v>
          </cell>
          <cell r="AB462" t="str">
            <v>交通局３階総務課（契約担当）</v>
          </cell>
          <cell r="AD462" t="e">
            <v>#VALUE!</v>
          </cell>
          <cell r="AI462">
            <v>3</v>
          </cell>
          <cell r="AJ462" t="str">
            <v>榎本商事（株）</v>
          </cell>
          <cell r="AK462" t="str">
            <v>（株）金原札幌営業所</v>
          </cell>
          <cell r="AU462" t="str">
            <v>省略可</v>
          </cell>
          <cell r="AW462">
            <v>271299</v>
          </cell>
          <cell r="AX462">
            <v>1</v>
          </cell>
          <cell r="AY462" t="str">
            <v>榎本商事（株）</v>
          </cell>
          <cell r="AZ462">
            <v>258380</v>
          </cell>
          <cell r="BA462">
            <v>271299</v>
          </cell>
          <cell r="BB462">
            <v>12919</v>
          </cell>
          <cell r="BC462" t="str">
            <v>発注書</v>
          </cell>
          <cell r="BE462">
            <v>39073</v>
          </cell>
          <cell r="BF462" t="str">
            <v>しない</v>
          </cell>
          <cell r="BG462" t="str">
            <v>見積(公開)</v>
          </cell>
          <cell r="BH462">
            <v>1</v>
          </cell>
          <cell r="BK462">
            <v>258380</v>
          </cell>
          <cell r="BL462" t="str">
            <v xml:space="preserve"> </v>
          </cell>
          <cell r="BM462">
            <v>0</v>
          </cell>
          <cell r="BN462">
            <v>1</v>
          </cell>
        </row>
        <row r="463">
          <cell r="A463">
            <v>1229</v>
          </cell>
          <cell r="B463" t="str">
            <v>物品購入</v>
          </cell>
          <cell r="C463" t="str">
            <v>作業服一式</v>
          </cell>
          <cell r="D463">
            <v>39066</v>
          </cell>
          <cell r="G463">
            <v>700329</v>
          </cell>
          <cell r="I463">
            <v>1</v>
          </cell>
          <cell r="J463" t="str">
            <v>式</v>
          </cell>
          <cell r="K463" t="str">
            <v/>
          </cell>
          <cell r="L463">
            <v>700329</v>
          </cell>
          <cell r="M463" t="str">
            <v>公開</v>
          </cell>
          <cell r="N463" t="str">
            <v>軌・営　高・営</v>
          </cell>
          <cell r="P463">
            <v>39171</v>
          </cell>
          <cell r="Q463" t="str">
            <v>壱</v>
          </cell>
          <cell r="R463" t="str">
            <v>無</v>
          </cell>
          <cell r="S463" t="str">
            <v>総務課</v>
          </cell>
          <cell r="T463" t="str">
            <v>横谷　大二郎</v>
          </cell>
          <cell r="U463">
            <v>2256</v>
          </cell>
          <cell r="V463" t="str">
            <v>課長</v>
          </cell>
          <cell r="W463" t="str">
            <v>なか１日</v>
          </cell>
          <cell r="X463" t="str">
            <v>公開</v>
          </cell>
          <cell r="Y463">
            <v>39072</v>
          </cell>
          <cell r="Z463">
            <v>39072</v>
          </cell>
          <cell r="AB463" t="str">
            <v>交通局３階総務課（契約担当）</v>
          </cell>
          <cell r="AD463" t="e">
            <v>#VALUE!</v>
          </cell>
          <cell r="AI463">
            <v>3</v>
          </cell>
          <cell r="AJ463" t="str">
            <v>（株）サイダ</v>
          </cell>
          <cell r="AK463" t="str">
            <v>大和ユニフォーム（株）</v>
          </cell>
          <cell r="AU463" t="str">
            <v>省略可</v>
          </cell>
          <cell r="AW463">
            <v>700329</v>
          </cell>
          <cell r="AX463">
            <v>1</v>
          </cell>
          <cell r="AY463" t="str">
            <v>大和ユニフォーム（株）</v>
          </cell>
          <cell r="AZ463">
            <v>666980</v>
          </cell>
          <cell r="BA463">
            <v>700329</v>
          </cell>
          <cell r="BB463">
            <v>33349</v>
          </cell>
          <cell r="BC463" t="str">
            <v>請書</v>
          </cell>
          <cell r="BE463">
            <v>39073</v>
          </cell>
          <cell r="BF463" t="str">
            <v>しない</v>
          </cell>
          <cell r="BG463" t="str">
            <v>見積(公開)</v>
          </cell>
          <cell r="BH463">
            <v>1</v>
          </cell>
          <cell r="BK463">
            <v>666980</v>
          </cell>
          <cell r="BL463" t="str">
            <v xml:space="preserve"> </v>
          </cell>
          <cell r="BM463">
            <v>0</v>
          </cell>
          <cell r="BN463">
            <v>1</v>
          </cell>
        </row>
        <row r="464">
          <cell r="A464">
            <v>1230</v>
          </cell>
          <cell r="B464" t="str">
            <v>物品購入</v>
          </cell>
          <cell r="C464" t="str">
            <v>帽子一式</v>
          </cell>
          <cell r="D464">
            <v>39066</v>
          </cell>
          <cell r="G464">
            <v>722484</v>
          </cell>
          <cell r="I464">
            <v>1</v>
          </cell>
          <cell r="J464" t="str">
            <v>式</v>
          </cell>
          <cell r="K464" t="str">
            <v/>
          </cell>
          <cell r="L464">
            <v>722484</v>
          </cell>
          <cell r="M464" t="str">
            <v>公開</v>
          </cell>
          <cell r="N464" t="str">
            <v>軌・営　高・営</v>
          </cell>
          <cell r="P464">
            <v>39171</v>
          </cell>
          <cell r="Q464" t="str">
            <v>壱</v>
          </cell>
          <cell r="R464" t="str">
            <v>無</v>
          </cell>
          <cell r="S464" t="str">
            <v>総務課</v>
          </cell>
          <cell r="T464" t="str">
            <v>横谷　大二郎</v>
          </cell>
          <cell r="U464">
            <v>2256</v>
          </cell>
          <cell r="V464" t="str">
            <v>課長</v>
          </cell>
          <cell r="W464" t="str">
            <v>なか１日</v>
          </cell>
          <cell r="X464" t="str">
            <v>公開</v>
          </cell>
          <cell r="Y464">
            <v>39072</v>
          </cell>
          <cell r="Z464">
            <v>39072</v>
          </cell>
          <cell r="AB464" t="str">
            <v>交通局３階総務課（契約担当）</v>
          </cell>
          <cell r="AD464" t="e">
            <v>#VALUE!</v>
          </cell>
          <cell r="AI464">
            <v>3</v>
          </cell>
          <cell r="AJ464" t="str">
            <v>（株）金原札幌営業所</v>
          </cell>
          <cell r="AK464" t="str">
            <v>とらや製帽（株）</v>
          </cell>
          <cell r="AU464" t="str">
            <v>省略可</v>
          </cell>
          <cell r="AW464">
            <v>722484</v>
          </cell>
          <cell r="AX464">
            <v>1</v>
          </cell>
          <cell r="AY464" t="str">
            <v>とらや製帽（株）</v>
          </cell>
          <cell r="AZ464">
            <v>688080</v>
          </cell>
          <cell r="BA464">
            <v>722484</v>
          </cell>
          <cell r="BB464">
            <v>34404</v>
          </cell>
          <cell r="BC464" t="str">
            <v>請書</v>
          </cell>
          <cell r="BE464">
            <v>39076</v>
          </cell>
          <cell r="BF464" t="str">
            <v>しない</v>
          </cell>
          <cell r="BG464" t="str">
            <v>見積(公開)</v>
          </cell>
          <cell r="BH464">
            <v>1</v>
          </cell>
          <cell r="BK464">
            <v>688080</v>
          </cell>
          <cell r="BL464" t="str">
            <v xml:space="preserve"> </v>
          </cell>
          <cell r="BM464">
            <v>0</v>
          </cell>
          <cell r="BN464">
            <v>1</v>
          </cell>
        </row>
        <row r="465">
          <cell r="A465">
            <v>1231</v>
          </cell>
          <cell r="B465" t="str">
            <v>物品購入</v>
          </cell>
          <cell r="C465" t="str">
            <v>作業シャツ一式</v>
          </cell>
          <cell r="D465">
            <v>39066</v>
          </cell>
          <cell r="G465">
            <v>1524705</v>
          </cell>
          <cell r="I465">
            <v>1</v>
          </cell>
          <cell r="J465" t="str">
            <v>式</v>
          </cell>
          <cell r="K465" t="str">
            <v/>
          </cell>
          <cell r="L465">
            <v>1524705</v>
          </cell>
          <cell r="M465" t="str">
            <v>公開</v>
          </cell>
          <cell r="N465" t="str">
            <v>軌・営　高・営</v>
          </cell>
          <cell r="P465">
            <v>39171</v>
          </cell>
          <cell r="Q465" t="str">
            <v>壱</v>
          </cell>
          <cell r="R465" t="str">
            <v>無</v>
          </cell>
          <cell r="S465" t="str">
            <v>総務課</v>
          </cell>
          <cell r="T465" t="str">
            <v>横谷　大二郎</v>
          </cell>
          <cell r="U465">
            <v>2256</v>
          </cell>
          <cell r="V465" t="str">
            <v>課長</v>
          </cell>
          <cell r="W465" t="str">
            <v>なか１日</v>
          </cell>
          <cell r="X465" t="str">
            <v>公開</v>
          </cell>
          <cell r="Y465">
            <v>39072</v>
          </cell>
          <cell r="Z465">
            <v>39072</v>
          </cell>
          <cell r="AB465" t="str">
            <v>交通局３階総務課（契約担当）</v>
          </cell>
          <cell r="AD465" t="e">
            <v>#VALUE!</v>
          </cell>
          <cell r="AI465">
            <v>3</v>
          </cell>
          <cell r="AJ465" t="str">
            <v>榎本商事（株）</v>
          </cell>
          <cell r="AK465" t="str">
            <v>（株）金原札幌営業所</v>
          </cell>
          <cell r="AU465" t="str">
            <v>省略可</v>
          </cell>
          <cell r="AW465">
            <v>1524705</v>
          </cell>
          <cell r="AX465">
            <v>1</v>
          </cell>
          <cell r="AY465" t="str">
            <v>榎本商事（株）</v>
          </cell>
          <cell r="AZ465">
            <v>1452100</v>
          </cell>
          <cell r="BA465">
            <v>1524705</v>
          </cell>
          <cell r="BB465">
            <v>72605</v>
          </cell>
          <cell r="BC465" t="str">
            <v>請書</v>
          </cell>
          <cell r="BE465">
            <v>39073</v>
          </cell>
          <cell r="BF465" t="str">
            <v>しない</v>
          </cell>
          <cell r="BG465" t="str">
            <v>見積(公開)</v>
          </cell>
          <cell r="BH465">
            <v>1</v>
          </cell>
          <cell r="BK465">
            <v>1452100</v>
          </cell>
          <cell r="BL465" t="str">
            <v xml:space="preserve"> </v>
          </cell>
          <cell r="BM465">
            <v>0</v>
          </cell>
          <cell r="BN465">
            <v>1</v>
          </cell>
        </row>
        <row r="466">
          <cell r="A466">
            <v>1232</v>
          </cell>
          <cell r="B466" t="str">
            <v>物品購入</v>
          </cell>
          <cell r="C466" t="str">
            <v>防寒衣一式</v>
          </cell>
          <cell r="D466">
            <v>39066</v>
          </cell>
          <cell r="G466">
            <v>584640</v>
          </cell>
          <cell r="I466">
            <v>1</v>
          </cell>
          <cell r="J466" t="str">
            <v>式</v>
          </cell>
          <cell r="K466" t="str">
            <v/>
          </cell>
          <cell r="L466">
            <v>584640</v>
          </cell>
          <cell r="M466" t="str">
            <v>公開</v>
          </cell>
          <cell r="N466" t="str">
            <v>軌・営　高・営</v>
          </cell>
          <cell r="P466">
            <v>39171</v>
          </cell>
          <cell r="Q466" t="str">
            <v>壱</v>
          </cell>
          <cell r="R466" t="str">
            <v>無</v>
          </cell>
          <cell r="S466" t="str">
            <v>総務課</v>
          </cell>
          <cell r="T466" t="str">
            <v>横谷　大二郎</v>
          </cell>
          <cell r="U466">
            <v>2256</v>
          </cell>
          <cell r="V466" t="str">
            <v>課長</v>
          </cell>
          <cell r="W466" t="str">
            <v>なか１日</v>
          </cell>
          <cell r="X466" t="str">
            <v>公開</v>
          </cell>
          <cell r="Y466">
            <v>39072</v>
          </cell>
          <cell r="Z466">
            <v>39072</v>
          </cell>
          <cell r="AB466" t="str">
            <v>交通局３階総務課（契約担当）</v>
          </cell>
          <cell r="AD466" t="e">
            <v>#VALUE!</v>
          </cell>
          <cell r="AI466">
            <v>3</v>
          </cell>
          <cell r="AJ466" t="str">
            <v>（株）サイダ</v>
          </cell>
          <cell r="AK466" t="str">
            <v>大和ユニフォーム（株）</v>
          </cell>
          <cell r="AU466" t="str">
            <v>省略可</v>
          </cell>
          <cell r="AW466">
            <v>584640</v>
          </cell>
          <cell r="AX466">
            <v>1</v>
          </cell>
          <cell r="AY466" t="str">
            <v>大和ユニフォーム（株）</v>
          </cell>
          <cell r="AZ466">
            <v>556800</v>
          </cell>
          <cell r="BA466">
            <v>584640</v>
          </cell>
          <cell r="BB466">
            <v>27840</v>
          </cell>
          <cell r="BC466" t="str">
            <v>請書</v>
          </cell>
          <cell r="BE466">
            <v>39073</v>
          </cell>
          <cell r="BF466" t="str">
            <v>しない</v>
          </cell>
          <cell r="BG466" t="str">
            <v>見積(公開)</v>
          </cell>
          <cell r="BH466">
            <v>1</v>
          </cell>
          <cell r="BK466">
            <v>556800</v>
          </cell>
          <cell r="BL466" t="str">
            <v xml:space="preserve"> </v>
          </cell>
          <cell r="BM466">
            <v>0</v>
          </cell>
          <cell r="BN466">
            <v>1</v>
          </cell>
        </row>
        <row r="467">
          <cell r="A467">
            <v>1233</v>
          </cell>
          <cell r="B467" t="str">
            <v>物品購入</v>
          </cell>
          <cell r="C467" t="str">
            <v>女性用運輸制服一式</v>
          </cell>
          <cell r="D467">
            <v>39066</v>
          </cell>
          <cell r="G467">
            <v>210273</v>
          </cell>
          <cell r="I467">
            <v>1</v>
          </cell>
          <cell r="J467" t="str">
            <v>式</v>
          </cell>
          <cell r="K467" t="str">
            <v/>
          </cell>
          <cell r="L467">
            <v>210273</v>
          </cell>
          <cell r="M467" t="str">
            <v>公開</v>
          </cell>
          <cell r="N467" t="str">
            <v>軌・営　高・営</v>
          </cell>
          <cell r="P467">
            <v>39171</v>
          </cell>
          <cell r="Q467" t="str">
            <v>壱</v>
          </cell>
          <cell r="R467" t="str">
            <v>無</v>
          </cell>
          <cell r="S467" t="str">
            <v>総務課</v>
          </cell>
          <cell r="T467" t="str">
            <v>横谷　大二郎</v>
          </cell>
          <cell r="U467">
            <v>2256</v>
          </cell>
          <cell r="V467" t="str">
            <v>課長</v>
          </cell>
          <cell r="W467" t="str">
            <v>なか１日</v>
          </cell>
          <cell r="X467" t="str">
            <v>公開</v>
          </cell>
          <cell r="Y467">
            <v>39072</v>
          </cell>
          <cell r="Z467">
            <v>39072</v>
          </cell>
          <cell r="AB467" t="str">
            <v>交通局３階総務課（契約担当）</v>
          </cell>
          <cell r="AD467" t="e">
            <v>#VALUE!</v>
          </cell>
          <cell r="AI467">
            <v>3</v>
          </cell>
          <cell r="AJ467" t="str">
            <v>（株）金原札幌営業所</v>
          </cell>
          <cell r="AU467" t="str">
            <v>省略可</v>
          </cell>
          <cell r="AW467">
            <v>210273</v>
          </cell>
          <cell r="AX467">
            <v>1</v>
          </cell>
          <cell r="AY467" t="str">
            <v>（株）金原札幌営業所</v>
          </cell>
          <cell r="AZ467">
            <v>199750</v>
          </cell>
          <cell r="BA467">
            <v>209737</v>
          </cell>
          <cell r="BB467">
            <v>9987</v>
          </cell>
          <cell r="BC467" t="str">
            <v>発注書</v>
          </cell>
          <cell r="BE467">
            <v>39073</v>
          </cell>
          <cell r="BF467" t="str">
            <v>しない</v>
          </cell>
          <cell r="BG467" t="str">
            <v>見積(公開)</v>
          </cell>
          <cell r="BH467">
            <v>0.99745093283493358</v>
          </cell>
          <cell r="BK467">
            <v>200260</v>
          </cell>
          <cell r="BL467" t="str">
            <v xml:space="preserve"> </v>
          </cell>
          <cell r="BM467">
            <v>536</v>
          </cell>
          <cell r="BN467">
            <v>0.99745093283493358</v>
          </cell>
        </row>
        <row r="468">
          <cell r="A468">
            <v>1234</v>
          </cell>
          <cell r="B468" t="str">
            <v>物品購入</v>
          </cell>
          <cell r="C468" t="str">
            <v>自動体外式除細動器及びＡＥＤ収納ボックス</v>
          </cell>
          <cell r="D468">
            <v>39069</v>
          </cell>
          <cell r="G468">
            <v>20498100</v>
          </cell>
          <cell r="I468">
            <v>1</v>
          </cell>
          <cell r="J468" t="str">
            <v>式</v>
          </cell>
          <cell r="K468" t="str">
            <v/>
          </cell>
          <cell r="L468">
            <v>20498100</v>
          </cell>
          <cell r="M468" t="str">
            <v>入札</v>
          </cell>
          <cell r="N468" t="str">
            <v>高・建改</v>
          </cell>
          <cell r="P468">
            <v>39113</v>
          </cell>
          <cell r="Q468" t="str">
            <v>壱</v>
          </cell>
          <cell r="R468" t="str">
            <v>無</v>
          </cell>
          <cell r="S468" t="str">
            <v>業務課</v>
          </cell>
          <cell r="T468" t="str">
            <v>桜庭　一昭</v>
          </cell>
          <cell r="U468">
            <v>2417</v>
          </cell>
          <cell r="V468" t="str">
            <v>管理者</v>
          </cell>
          <cell r="W468" t="str">
            <v>なか５日</v>
          </cell>
          <cell r="X468" t="str">
            <v>入札</v>
          </cell>
          <cell r="Y468">
            <v>39080</v>
          </cell>
          <cell r="Z468">
            <v>39092</v>
          </cell>
          <cell r="AA468">
            <v>1040</v>
          </cell>
          <cell r="AB468" t="str">
            <v>交通局５階入札室</v>
          </cell>
          <cell r="AD468" t="str">
            <v>平成19年1月10日(水)　10時40分</v>
          </cell>
          <cell r="AE468" t="str">
            <v>卸小売業</v>
          </cell>
          <cell r="AF468" t="str">
            <v>精密機械器具卸小売業</v>
          </cell>
          <cell r="AG468" t="str">
            <v>医療用機械器具・医療用品</v>
          </cell>
          <cell r="AH468" t="str">
            <v>A</v>
          </cell>
          <cell r="AI468">
            <v>5</v>
          </cell>
          <cell r="AJ468" t="str">
            <v>イワキ（株）札幌支店</v>
          </cell>
          <cell r="AK468" t="str">
            <v>（株）クラヤ三星堂</v>
          </cell>
          <cell r="AL468" t="str">
            <v>（株）常光札幌支店</v>
          </cell>
          <cell r="AM468" t="str">
            <v>（株）竹山</v>
          </cell>
          <cell r="AN468" t="str">
            <v>東邦薬品（株）北海道営業部</v>
          </cell>
          <cell r="AO468" t="str">
            <v>日本船舶薬品（株）札幌営業所</v>
          </cell>
          <cell r="AP468" t="str">
            <v>（株）フィリップスエレクトロニクスジャパンメディカルシステムズ</v>
          </cell>
          <cell r="AQ468" t="str">
            <v>富士フィルムメディカル（株）札幌営業所</v>
          </cell>
          <cell r="AR468" t="str">
            <v>（株）マック</v>
          </cell>
          <cell r="AS468" t="str">
            <v>（株）ムトウ</v>
          </cell>
          <cell r="AT468" t="str">
            <v>（株）モロオ札幌営業所</v>
          </cell>
          <cell r="AU468" t="str">
            <v>要</v>
          </cell>
          <cell r="AV468">
            <v>19264000</v>
          </cell>
          <cell r="AW468">
            <v>20227200</v>
          </cell>
          <cell r="AX468">
            <v>1.3215859030836996E-2</v>
          </cell>
          <cell r="AY468" t="str">
            <v>（株）ムトウ</v>
          </cell>
          <cell r="AZ468">
            <v>7267000</v>
          </cell>
          <cell r="BA468">
            <v>7630350</v>
          </cell>
          <cell r="BB468">
            <v>363350</v>
          </cell>
          <cell r="BC468" t="str">
            <v>契約書</v>
          </cell>
          <cell r="BE468">
            <v>39093</v>
          </cell>
          <cell r="BF468" t="str">
            <v>する</v>
          </cell>
          <cell r="BG468" t="str">
            <v>入  札</v>
          </cell>
          <cell r="BH468">
            <v>0.37723214285714285</v>
          </cell>
          <cell r="BI468" t="str">
            <v>除細動器登録のあるＡ業者を全て指名し、誓約書ももらう。（１２月１２日に公正取引委員会の調査が竹山、ムトウ他数十社入ったため）</v>
          </cell>
          <cell r="BK468">
            <v>19522000</v>
          </cell>
          <cell r="BL468" t="str">
            <v xml:space="preserve"> </v>
          </cell>
          <cell r="BM468">
            <v>12867750</v>
          </cell>
          <cell r="BN468">
            <v>0.3722466960352423</v>
          </cell>
        </row>
        <row r="469">
          <cell r="A469">
            <v>2070</v>
          </cell>
          <cell r="B469" t="str">
            <v>製造請負</v>
          </cell>
          <cell r="C469" t="str">
            <v>券売機用「共通ウィズユーカード」４回目発注分</v>
          </cell>
          <cell r="D469">
            <v>39070</v>
          </cell>
          <cell r="G469">
            <v>111932415</v>
          </cell>
          <cell r="I469">
            <v>3290000</v>
          </cell>
          <cell r="J469" t="str">
            <v>枚</v>
          </cell>
          <cell r="K469" t="str">
            <v/>
          </cell>
          <cell r="L469">
            <v>111932415</v>
          </cell>
          <cell r="M469" t="str">
            <v>入札</v>
          </cell>
          <cell r="N469" t="str">
            <v>軌・営　高・営</v>
          </cell>
          <cell r="P469">
            <v>39167</v>
          </cell>
          <cell r="Q469" t="str">
            <v>壱</v>
          </cell>
          <cell r="R469" t="str">
            <v>無</v>
          </cell>
          <cell r="S469" t="str">
            <v>経営企画課</v>
          </cell>
          <cell r="T469" t="str">
            <v>安藤　友明</v>
          </cell>
          <cell r="U469">
            <v>2115</v>
          </cell>
          <cell r="V469" t="str">
            <v>管理者</v>
          </cell>
          <cell r="W469" t="str">
            <v>なか１０日</v>
          </cell>
          <cell r="X469" t="str">
            <v>入札</v>
          </cell>
          <cell r="Y469">
            <v>39092</v>
          </cell>
          <cell r="Z469">
            <v>39092</v>
          </cell>
          <cell r="AA469">
            <v>1050</v>
          </cell>
          <cell r="AB469" t="str">
            <v>交通局５階入札室</v>
          </cell>
          <cell r="AD469" t="str">
            <v>平成19年1月10日(水)　10時50分</v>
          </cell>
          <cell r="AE469" t="str">
            <v>製造業</v>
          </cell>
          <cell r="AF469" t="str">
            <v>出版･印刷業</v>
          </cell>
          <cell r="AG469" t="str">
            <v>印刷</v>
          </cell>
          <cell r="AH469" t="str">
            <v>-</v>
          </cell>
          <cell r="AI469">
            <v>6</v>
          </cell>
          <cell r="AJ469" t="str">
            <v>ＮＥＣトーキン（株）仙台支店</v>
          </cell>
          <cell r="AK469" t="str">
            <v>共同印刷（株）</v>
          </cell>
          <cell r="AL469" t="str">
            <v>凸版印刷（株）北海道事業部</v>
          </cell>
          <cell r="AM469" t="str">
            <v>日本通信紙（株）札幌支店</v>
          </cell>
          <cell r="AU469" t="str">
            <v>要</v>
          </cell>
          <cell r="AV469">
            <v>106602300</v>
          </cell>
          <cell r="AW469">
            <v>111932415</v>
          </cell>
          <cell r="AX469">
            <v>0</v>
          </cell>
          <cell r="AY469" t="str">
            <v>共同印刷（株）</v>
          </cell>
          <cell r="AZ469">
            <v>106548600</v>
          </cell>
          <cell r="BA469">
            <v>111876030</v>
          </cell>
          <cell r="BB469">
            <v>5327430</v>
          </cell>
          <cell r="BC469" t="str">
            <v>契約書</v>
          </cell>
          <cell r="BE469">
            <v>39094</v>
          </cell>
          <cell r="BF469" t="str">
            <v>しない</v>
          </cell>
          <cell r="BG469" t="str">
            <v>入  札</v>
          </cell>
          <cell r="BH469">
            <v>0.99949625852350277</v>
          </cell>
          <cell r="BK469">
            <v>106602300</v>
          </cell>
          <cell r="BL469">
            <v>34.022010638297871</v>
          </cell>
          <cell r="BM469">
            <v>56385</v>
          </cell>
          <cell r="BN469">
            <v>0.99949625852350277</v>
          </cell>
        </row>
        <row r="470">
          <cell r="A470">
            <v>7165</v>
          </cell>
          <cell r="B470" t="str">
            <v>業務委託</v>
          </cell>
          <cell r="C470" t="str">
            <v>「手売り用共通１ＤＡＹカード」（大人・こども）デザイン作成業務</v>
          </cell>
          <cell r="D470">
            <v>39071</v>
          </cell>
          <cell r="E470" t="str">
            <v>特命</v>
          </cell>
          <cell r="G470">
            <v>210000</v>
          </cell>
          <cell r="I470">
            <v>1</v>
          </cell>
          <cell r="J470" t="str">
            <v>式</v>
          </cell>
          <cell r="K470" t="str">
            <v/>
          </cell>
          <cell r="L470">
            <v>210000</v>
          </cell>
          <cell r="M470" t="str">
            <v>特命</v>
          </cell>
          <cell r="N470" t="str">
            <v>高・営</v>
          </cell>
          <cell r="O470">
            <v>39077</v>
          </cell>
          <cell r="P470">
            <v>39079</v>
          </cell>
          <cell r="Q470" t="str">
            <v>壱</v>
          </cell>
          <cell r="R470" t="str">
            <v>無</v>
          </cell>
          <cell r="S470" t="str">
            <v>経営企画課</v>
          </cell>
          <cell r="T470" t="str">
            <v>安藤　友明</v>
          </cell>
          <cell r="U470">
            <v>2115</v>
          </cell>
          <cell r="V470" t="str">
            <v>課長</v>
          </cell>
          <cell r="W470" t="str">
            <v>なか１日</v>
          </cell>
          <cell r="X470" t="str">
            <v>特命</v>
          </cell>
          <cell r="Y470">
            <v>39076</v>
          </cell>
          <cell r="Z470">
            <v>39076</v>
          </cell>
          <cell r="AA470">
            <v>1400</v>
          </cell>
          <cell r="AB470" t="str">
            <v>交通局３階総務課（契約担当）</v>
          </cell>
          <cell r="AD470" t="str">
            <v>平成18年12月25日(月)　14時00分</v>
          </cell>
          <cell r="AI470">
            <v>1</v>
          </cell>
          <cell r="AJ470" t="str">
            <v>（株）カズサッポロ</v>
          </cell>
          <cell r="AU470" t="str">
            <v>省略可</v>
          </cell>
          <cell r="AW470">
            <v>210000</v>
          </cell>
          <cell r="AX470">
            <v>1</v>
          </cell>
          <cell r="AY470" t="str">
            <v>（株）カズサッポロ</v>
          </cell>
          <cell r="AZ470">
            <v>200000</v>
          </cell>
          <cell r="BA470">
            <v>210000</v>
          </cell>
          <cell r="BB470">
            <v>10000</v>
          </cell>
          <cell r="BC470" t="str">
            <v>請書</v>
          </cell>
          <cell r="BE470">
            <v>39077</v>
          </cell>
          <cell r="BF470" t="str">
            <v>しない</v>
          </cell>
          <cell r="BG470" t="str">
            <v>見積</v>
          </cell>
          <cell r="BH470">
            <v>1</v>
          </cell>
          <cell r="BK470">
            <v>200000</v>
          </cell>
          <cell r="BL470" t="str">
            <v xml:space="preserve"> </v>
          </cell>
          <cell r="BM470">
            <v>0</v>
          </cell>
          <cell r="BN470">
            <v>1</v>
          </cell>
        </row>
        <row r="471">
          <cell r="A471">
            <v>7166</v>
          </cell>
          <cell r="B471" t="str">
            <v>業務委託</v>
          </cell>
          <cell r="C471" t="str">
            <v>ＩＣカード乗車券システムにおける社局サーバ基本仕様検討業務</v>
          </cell>
          <cell r="D471">
            <v>39072</v>
          </cell>
          <cell r="E471" t="str">
            <v>特命</v>
          </cell>
          <cell r="G471">
            <v>9940350</v>
          </cell>
          <cell r="I471">
            <v>1</v>
          </cell>
          <cell r="J471" t="str">
            <v>式</v>
          </cell>
          <cell r="K471" t="str">
            <v/>
          </cell>
          <cell r="L471">
            <v>9940350</v>
          </cell>
          <cell r="M471" t="str">
            <v>特命</v>
          </cell>
          <cell r="N471" t="str">
            <v>高・営</v>
          </cell>
          <cell r="O471">
            <v>39079</v>
          </cell>
          <cell r="P471">
            <v>39113</v>
          </cell>
          <cell r="Q471" t="str">
            <v>壱</v>
          </cell>
          <cell r="R471" t="str">
            <v>無</v>
          </cell>
          <cell r="S471" t="str">
            <v>経営企画課</v>
          </cell>
          <cell r="T471" t="str">
            <v>大木　貴敏</v>
          </cell>
          <cell r="U471">
            <v>2298</v>
          </cell>
          <cell r="V471" t="str">
            <v>管理者</v>
          </cell>
          <cell r="W471" t="str">
            <v>なか５日</v>
          </cell>
          <cell r="X471" t="str">
            <v>特命</v>
          </cell>
          <cell r="Y471">
            <v>39080</v>
          </cell>
          <cell r="Z471">
            <v>39078</v>
          </cell>
          <cell r="AA471">
            <v>1400</v>
          </cell>
          <cell r="AB471" t="str">
            <v>交通局３階総務課（契約担当）</v>
          </cell>
          <cell r="AD471" t="str">
            <v>平成18年12月27日(水)　14時00分</v>
          </cell>
          <cell r="AI471">
            <v>1</v>
          </cell>
          <cell r="AJ471" t="str">
            <v>札幌総合情報センター（株）</v>
          </cell>
          <cell r="AU471" t="str">
            <v>要</v>
          </cell>
          <cell r="AV471">
            <v>9370000</v>
          </cell>
          <cell r="AW471">
            <v>9838500</v>
          </cell>
          <cell r="AX471">
            <v>1.0246118094433321E-2</v>
          </cell>
          <cell r="AY471" t="str">
            <v>札幌総合情報センター（株）</v>
          </cell>
          <cell r="AZ471">
            <v>9250000</v>
          </cell>
          <cell r="BA471">
            <v>9712500</v>
          </cell>
          <cell r="BB471">
            <v>462500</v>
          </cell>
          <cell r="BC471" t="str">
            <v>契約書</v>
          </cell>
          <cell r="BE471">
            <v>39079</v>
          </cell>
          <cell r="BF471" t="str">
            <v>しない</v>
          </cell>
          <cell r="BG471" t="str">
            <v>見積</v>
          </cell>
          <cell r="BH471">
            <v>0.98719316969050164</v>
          </cell>
          <cell r="BK471">
            <v>9467000</v>
          </cell>
          <cell r="BL471" t="str">
            <v xml:space="preserve"> </v>
          </cell>
          <cell r="BM471">
            <v>227850</v>
          </cell>
          <cell r="BN471">
            <v>0.97707827189183483</v>
          </cell>
        </row>
        <row r="472">
          <cell r="A472">
            <v>7167</v>
          </cell>
          <cell r="B472" t="str">
            <v>業務委託</v>
          </cell>
          <cell r="C472" t="str">
            <v>福住・月寒中央駅ゲート監視カメラ移設</v>
          </cell>
          <cell r="D472">
            <v>39072</v>
          </cell>
          <cell r="E472" t="str">
            <v>特命</v>
          </cell>
          <cell r="G472">
            <v>328650</v>
          </cell>
          <cell r="I472">
            <v>1</v>
          </cell>
          <cell r="J472" t="str">
            <v>式</v>
          </cell>
          <cell r="K472" t="str">
            <v/>
          </cell>
          <cell r="L472">
            <v>328650</v>
          </cell>
          <cell r="M472" t="str">
            <v>特命</v>
          </cell>
          <cell r="N472" t="str">
            <v>高・営</v>
          </cell>
          <cell r="O472">
            <v>39094</v>
          </cell>
          <cell r="P472">
            <v>39113</v>
          </cell>
          <cell r="Q472" t="str">
            <v>壱</v>
          </cell>
          <cell r="R472" t="str">
            <v>無</v>
          </cell>
          <cell r="S472" t="str">
            <v>電気課</v>
          </cell>
          <cell r="T472" t="str">
            <v>桜庭　常夫</v>
          </cell>
          <cell r="U472">
            <v>2643</v>
          </cell>
          <cell r="V472" t="str">
            <v>部長</v>
          </cell>
          <cell r="W472" t="str">
            <v>なか１日</v>
          </cell>
          <cell r="X472" t="str">
            <v>特命</v>
          </cell>
          <cell r="Y472">
            <v>39078</v>
          </cell>
          <cell r="Z472">
            <v>39091</v>
          </cell>
          <cell r="AA472">
            <v>1400</v>
          </cell>
          <cell r="AB472" t="str">
            <v>交通局３階総務課（契約担当）</v>
          </cell>
          <cell r="AD472" t="str">
            <v>平成19年1月9日(火)　14時00分</v>
          </cell>
          <cell r="AI472">
            <v>1</v>
          </cell>
          <cell r="AJ472" t="str">
            <v>パナソニックＳＳエンジニアリング（株）北海道ＰＳＳＥ社</v>
          </cell>
          <cell r="AU472" t="str">
            <v>省略可</v>
          </cell>
          <cell r="AW472">
            <v>328650</v>
          </cell>
          <cell r="AX472">
            <v>1</v>
          </cell>
          <cell r="AY472" t="str">
            <v>パナソニックＳＳエンジニアリング（株）北海道ＰＳＳＥ社</v>
          </cell>
          <cell r="AZ472">
            <v>312000</v>
          </cell>
          <cell r="BA472">
            <v>327600</v>
          </cell>
          <cell r="BB472">
            <v>15600</v>
          </cell>
          <cell r="BC472" t="str">
            <v>請書</v>
          </cell>
          <cell r="BE472">
            <v>39092</v>
          </cell>
          <cell r="BF472" t="str">
            <v>しない</v>
          </cell>
          <cell r="BG472" t="str">
            <v>見積</v>
          </cell>
          <cell r="BH472">
            <v>0.99680511182108622</v>
          </cell>
          <cell r="BK472">
            <v>313000</v>
          </cell>
          <cell r="BL472" t="str">
            <v xml:space="preserve"> </v>
          </cell>
          <cell r="BM472">
            <v>1050</v>
          </cell>
          <cell r="BN472">
            <v>0.99680511182108622</v>
          </cell>
        </row>
        <row r="473">
          <cell r="A473">
            <v>7168</v>
          </cell>
          <cell r="B473" t="str">
            <v>業務委託</v>
          </cell>
          <cell r="C473" t="str">
            <v>南北線車両総合試験装置定期保守点検</v>
          </cell>
          <cell r="D473">
            <v>39073</v>
          </cell>
          <cell r="E473" t="str">
            <v>特命</v>
          </cell>
          <cell r="G473">
            <v>1168650</v>
          </cell>
          <cell r="I473">
            <v>1</v>
          </cell>
          <cell r="J473" t="str">
            <v>式</v>
          </cell>
          <cell r="K473" t="str">
            <v/>
          </cell>
          <cell r="L473">
            <v>1168650</v>
          </cell>
          <cell r="M473" t="str">
            <v>特命</v>
          </cell>
          <cell r="N473" t="str">
            <v>高・営</v>
          </cell>
          <cell r="O473">
            <v>39119</v>
          </cell>
          <cell r="P473">
            <v>39136</v>
          </cell>
          <cell r="Q473" t="str">
            <v>壱</v>
          </cell>
          <cell r="R473" t="str">
            <v>無</v>
          </cell>
          <cell r="S473" t="str">
            <v>車両課(真駒内)</v>
          </cell>
          <cell r="T473" t="str">
            <v>館脇　富美雄</v>
          </cell>
          <cell r="U473">
            <v>8312</v>
          </cell>
          <cell r="V473" t="str">
            <v>部長</v>
          </cell>
          <cell r="W473" t="str">
            <v>なか１日</v>
          </cell>
          <cell r="X473" t="str">
            <v>特命</v>
          </cell>
          <cell r="Y473">
            <v>39079</v>
          </cell>
          <cell r="Z473">
            <v>39093</v>
          </cell>
          <cell r="AA473">
            <v>1400</v>
          </cell>
          <cell r="AB473" t="str">
            <v>交通局３階総務課（契約担当）</v>
          </cell>
          <cell r="AD473" t="str">
            <v>平成19年1月11日(木)　14時00分</v>
          </cell>
          <cell r="AI473">
            <v>1</v>
          </cell>
          <cell r="AJ473" t="str">
            <v>日立プラントテクノロジー北海道支社</v>
          </cell>
          <cell r="AU473" t="str">
            <v>要</v>
          </cell>
          <cell r="AV473">
            <v>1100000</v>
          </cell>
          <cell r="AW473">
            <v>1155000</v>
          </cell>
          <cell r="AX473">
            <v>1.1680143755615435E-2</v>
          </cell>
          <cell r="AY473" t="str">
            <v>日立プラントテクノロジー北海道支社</v>
          </cell>
          <cell r="AZ473">
            <v>1080000</v>
          </cell>
          <cell r="BA473">
            <v>1134000</v>
          </cell>
          <cell r="BB473">
            <v>54000</v>
          </cell>
          <cell r="BC473" t="str">
            <v>契約書</v>
          </cell>
          <cell r="BE473">
            <v>39093</v>
          </cell>
          <cell r="BF473" t="str">
            <v>しない</v>
          </cell>
          <cell r="BG473" t="str">
            <v>見積</v>
          </cell>
          <cell r="BH473">
            <v>0.98181818181818181</v>
          </cell>
          <cell r="BK473">
            <v>1113000</v>
          </cell>
          <cell r="BL473" t="str">
            <v xml:space="preserve"> </v>
          </cell>
          <cell r="BM473">
            <v>34650</v>
          </cell>
          <cell r="BN473">
            <v>0.9703504043126685</v>
          </cell>
        </row>
        <row r="474">
          <cell r="A474">
            <v>7169</v>
          </cell>
          <cell r="B474" t="str">
            <v>業務委託</v>
          </cell>
          <cell r="C474" t="str">
            <v>札幌市交通局例規集追録作成等業務</v>
          </cell>
          <cell r="D474">
            <v>39077</v>
          </cell>
          <cell r="E474" t="str">
            <v>特命</v>
          </cell>
          <cell r="G474">
            <v>1585197</v>
          </cell>
          <cell r="I474">
            <v>1</v>
          </cell>
          <cell r="J474" t="str">
            <v>式</v>
          </cell>
          <cell r="K474" t="str">
            <v/>
          </cell>
          <cell r="L474">
            <v>1585197</v>
          </cell>
          <cell r="M474" t="str">
            <v>特命</v>
          </cell>
          <cell r="N474" t="str">
            <v>高・営</v>
          </cell>
          <cell r="O474">
            <v>39098</v>
          </cell>
          <cell r="P474">
            <v>39108</v>
          </cell>
          <cell r="Q474" t="str">
            <v>壱</v>
          </cell>
          <cell r="R474" t="str">
            <v>無</v>
          </cell>
          <cell r="S474" t="str">
            <v>総務課</v>
          </cell>
          <cell r="T474" t="str">
            <v>木下　健二</v>
          </cell>
          <cell r="U474">
            <v>2213</v>
          </cell>
          <cell r="V474" t="str">
            <v>部長</v>
          </cell>
          <cell r="W474" t="str">
            <v>なか１日</v>
          </cell>
          <cell r="X474" t="str">
            <v>特命</v>
          </cell>
          <cell r="Y474">
            <v>39084</v>
          </cell>
          <cell r="Z474">
            <v>39093</v>
          </cell>
          <cell r="AA474">
            <v>1430</v>
          </cell>
          <cell r="AB474" t="str">
            <v>交通局３階総務課（契約担当）</v>
          </cell>
          <cell r="AD474" t="str">
            <v>平成19年1月11日(木)　14時30分</v>
          </cell>
          <cell r="AI474">
            <v>1</v>
          </cell>
          <cell r="AJ474" t="str">
            <v>（株）ぎょうせい北海道支社</v>
          </cell>
          <cell r="AU474" t="str">
            <v>要</v>
          </cell>
          <cell r="AV474">
            <v>1494000</v>
          </cell>
          <cell r="AW474">
            <v>1568700</v>
          </cell>
          <cell r="AX474">
            <v>1.0406908415799387E-2</v>
          </cell>
          <cell r="AY474" t="str">
            <v>（株）ぎょうせい北海道支社</v>
          </cell>
          <cell r="AZ474">
            <v>1464260</v>
          </cell>
          <cell r="BA474">
            <v>1537473</v>
          </cell>
          <cell r="BB474">
            <v>73213</v>
          </cell>
          <cell r="BC474" t="str">
            <v>契約書</v>
          </cell>
          <cell r="BE474">
            <v>39097</v>
          </cell>
          <cell r="BF474" t="str">
            <v>しない</v>
          </cell>
          <cell r="BG474" t="str">
            <v>見積</v>
          </cell>
          <cell r="BH474">
            <v>0.98009370816599728</v>
          </cell>
          <cell r="BK474">
            <v>1509711.4285714284</v>
          </cell>
          <cell r="BL474" t="str">
            <v xml:space="preserve"> </v>
          </cell>
          <cell r="BM474">
            <v>47724</v>
          </cell>
          <cell r="BN474">
            <v>0.96989396270621253</v>
          </cell>
        </row>
        <row r="475">
          <cell r="A475">
            <v>1235</v>
          </cell>
          <cell r="B475" t="str">
            <v>物品購入</v>
          </cell>
          <cell r="C475" t="str">
            <v>ギヤーオイル</v>
          </cell>
          <cell r="D475">
            <v>39077</v>
          </cell>
          <cell r="G475">
            <v>210000</v>
          </cell>
          <cell r="I475">
            <v>1</v>
          </cell>
          <cell r="J475" t="str">
            <v>式</v>
          </cell>
          <cell r="K475" t="str">
            <v/>
          </cell>
          <cell r="L475">
            <v>210000</v>
          </cell>
          <cell r="M475" t="str">
            <v>公開</v>
          </cell>
          <cell r="N475" t="str">
            <v>高・営</v>
          </cell>
          <cell r="P475">
            <v>39123</v>
          </cell>
          <cell r="Q475" t="str">
            <v>壱</v>
          </cell>
          <cell r="R475" t="str">
            <v>無</v>
          </cell>
          <cell r="S475" t="str">
            <v>車両課(大谷地)</v>
          </cell>
          <cell r="T475" t="str">
            <v>岡田　実</v>
          </cell>
          <cell r="U475">
            <v>8416</v>
          </cell>
          <cell r="V475" t="str">
            <v>課長</v>
          </cell>
          <cell r="W475" t="str">
            <v>なか１日</v>
          </cell>
          <cell r="X475" t="str">
            <v>公開</v>
          </cell>
          <cell r="Y475">
            <v>39093</v>
          </cell>
          <cell r="Z475">
            <v>39093</v>
          </cell>
          <cell r="AB475" t="str">
            <v>交通局３階総務課（契約担当）</v>
          </cell>
          <cell r="AD475" t="e">
            <v>#VALUE!</v>
          </cell>
          <cell r="AI475">
            <v>3</v>
          </cell>
          <cell r="AJ475" t="str">
            <v>太平洋石油販売（株）札幌支店</v>
          </cell>
          <cell r="AU475" t="str">
            <v>省略可</v>
          </cell>
          <cell r="AW475">
            <v>210000</v>
          </cell>
          <cell r="AX475">
            <v>1</v>
          </cell>
          <cell r="AY475" t="str">
            <v>太平洋石油販売（株）札幌支店</v>
          </cell>
          <cell r="AZ475">
            <v>180000</v>
          </cell>
          <cell r="BA475">
            <v>189000</v>
          </cell>
          <cell r="BB475">
            <v>9000</v>
          </cell>
          <cell r="BC475" t="str">
            <v>発注書</v>
          </cell>
          <cell r="BE475">
            <v>39094</v>
          </cell>
          <cell r="BF475" t="str">
            <v>しない</v>
          </cell>
          <cell r="BG475" t="str">
            <v>見積(公開)</v>
          </cell>
          <cell r="BH475">
            <v>0.9</v>
          </cell>
          <cell r="BK475">
            <v>200000</v>
          </cell>
          <cell r="BL475" t="str">
            <v xml:space="preserve"> </v>
          </cell>
          <cell r="BM475">
            <v>21000</v>
          </cell>
          <cell r="BN475">
            <v>0.9</v>
          </cell>
        </row>
        <row r="476">
          <cell r="A476">
            <v>7170</v>
          </cell>
          <cell r="B476" t="str">
            <v>業務委託</v>
          </cell>
          <cell r="C476" t="str">
            <v>交通局本局庁舎廃棄ＯＡ機器類処理業務</v>
          </cell>
          <cell r="D476">
            <v>39078</v>
          </cell>
          <cell r="G476">
            <v>360150</v>
          </cell>
          <cell r="I476">
            <v>1</v>
          </cell>
          <cell r="J476" t="str">
            <v>式</v>
          </cell>
          <cell r="K476" t="str">
            <v/>
          </cell>
          <cell r="L476">
            <v>360150</v>
          </cell>
          <cell r="M476" t="str">
            <v>見積</v>
          </cell>
          <cell r="N476" t="str">
            <v>高・営</v>
          </cell>
          <cell r="O476">
            <v>39099</v>
          </cell>
          <cell r="P476">
            <v>39108</v>
          </cell>
          <cell r="Q476" t="str">
            <v>壱</v>
          </cell>
          <cell r="R476" t="str">
            <v>無</v>
          </cell>
          <cell r="S476" t="str">
            <v>総務課</v>
          </cell>
          <cell r="T476" t="str">
            <v>橋本　直実輝</v>
          </cell>
          <cell r="U476">
            <v>2215</v>
          </cell>
          <cell r="V476" t="str">
            <v>部長</v>
          </cell>
          <cell r="W476" t="str">
            <v>なか１日</v>
          </cell>
          <cell r="X476" t="str">
            <v>見積</v>
          </cell>
          <cell r="Y476">
            <v>39085</v>
          </cell>
          <cell r="Z476">
            <v>39094</v>
          </cell>
          <cell r="AA476">
            <v>1100</v>
          </cell>
          <cell r="AB476" t="str">
            <v>交通局５階入札室</v>
          </cell>
          <cell r="AD476" t="str">
            <v>平成19年1月12日(金)　11時00分</v>
          </cell>
          <cell r="AI476">
            <v>3</v>
          </cell>
          <cell r="AJ476" t="str">
            <v>角山開発（株）</v>
          </cell>
          <cell r="AK476" t="str">
            <v>（協業）公清企業</v>
          </cell>
          <cell r="AL476" t="str">
            <v>北清企業（株）</v>
          </cell>
          <cell r="AU476" t="str">
            <v>省略可</v>
          </cell>
          <cell r="AW476">
            <v>360150</v>
          </cell>
          <cell r="AX476">
            <v>1</v>
          </cell>
          <cell r="AY476" t="str">
            <v>北清企業（株）</v>
          </cell>
          <cell r="AZ476">
            <v>216000</v>
          </cell>
          <cell r="BA476">
            <v>226800</v>
          </cell>
          <cell r="BB476">
            <v>10800</v>
          </cell>
          <cell r="BC476" t="str">
            <v>契約書</v>
          </cell>
          <cell r="BE476">
            <v>39099</v>
          </cell>
          <cell r="BF476" t="str">
            <v>しない</v>
          </cell>
          <cell r="BG476" t="str">
            <v>見積</v>
          </cell>
          <cell r="BH476">
            <v>0.62973760932944611</v>
          </cell>
          <cell r="BI476" t="str">
            <v>産廃契約なので契約書</v>
          </cell>
          <cell r="BK476">
            <v>343000</v>
          </cell>
          <cell r="BL476" t="str">
            <v xml:space="preserve"> </v>
          </cell>
          <cell r="BM476">
            <v>133350</v>
          </cell>
          <cell r="BN476">
            <v>0.62973760932944611</v>
          </cell>
        </row>
        <row r="477">
          <cell r="A477">
            <v>1236</v>
          </cell>
          <cell r="B477" t="str">
            <v>物品購入</v>
          </cell>
          <cell r="C477" t="str">
            <v>Ｏリング</v>
          </cell>
          <cell r="D477">
            <v>39079</v>
          </cell>
          <cell r="G477">
            <v>498046</v>
          </cell>
          <cell r="I477">
            <v>1</v>
          </cell>
          <cell r="J477" t="str">
            <v>式</v>
          </cell>
          <cell r="K477" t="str">
            <v/>
          </cell>
          <cell r="L477">
            <v>498046</v>
          </cell>
          <cell r="M477" t="str">
            <v>公開</v>
          </cell>
          <cell r="N477" t="str">
            <v>高・営</v>
          </cell>
          <cell r="P477">
            <v>39141</v>
          </cell>
          <cell r="Q477" t="str">
            <v>壱</v>
          </cell>
          <cell r="R477" t="str">
            <v>無</v>
          </cell>
          <cell r="S477" t="str">
            <v>車両課(大谷地)</v>
          </cell>
          <cell r="T477" t="str">
            <v>中山　英敏</v>
          </cell>
          <cell r="U477">
            <v>8418</v>
          </cell>
          <cell r="V477" t="str">
            <v>課長</v>
          </cell>
          <cell r="W477" t="str">
            <v>なか１日</v>
          </cell>
          <cell r="X477" t="str">
            <v>公開</v>
          </cell>
          <cell r="Y477">
            <v>39093</v>
          </cell>
          <cell r="Z477">
            <v>39093</v>
          </cell>
          <cell r="AB477" t="str">
            <v>交通局３階総務課（契約担当）</v>
          </cell>
          <cell r="AD477" t="e">
            <v>#VALUE!</v>
          </cell>
          <cell r="AI477">
            <v>3</v>
          </cell>
          <cell r="AJ477" t="str">
            <v>福田実業（株）</v>
          </cell>
          <cell r="AU477" t="str">
            <v>省略可</v>
          </cell>
          <cell r="AW477">
            <v>498046</v>
          </cell>
          <cell r="AX477">
            <v>1</v>
          </cell>
          <cell r="AY477" t="str">
            <v>福田実業（株）</v>
          </cell>
          <cell r="AZ477">
            <v>474330</v>
          </cell>
          <cell r="BA477">
            <v>498046</v>
          </cell>
          <cell r="BB477">
            <v>23716</v>
          </cell>
          <cell r="BC477" t="str">
            <v>発注書</v>
          </cell>
          <cell r="BE477">
            <v>39094</v>
          </cell>
          <cell r="BF477" t="str">
            <v>しない</v>
          </cell>
          <cell r="BG477" t="str">
            <v>見積(公開)</v>
          </cell>
          <cell r="BH477">
            <v>1</v>
          </cell>
          <cell r="BK477">
            <v>474329.52380952379</v>
          </cell>
          <cell r="BL477" t="str">
            <v xml:space="preserve"> </v>
          </cell>
          <cell r="BM477">
            <v>0</v>
          </cell>
          <cell r="BN477">
            <v>1</v>
          </cell>
        </row>
        <row r="478">
          <cell r="A478">
            <v>1237</v>
          </cell>
          <cell r="B478" t="str">
            <v>物品購入</v>
          </cell>
          <cell r="C478" t="str">
            <v>東車両基地自動扉開閉装置</v>
          </cell>
          <cell r="D478">
            <v>39079</v>
          </cell>
          <cell r="G478">
            <v>638400</v>
          </cell>
          <cell r="I478">
            <v>1</v>
          </cell>
          <cell r="J478" t="str">
            <v>式</v>
          </cell>
          <cell r="K478" t="str">
            <v/>
          </cell>
          <cell r="L478">
            <v>638400</v>
          </cell>
          <cell r="M478" t="str">
            <v>公開</v>
          </cell>
          <cell r="N478" t="str">
            <v>高・営</v>
          </cell>
          <cell r="P478">
            <v>39141</v>
          </cell>
          <cell r="Q478" t="str">
            <v>壱</v>
          </cell>
          <cell r="R478" t="str">
            <v>無</v>
          </cell>
          <cell r="S478" t="str">
            <v>車両課(大谷地)</v>
          </cell>
          <cell r="T478" t="str">
            <v>木村　敏秋</v>
          </cell>
          <cell r="U478">
            <v>8407</v>
          </cell>
          <cell r="V478" t="str">
            <v>課長</v>
          </cell>
          <cell r="W478" t="str">
            <v>なか１日</v>
          </cell>
          <cell r="X478" t="str">
            <v>公開</v>
          </cell>
          <cell r="Y478">
            <v>39093</v>
          </cell>
          <cell r="Z478">
            <v>39093</v>
          </cell>
          <cell r="AB478" t="str">
            <v>交通局３階総務課（契約担当）</v>
          </cell>
          <cell r="AD478" t="e">
            <v>#VALUE!</v>
          </cell>
          <cell r="AI478">
            <v>3</v>
          </cell>
          <cell r="AJ478" t="str">
            <v>ナブコシステム（株）北海道支店</v>
          </cell>
          <cell r="AU478" t="str">
            <v>省略可</v>
          </cell>
          <cell r="AW478">
            <v>638400</v>
          </cell>
          <cell r="AX478">
            <v>1</v>
          </cell>
          <cell r="AY478" t="str">
            <v>ナブコシステム（株）北海道支店</v>
          </cell>
          <cell r="AZ478">
            <v>546000</v>
          </cell>
          <cell r="BA478">
            <v>573300</v>
          </cell>
          <cell r="BB478">
            <v>27300</v>
          </cell>
          <cell r="BC478" t="str">
            <v>請書</v>
          </cell>
          <cell r="BE478">
            <v>39097</v>
          </cell>
          <cell r="BF478" t="str">
            <v>しない</v>
          </cell>
          <cell r="BG478" t="str">
            <v>見積(公開)</v>
          </cell>
          <cell r="BH478">
            <v>0.89802631578947367</v>
          </cell>
          <cell r="BK478">
            <v>608000</v>
          </cell>
          <cell r="BL478" t="str">
            <v xml:space="preserve"> </v>
          </cell>
          <cell r="BM478">
            <v>65100</v>
          </cell>
          <cell r="BN478">
            <v>0.89802631578947367</v>
          </cell>
        </row>
        <row r="479">
          <cell r="A479">
            <v>1238</v>
          </cell>
          <cell r="B479" t="str">
            <v>物品購入</v>
          </cell>
          <cell r="C479" t="str">
            <v>西車両基地シャッター電動開閉装置</v>
          </cell>
          <cell r="D479">
            <v>39091</v>
          </cell>
          <cell r="G479">
            <v>1100400</v>
          </cell>
          <cell r="I479">
            <v>1</v>
          </cell>
          <cell r="J479" t="str">
            <v>式</v>
          </cell>
          <cell r="K479" t="str">
            <v/>
          </cell>
          <cell r="L479">
            <v>1100400</v>
          </cell>
          <cell r="M479" t="str">
            <v>公開</v>
          </cell>
          <cell r="N479" t="str">
            <v>高・営</v>
          </cell>
          <cell r="P479">
            <v>39161</v>
          </cell>
          <cell r="Q479" t="str">
            <v>壱</v>
          </cell>
          <cell r="R479" t="str">
            <v>無</v>
          </cell>
          <cell r="S479" t="str">
            <v>車両課(二十四軒)</v>
          </cell>
          <cell r="T479" t="str">
            <v>中山　篤史</v>
          </cell>
          <cell r="U479">
            <v>8207</v>
          </cell>
          <cell r="V479" t="str">
            <v>課長</v>
          </cell>
          <cell r="W479" t="str">
            <v>なか１日</v>
          </cell>
          <cell r="X479" t="str">
            <v>公開</v>
          </cell>
          <cell r="Y479">
            <v>39107</v>
          </cell>
          <cell r="Z479">
            <v>39107</v>
          </cell>
          <cell r="AA479">
            <v>1600</v>
          </cell>
          <cell r="AB479" t="str">
            <v>交通局３階総務課（契約担当）</v>
          </cell>
          <cell r="AD479" t="str">
            <v>平成19年1月25日(木)　16時00分</v>
          </cell>
          <cell r="AI479">
            <v>3</v>
          </cell>
          <cell r="AJ479" t="str">
            <v>三和シャッター工業（株）札幌支店</v>
          </cell>
          <cell r="AU479" t="str">
            <v>省略可</v>
          </cell>
          <cell r="AW479">
            <v>1100400</v>
          </cell>
          <cell r="AX479">
            <v>1</v>
          </cell>
          <cell r="AY479" t="str">
            <v>三和シャッター工業（株）札幌支店</v>
          </cell>
          <cell r="AZ479">
            <v>980000</v>
          </cell>
          <cell r="BA479">
            <v>1029000</v>
          </cell>
          <cell r="BB479">
            <v>49000</v>
          </cell>
          <cell r="BC479" t="str">
            <v>請書</v>
          </cell>
          <cell r="BE479">
            <v>39111</v>
          </cell>
          <cell r="BF479" t="str">
            <v>しない</v>
          </cell>
          <cell r="BG479" t="str">
            <v>見積(公開)</v>
          </cell>
          <cell r="BH479">
            <v>0.93511450381679384</v>
          </cell>
          <cell r="BK479">
            <v>1048000</v>
          </cell>
          <cell r="BL479" t="str">
            <v xml:space="preserve"> </v>
          </cell>
          <cell r="BM479">
            <v>71400</v>
          </cell>
          <cell r="BN479">
            <v>0.93511450381679384</v>
          </cell>
        </row>
        <row r="480">
          <cell r="A480">
            <v>1239</v>
          </cell>
          <cell r="B480" t="str">
            <v>物品購入</v>
          </cell>
          <cell r="C480" t="str">
            <v>力率改善用高圧進相コンデンサ部品</v>
          </cell>
          <cell r="D480">
            <v>39091</v>
          </cell>
          <cell r="G480">
            <v>1522500</v>
          </cell>
          <cell r="I480">
            <v>1</v>
          </cell>
          <cell r="J480" t="str">
            <v>式</v>
          </cell>
          <cell r="K480" t="str">
            <v/>
          </cell>
          <cell r="L480">
            <v>1522500</v>
          </cell>
          <cell r="M480" t="str">
            <v>公開</v>
          </cell>
          <cell r="N480" t="str">
            <v>高・営</v>
          </cell>
          <cell r="P480">
            <v>39164</v>
          </cell>
          <cell r="Q480" t="str">
            <v>壱</v>
          </cell>
          <cell r="R480" t="str">
            <v>無</v>
          </cell>
          <cell r="S480" t="str">
            <v>電気課</v>
          </cell>
          <cell r="T480" t="str">
            <v>山木　禎治</v>
          </cell>
          <cell r="U480">
            <v>2626</v>
          </cell>
          <cell r="V480" t="str">
            <v>課長</v>
          </cell>
          <cell r="W480" t="str">
            <v>なか１日</v>
          </cell>
          <cell r="X480" t="str">
            <v>公開</v>
          </cell>
          <cell r="Y480">
            <v>39100</v>
          </cell>
          <cell r="Z480">
            <v>39100</v>
          </cell>
          <cell r="AB480" t="str">
            <v>交通局３階総務課（契約担当）</v>
          </cell>
          <cell r="AD480" t="e">
            <v>#VALUE!</v>
          </cell>
          <cell r="AI480">
            <v>3</v>
          </cell>
          <cell r="AJ480" t="str">
            <v>（株）エミヤ</v>
          </cell>
          <cell r="AK480" t="str">
            <v>東芝電材マーケティング（株）</v>
          </cell>
          <cell r="AL480" t="str">
            <v>（株）明電舎北海道支店</v>
          </cell>
          <cell r="AU480" t="str">
            <v>省略可</v>
          </cell>
          <cell r="AW480">
            <v>1522500</v>
          </cell>
          <cell r="AX480">
            <v>1</v>
          </cell>
          <cell r="AY480" t="str">
            <v>（株）エミヤ</v>
          </cell>
          <cell r="AZ480">
            <v>599900</v>
          </cell>
          <cell r="BA480">
            <v>629895</v>
          </cell>
          <cell r="BB480">
            <v>29995</v>
          </cell>
          <cell r="BC480" t="str">
            <v>請書</v>
          </cell>
          <cell r="BE480">
            <v>39104</v>
          </cell>
          <cell r="BF480" t="str">
            <v>しない</v>
          </cell>
          <cell r="BG480" t="str">
            <v>見積(公開)</v>
          </cell>
          <cell r="BH480">
            <v>0.41372413793103446</v>
          </cell>
          <cell r="BK480">
            <v>1450000</v>
          </cell>
          <cell r="BL480" t="str">
            <v xml:space="preserve"> </v>
          </cell>
          <cell r="BM480">
            <v>892605</v>
          </cell>
          <cell r="BN480">
            <v>0.41372413793103446</v>
          </cell>
        </row>
        <row r="481">
          <cell r="A481">
            <v>1240</v>
          </cell>
          <cell r="B481" t="str">
            <v>物品購入</v>
          </cell>
          <cell r="C481" t="str">
            <v>電熱式ファンヒータ</v>
          </cell>
          <cell r="D481">
            <v>39091</v>
          </cell>
          <cell r="G481">
            <v>289170</v>
          </cell>
          <cell r="I481">
            <v>1</v>
          </cell>
          <cell r="J481" t="str">
            <v>式</v>
          </cell>
          <cell r="K481" t="str">
            <v/>
          </cell>
          <cell r="L481">
            <v>289170</v>
          </cell>
          <cell r="M481" t="str">
            <v>公開</v>
          </cell>
          <cell r="N481" t="str">
            <v>高・営</v>
          </cell>
          <cell r="P481">
            <v>39135</v>
          </cell>
          <cell r="Q481" t="str">
            <v>壱</v>
          </cell>
          <cell r="R481" t="str">
            <v>無</v>
          </cell>
          <cell r="S481" t="str">
            <v>電気課</v>
          </cell>
          <cell r="T481" t="str">
            <v>田鎖　政好</v>
          </cell>
          <cell r="U481">
            <v>2622</v>
          </cell>
          <cell r="V481" t="str">
            <v>課長</v>
          </cell>
          <cell r="W481" t="str">
            <v>なか１日</v>
          </cell>
          <cell r="X481" t="str">
            <v>公開</v>
          </cell>
          <cell r="Y481">
            <v>39100</v>
          </cell>
          <cell r="Z481">
            <v>39100</v>
          </cell>
          <cell r="AB481" t="str">
            <v>交通局３階総務課（契約担当）</v>
          </cell>
          <cell r="AD481" t="e">
            <v>#VALUE!</v>
          </cell>
          <cell r="AI481">
            <v>3</v>
          </cell>
          <cell r="AJ481" t="str">
            <v>（株）エミヤ</v>
          </cell>
          <cell r="AK481" t="str">
            <v>（株）大興商事</v>
          </cell>
          <cell r="AL481" t="str">
            <v>東芝電材マーケティング（株）</v>
          </cell>
          <cell r="AM481" t="str">
            <v>理興産業（株）</v>
          </cell>
          <cell r="AU481" t="str">
            <v>省略可</v>
          </cell>
          <cell r="AW481">
            <v>289170</v>
          </cell>
          <cell r="AX481">
            <v>1</v>
          </cell>
          <cell r="AY481" t="str">
            <v>（株）エミヤ</v>
          </cell>
          <cell r="AZ481">
            <v>213900</v>
          </cell>
          <cell r="BA481">
            <v>224595</v>
          </cell>
          <cell r="BB481">
            <v>10695</v>
          </cell>
          <cell r="BC481" t="str">
            <v>発注書</v>
          </cell>
          <cell r="BE481">
            <v>39101</v>
          </cell>
          <cell r="BF481" t="str">
            <v>しない</v>
          </cell>
          <cell r="BG481" t="str">
            <v>見積(公開)</v>
          </cell>
          <cell r="BH481">
            <v>0.77668845315904145</v>
          </cell>
          <cell r="BK481">
            <v>275400</v>
          </cell>
          <cell r="BL481" t="str">
            <v xml:space="preserve"> </v>
          </cell>
          <cell r="BM481">
            <v>64575</v>
          </cell>
          <cell r="BN481">
            <v>0.77668845315904145</v>
          </cell>
        </row>
        <row r="482">
          <cell r="A482">
            <v>1241</v>
          </cell>
          <cell r="B482" t="str">
            <v>物品購入</v>
          </cell>
          <cell r="C482" t="str">
            <v>冷却塔</v>
          </cell>
          <cell r="D482">
            <v>39093</v>
          </cell>
          <cell r="G482">
            <v>4147500</v>
          </cell>
          <cell r="I482">
            <v>1</v>
          </cell>
          <cell r="J482" t="str">
            <v>式</v>
          </cell>
          <cell r="K482" t="str">
            <v/>
          </cell>
          <cell r="L482">
            <v>4147500</v>
          </cell>
          <cell r="M482" t="str">
            <v>入札</v>
          </cell>
          <cell r="N482" t="str">
            <v>軌・建改</v>
          </cell>
          <cell r="P482">
            <v>39171</v>
          </cell>
          <cell r="Q482" t="str">
            <v>壱</v>
          </cell>
          <cell r="R482" t="str">
            <v>無</v>
          </cell>
          <cell r="S482" t="str">
            <v>電車事業所</v>
          </cell>
          <cell r="T482" t="str">
            <v>須藤　誠一</v>
          </cell>
          <cell r="U482">
            <v>2933</v>
          </cell>
          <cell r="V482" t="str">
            <v>部長</v>
          </cell>
          <cell r="W482" t="str">
            <v>なか１日</v>
          </cell>
          <cell r="X482" t="str">
            <v>入札</v>
          </cell>
          <cell r="Y482">
            <v>39099</v>
          </cell>
          <cell r="Z482">
            <v>39104</v>
          </cell>
          <cell r="AA482">
            <v>1100</v>
          </cell>
          <cell r="AB482" t="str">
            <v>交通局５階入札室</v>
          </cell>
          <cell r="AD482" t="str">
            <v>平成19年1月22日(月)　11時00分</v>
          </cell>
          <cell r="AE482" t="str">
            <v>卸小売業</v>
          </cell>
          <cell r="AF482" t="str">
            <v>一般機械器具卸小売業</v>
          </cell>
          <cell r="AG482" t="str">
            <v>その他一般機械器具</v>
          </cell>
          <cell r="AH482" t="str">
            <v>A</v>
          </cell>
          <cell r="AI482">
            <v>4</v>
          </cell>
          <cell r="AJ482" t="str">
            <v>潮物産（株）札幌支店</v>
          </cell>
          <cell r="AK482" t="str">
            <v>（株）北弘電社</v>
          </cell>
          <cell r="AL482" t="str">
            <v>正栄機工（株）</v>
          </cell>
          <cell r="AM482" t="str">
            <v>新栄機械産業（株）</v>
          </cell>
          <cell r="AN482" t="str">
            <v>東和電商（株）</v>
          </cell>
          <cell r="AU482" t="str">
            <v>要</v>
          </cell>
          <cell r="AV482">
            <v>3900000</v>
          </cell>
          <cell r="AW482">
            <v>4095000</v>
          </cell>
          <cell r="AX482">
            <v>1.2658227848101222E-2</v>
          </cell>
          <cell r="AY482" t="str">
            <v>潮物産（株）札幌支店</v>
          </cell>
          <cell r="AZ482">
            <v>3600000</v>
          </cell>
          <cell r="BA482">
            <v>3780000</v>
          </cell>
          <cell r="BB482">
            <v>180000</v>
          </cell>
          <cell r="BC482" t="str">
            <v>契約書</v>
          </cell>
          <cell r="BE482">
            <v>39105</v>
          </cell>
          <cell r="BF482" t="str">
            <v>する</v>
          </cell>
          <cell r="BG482" t="str">
            <v>入  札</v>
          </cell>
          <cell r="BH482">
            <v>0.92307692307692313</v>
          </cell>
          <cell r="BK482">
            <v>3950000</v>
          </cell>
          <cell r="BL482" t="str">
            <v xml:space="preserve"> </v>
          </cell>
          <cell r="BM482">
            <v>367500</v>
          </cell>
          <cell r="BN482">
            <v>0.91139240506329111</v>
          </cell>
        </row>
        <row r="483">
          <cell r="A483">
            <v>2071</v>
          </cell>
          <cell r="B483" t="str">
            <v>製造請負</v>
          </cell>
          <cell r="C483" t="str">
            <v>故障監視装置改良（指令所）</v>
          </cell>
          <cell r="D483">
            <v>39093</v>
          </cell>
          <cell r="E483" t="str">
            <v>特命</v>
          </cell>
          <cell r="G483">
            <v>5691000</v>
          </cell>
          <cell r="I483">
            <v>1</v>
          </cell>
          <cell r="J483" t="str">
            <v>式</v>
          </cell>
          <cell r="K483" t="str">
            <v/>
          </cell>
          <cell r="L483">
            <v>5691000</v>
          </cell>
          <cell r="M483" t="str">
            <v>特命</v>
          </cell>
          <cell r="N483" t="str">
            <v>高・建改</v>
          </cell>
          <cell r="P483">
            <v>39444</v>
          </cell>
          <cell r="Q483" t="str">
            <v>壱</v>
          </cell>
          <cell r="R483" t="str">
            <v>無</v>
          </cell>
          <cell r="S483" t="str">
            <v>電気課</v>
          </cell>
          <cell r="T483" t="str">
            <v>伊藤　弘</v>
          </cell>
          <cell r="U483">
            <v>2646</v>
          </cell>
          <cell r="V483" t="str">
            <v>部長</v>
          </cell>
          <cell r="W483" t="str">
            <v>なか５日</v>
          </cell>
          <cell r="X483" t="str">
            <v>特命</v>
          </cell>
          <cell r="Y483">
            <v>39100</v>
          </cell>
          <cell r="Z483">
            <v>39104</v>
          </cell>
          <cell r="AA483">
            <v>1400</v>
          </cell>
          <cell r="AB483" t="str">
            <v>交通局３階総務課（契約担当）</v>
          </cell>
          <cell r="AD483" t="str">
            <v>平成19年1月22日(月)　14時00分</v>
          </cell>
          <cell r="AI483">
            <v>1</v>
          </cell>
          <cell r="AJ483" t="str">
            <v>富士通（株）北海道営業本部</v>
          </cell>
          <cell r="AU483" t="str">
            <v>要</v>
          </cell>
          <cell r="AV483">
            <v>5360000</v>
          </cell>
          <cell r="AW483">
            <v>5628000</v>
          </cell>
          <cell r="AX483">
            <v>1.1070110701106972E-2</v>
          </cell>
          <cell r="AY483" t="str">
            <v>富士通（株）北海道営業本部</v>
          </cell>
          <cell r="AZ483">
            <v>5300000</v>
          </cell>
          <cell r="BA483">
            <v>5565000</v>
          </cell>
          <cell r="BB483">
            <v>265000</v>
          </cell>
          <cell r="BC483" t="str">
            <v>契約書</v>
          </cell>
          <cell r="BE483">
            <v>39106</v>
          </cell>
          <cell r="BF483" t="str">
            <v>する</v>
          </cell>
          <cell r="BG483" t="str">
            <v>見積</v>
          </cell>
          <cell r="BH483">
            <v>0.98880597014925375</v>
          </cell>
          <cell r="BK483">
            <v>5420000</v>
          </cell>
          <cell r="BL483" t="str">
            <v xml:space="preserve"> </v>
          </cell>
          <cell r="BM483">
            <v>126000</v>
          </cell>
          <cell r="BN483">
            <v>0.97785977859778594</v>
          </cell>
        </row>
        <row r="484">
          <cell r="A484">
            <v>7171</v>
          </cell>
          <cell r="B484" t="str">
            <v>業務委託</v>
          </cell>
          <cell r="C484" t="str">
            <v>南北線・東西線駅出入口シャッター修理</v>
          </cell>
          <cell r="D484">
            <v>39093</v>
          </cell>
          <cell r="G484">
            <v>11740050</v>
          </cell>
          <cell r="I484">
            <v>1</v>
          </cell>
          <cell r="J484" t="str">
            <v>式</v>
          </cell>
          <cell r="K484" t="str">
            <v/>
          </cell>
          <cell r="L484">
            <v>11740050</v>
          </cell>
          <cell r="M484" t="str">
            <v>入札</v>
          </cell>
          <cell r="N484" t="str">
            <v>高・営</v>
          </cell>
          <cell r="O484">
            <v>39111</v>
          </cell>
          <cell r="P484">
            <v>39156</v>
          </cell>
          <cell r="Q484" t="str">
            <v>壱</v>
          </cell>
          <cell r="R484" t="str">
            <v>無</v>
          </cell>
          <cell r="S484" t="str">
            <v>駅務課</v>
          </cell>
          <cell r="T484" t="str">
            <v>秋葉　猛</v>
          </cell>
          <cell r="U484">
            <v>5714</v>
          </cell>
          <cell r="V484" t="str">
            <v>管理者</v>
          </cell>
          <cell r="W484" t="str">
            <v>なか５日</v>
          </cell>
          <cell r="X484" t="str">
            <v>入札</v>
          </cell>
          <cell r="Y484">
            <v>39106</v>
          </cell>
          <cell r="Z484">
            <v>39107</v>
          </cell>
          <cell r="AA484">
            <v>1100</v>
          </cell>
          <cell r="AB484" t="str">
            <v>交通局５階入札室</v>
          </cell>
          <cell r="AD484" t="str">
            <v>平成19年1月25日(木)　11時00分</v>
          </cell>
          <cell r="AE484" t="str">
            <v>サービス業</v>
          </cell>
          <cell r="AF484" t="str">
            <v>建物設備等保守管理業</v>
          </cell>
          <cell r="AG484" t="str">
            <v>機械設備保守業</v>
          </cell>
          <cell r="AH484" t="str">
            <v>-</v>
          </cell>
          <cell r="AI484">
            <v>5</v>
          </cell>
          <cell r="AJ484" t="str">
            <v>三和シャッター工業（株）札幌支店</v>
          </cell>
          <cell r="AK484" t="str">
            <v>新生ビルテクノ（株）札幌支店</v>
          </cell>
          <cell r="AL484" t="str">
            <v>（株）東洋実業</v>
          </cell>
          <cell r="AM484" t="str">
            <v>（株）日立ビルシステム北海道支社</v>
          </cell>
          <cell r="AN484" t="str">
            <v>北電興業（株）</v>
          </cell>
          <cell r="AO484" t="str">
            <v>三菱電機ビルテクノサービス（株）北海道支社</v>
          </cell>
          <cell r="AU484" t="str">
            <v>要</v>
          </cell>
          <cell r="AV484">
            <v>11000000</v>
          </cell>
          <cell r="AW484">
            <v>11550000</v>
          </cell>
          <cell r="AX484">
            <v>1.6188176370628748E-2</v>
          </cell>
          <cell r="AY484" t="str">
            <v>三和シャッター工業（株）札幌支店</v>
          </cell>
          <cell r="AZ484">
            <v>11000000</v>
          </cell>
          <cell r="BA484">
            <v>11550000</v>
          </cell>
          <cell r="BB484">
            <v>550000</v>
          </cell>
          <cell r="BC484" t="str">
            <v>契約書</v>
          </cell>
          <cell r="BE484">
            <v>39108</v>
          </cell>
          <cell r="BF484" t="str">
            <v>しない</v>
          </cell>
          <cell r="BG484" t="str">
            <v>入  札</v>
          </cell>
          <cell r="BH484">
            <v>1</v>
          </cell>
          <cell r="BK484">
            <v>11181000</v>
          </cell>
          <cell r="BL484" t="str">
            <v xml:space="preserve"> </v>
          </cell>
          <cell r="BM484">
            <v>190050</v>
          </cell>
          <cell r="BN484">
            <v>0.98381182362937125</v>
          </cell>
        </row>
        <row r="485">
          <cell r="A485">
            <v>7172</v>
          </cell>
          <cell r="B485" t="str">
            <v>業務委託</v>
          </cell>
          <cell r="C485" t="str">
            <v>自動出改札装置ユニット修理３</v>
          </cell>
          <cell r="D485">
            <v>39093</v>
          </cell>
          <cell r="E485" t="str">
            <v>特命</v>
          </cell>
          <cell r="G485">
            <v>1361850</v>
          </cell>
          <cell r="I485">
            <v>1</v>
          </cell>
          <cell r="J485" t="str">
            <v>式</v>
          </cell>
          <cell r="K485" t="str">
            <v/>
          </cell>
          <cell r="L485">
            <v>1361850</v>
          </cell>
          <cell r="M485" t="str">
            <v>特命</v>
          </cell>
          <cell r="N485" t="str">
            <v>高・営</v>
          </cell>
          <cell r="O485">
            <v>39101</v>
          </cell>
          <cell r="P485">
            <v>39136</v>
          </cell>
          <cell r="Q485" t="str">
            <v>壱</v>
          </cell>
          <cell r="R485" t="str">
            <v>無</v>
          </cell>
          <cell r="S485" t="str">
            <v>電気課</v>
          </cell>
          <cell r="T485" t="str">
            <v>中田　貴也</v>
          </cell>
          <cell r="U485">
            <v>2664</v>
          </cell>
          <cell r="V485" t="str">
            <v>部長</v>
          </cell>
          <cell r="W485" t="str">
            <v>なか１日</v>
          </cell>
          <cell r="X485" t="str">
            <v>特命</v>
          </cell>
          <cell r="Y485">
            <v>39099</v>
          </cell>
          <cell r="Z485">
            <v>39099</v>
          </cell>
          <cell r="AA485">
            <v>1400</v>
          </cell>
          <cell r="AB485" t="str">
            <v>交通局３階総務課（契約担当）</v>
          </cell>
          <cell r="AD485" t="str">
            <v>平成19年1月17日(水)　14時00分</v>
          </cell>
          <cell r="AI485">
            <v>1</v>
          </cell>
          <cell r="AJ485" t="str">
            <v>日本信号（株）北海道支店</v>
          </cell>
          <cell r="AU485" t="str">
            <v>要</v>
          </cell>
          <cell r="AV485">
            <v>1280000</v>
          </cell>
          <cell r="AW485">
            <v>1344000</v>
          </cell>
          <cell r="AX485">
            <v>1.3107170393215073E-2</v>
          </cell>
          <cell r="AY485" t="str">
            <v>日本信号（株）北海道支店</v>
          </cell>
          <cell r="AZ485">
            <v>1270000</v>
          </cell>
          <cell r="BA485">
            <v>1333500</v>
          </cell>
          <cell r="BB485">
            <v>63500</v>
          </cell>
          <cell r="BC485" t="str">
            <v>契約書</v>
          </cell>
          <cell r="BE485">
            <v>39100</v>
          </cell>
          <cell r="BF485" t="str">
            <v>しない</v>
          </cell>
          <cell r="BG485" t="str">
            <v>見積</v>
          </cell>
          <cell r="BH485">
            <v>0.9921875</v>
          </cell>
          <cell r="BK485">
            <v>1297000</v>
          </cell>
          <cell r="BL485" t="str">
            <v xml:space="preserve"> </v>
          </cell>
          <cell r="BM485">
            <v>28350</v>
          </cell>
          <cell r="BN485">
            <v>0.9791827293754819</v>
          </cell>
        </row>
        <row r="486">
          <cell r="A486">
            <v>1242</v>
          </cell>
          <cell r="B486" t="str">
            <v>物品購入</v>
          </cell>
          <cell r="C486" t="str">
            <v>鉄北・琴似・東札幌変電所自家発電装置保守部品</v>
          </cell>
          <cell r="D486">
            <v>39094</v>
          </cell>
          <cell r="G486">
            <v>1516200</v>
          </cell>
          <cell r="I486">
            <v>1</v>
          </cell>
          <cell r="J486" t="str">
            <v>式</v>
          </cell>
          <cell r="K486" t="str">
            <v/>
          </cell>
          <cell r="L486">
            <v>1516200</v>
          </cell>
          <cell r="M486" t="str">
            <v>公開</v>
          </cell>
          <cell r="N486" t="str">
            <v>高・営</v>
          </cell>
          <cell r="P486">
            <v>39161</v>
          </cell>
          <cell r="Q486" t="str">
            <v>壱</v>
          </cell>
          <cell r="R486" t="str">
            <v>無</v>
          </cell>
          <cell r="S486" t="str">
            <v>電気課</v>
          </cell>
          <cell r="T486" t="str">
            <v>田中　敏雄</v>
          </cell>
          <cell r="U486">
            <v>2628</v>
          </cell>
          <cell r="V486" t="str">
            <v>課長</v>
          </cell>
          <cell r="W486" t="str">
            <v>なか１日</v>
          </cell>
          <cell r="X486" t="str">
            <v>公開</v>
          </cell>
          <cell r="Y486">
            <v>39100</v>
          </cell>
          <cell r="Z486">
            <v>39100</v>
          </cell>
          <cell r="AB486" t="str">
            <v>交通局３階総務課（契約担当）</v>
          </cell>
          <cell r="AD486" t="e">
            <v>#VALUE!</v>
          </cell>
          <cell r="AI486">
            <v>3</v>
          </cell>
          <cell r="AJ486" t="str">
            <v>ヤンマーエネルギーシステム（株）札幌支店</v>
          </cell>
          <cell r="AU486" t="str">
            <v>省略可</v>
          </cell>
          <cell r="AW486">
            <v>1516200</v>
          </cell>
          <cell r="AX486">
            <v>1</v>
          </cell>
          <cell r="AY486" t="str">
            <v>ヤンマーエネルギーシステム（株）札幌支店</v>
          </cell>
          <cell r="AZ486">
            <v>1380000</v>
          </cell>
          <cell r="BA486">
            <v>1449000</v>
          </cell>
          <cell r="BB486">
            <v>69000</v>
          </cell>
          <cell r="BC486" t="str">
            <v>請書</v>
          </cell>
          <cell r="BE486">
            <v>39101</v>
          </cell>
          <cell r="BF486" t="str">
            <v>しない</v>
          </cell>
          <cell r="BG486" t="str">
            <v>見積(公開)</v>
          </cell>
          <cell r="BH486">
            <v>0.95567867036011078</v>
          </cell>
          <cell r="BK486">
            <v>1444000</v>
          </cell>
          <cell r="BL486" t="str">
            <v xml:space="preserve"> </v>
          </cell>
          <cell r="BM486">
            <v>67200</v>
          </cell>
          <cell r="BN486">
            <v>0.95567867036011078</v>
          </cell>
        </row>
        <row r="487">
          <cell r="A487">
            <v>1243</v>
          </cell>
          <cell r="B487" t="str">
            <v>物品購入</v>
          </cell>
          <cell r="C487" t="str">
            <v>押しボタンＳＷ他</v>
          </cell>
          <cell r="D487">
            <v>39097</v>
          </cell>
          <cell r="G487">
            <v>176347</v>
          </cell>
          <cell r="I487">
            <v>1</v>
          </cell>
          <cell r="J487" t="str">
            <v>式</v>
          </cell>
          <cell r="K487" t="str">
            <v/>
          </cell>
          <cell r="L487">
            <v>176347</v>
          </cell>
          <cell r="M487" t="str">
            <v>公開</v>
          </cell>
          <cell r="N487" t="str">
            <v>高・営</v>
          </cell>
          <cell r="P487">
            <v>39147</v>
          </cell>
          <cell r="Q487" t="str">
            <v>壱</v>
          </cell>
          <cell r="R487" t="str">
            <v>無</v>
          </cell>
          <cell r="S487" t="str">
            <v>車両課(大谷地)</v>
          </cell>
          <cell r="T487" t="str">
            <v>岡本　泰昭</v>
          </cell>
          <cell r="U487">
            <v>8411</v>
          </cell>
          <cell r="V487" t="str">
            <v>課長</v>
          </cell>
          <cell r="W487" t="str">
            <v>なか１日</v>
          </cell>
          <cell r="X487" t="str">
            <v>公開</v>
          </cell>
          <cell r="Y487">
            <v>39107</v>
          </cell>
          <cell r="Z487">
            <v>39107</v>
          </cell>
          <cell r="AA487">
            <v>1600</v>
          </cell>
          <cell r="AB487" t="str">
            <v>交通局３階総務課（契約担当）</v>
          </cell>
          <cell r="AD487" t="str">
            <v>平成19年1月25日(木)　16時00分</v>
          </cell>
          <cell r="AI487">
            <v>3</v>
          </cell>
          <cell r="AJ487" t="str">
            <v>（株）大興商事</v>
          </cell>
          <cell r="AK487" t="str">
            <v>福田実業（株）</v>
          </cell>
          <cell r="AL487" t="str">
            <v>理興産業（株）</v>
          </cell>
          <cell r="AU487" t="str">
            <v>省略可</v>
          </cell>
          <cell r="AW487">
            <v>176347</v>
          </cell>
          <cell r="AX487">
            <v>1</v>
          </cell>
          <cell r="AY487" t="str">
            <v>（株）大興商事</v>
          </cell>
          <cell r="AZ487">
            <v>124340</v>
          </cell>
          <cell r="BA487">
            <v>130557</v>
          </cell>
          <cell r="BB487">
            <v>6217</v>
          </cell>
          <cell r="BC487" t="str">
            <v>発注書</v>
          </cell>
          <cell r="BE487">
            <v>39108</v>
          </cell>
          <cell r="BF487" t="str">
            <v>しない</v>
          </cell>
          <cell r="BG487" t="str">
            <v>見積(公開)</v>
          </cell>
          <cell r="BH487">
            <v>0.74034148582056969</v>
          </cell>
          <cell r="BK487">
            <v>167949.52380952382</v>
          </cell>
          <cell r="BL487" t="str">
            <v xml:space="preserve"> </v>
          </cell>
          <cell r="BM487">
            <v>45790</v>
          </cell>
          <cell r="BN487">
            <v>0.74034148582056969</v>
          </cell>
        </row>
        <row r="488">
          <cell r="A488">
            <v>1244</v>
          </cell>
          <cell r="B488" t="str">
            <v>物品購入</v>
          </cell>
          <cell r="C488" t="str">
            <v>自動出改札装置保守部品その３</v>
          </cell>
          <cell r="D488">
            <v>39098</v>
          </cell>
          <cell r="E488" t="str">
            <v>特命</v>
          </cell>
          <cell r="G488">
            <v>4773300</v>
          </cell>
          <cell r="I488">
            <v>1</v>
          </cell>
          <cell r="J488" t="str">
            <v>式</v>
          </cell>
          <cell r="K488" t="str">
            <v/>
          </cell>
          <cell r="L488">
            <v>4773300</v>
          </cell>
          <cell r="M488" t="str">
            <v>特命</v>
          </cell>
          <cell r="N488" t="str">
            <v>高・営</v>
          </cell>
          <cell r="P488">
            <v>39168</v>
          </cell>
          <cell r="Q488" t="str">
            <v>壱</v>
          </cell>
          <cell r="R488" t="str">
            <v>無</v>
          </cell>
          <cell r="S488" t="str">
            <v>電気課</v>
          </cell>
          <cell r="T488" t="str">
            <v>中田　貴也</v>
          </cell>
          <cell r="U488">
            <v>2664</v>
          </cell>
          <cell r="V488" t="str">
            <v>部長</v>
          </cell>
          <cell r="W488" t="str">
            <v>なか１日</v>
          </cell>
          <cell r="X488" t="str">
            <v>特命</v>
          </cell>
          <cell r="Y488">
            <v>39104</v>
          </cell>
          <cell r="Z488">
            <v>39104</v>
          </cell>
          <cell r="AA488">
            <v>1430</v>
          </cell>
          <cell r="AB488" t="str">
            <v>交通局３階総務課（契約担当）</v>
          </cell>
          <cell r="AD488" t="str">
            <v>平成19年1月22日(月)　14時30分</v>
          </cell>
          <cell r="AI488">
            <v>1</v>
          </cell>
          <cell r="AJ488" t="str">
            <v>日本信号（株）北海道支店</v>
          </cell>
          <cell r="AU488" t="str">
            <v>要</v>
          </cell>
          <cell r="AV488">
            <v>4500000</v>
          </cell>
          <cell r="AW488">
            <v>4725000</v>
          </cell>
          <cell r="AX488">
            <v>1.0118785745710568E-2</v>
          </cell>
          <cell r="AY488" t="str">
            <v>日本信号（株）北海道支店</v>
          </cell>
          <cell r="AZ488">
            <v>4470000</v>
          </cell>
          <cell r="BA488">
            <v>4693500</v>
          </cell>
          <cell r="BB488">
            <v>223500</v>
          </cell>
          <cell r="BC488" t="str">
            <v>契約書</v>
          </cell>
          <cell r="BE488">
            <v>39105</v>
          </cell>
          <cell r="BF488" t="str">
            <v>しない</v>
          </cell>
          <cell r="BG488" t="str">
            <v>見積</v>
          </cell>
          <cell r="BH488">
            <v>0.99333333333333329</v>
          </cell>
          <cell r="BK488">
            <v>4546000</v>
          </cell>
          <cell r="BL488" t="str">
            <v xml:space="preserve"> </v>
          </cell>
          <cell r="BM488">
            <v>79800</v>
          </cell>
          <cell r="BN488">
            <v>0.98328200615926087</v>
          </cell>
        </row>
        <row r="489">
          <cell r="A489">
            <v>1245</v>
          </cell>
          <cell r="B489" t="str">
            <v>物品購入</v>
          </cell>
          <cell r="C489" t="str">
            <v>自動案内放送・集中監視装置保守部品その２</v>
          </cell>
          <cell r="D489">
            <v>39098</v>
          </cell>
          <cell r="E489" t="str">
            <v>特命</v>
          </cell>
          <cell r="G489">
            <v>1932000</v>
          </cell>
          <cell r="I489">
            <v>1</v>
          </cell>
          <cell r="J489" t="str">
            <v>式</v>
          </cell>
          <cell r="K489" t="str">
            <v/>
          </cell>
          <cell r="L489">
            <v>1932000</v>
          </cell>
          <cell r="M489" t="str">
            <v>特命</v>
          </cell>
          <cell r="N489" t="str">
            <v>高・営</v>
          </cell>
          <cell r="P489">
            <v>39156</v>
          </cell>
          <cell r="Q489" t="str">
            <v>壱</v>
          </cell>
          <cell r="R489" t="str">
            <v>無</v>
          </cell>
          <cell r="S489" t="str">
            <v>電気課</v>
          </cell>
          <cell r="T489" t="str">
            <v>桜庭　常夫</v>
          </cell>
          <cell r="U489">
            <v>2643</v>
          </cell>
          <cell r="V489" t="str">
            <v>課長</v>
          </cell>
          <cell r="W489" t="str">
            <v>なか１日</v>
          </cell>
          <cell r="X489" t="str">
            <v>特命</v>
          </cell>
          <cell r="Y489">
            <v>39101</v>
          </cell>
          <cell r="Z489">
            <v>39104</v>
          </cell>
          <cell r="AA489">
            <v>1500</v>
          </cell>
          <cell r="AB489" t="str">
            <v>交通局３階総務課（契約担当）</v>
          </cell>
          <cell r="AD489" t="str">
            <v>平成19年1月22日(月)　15時00分</v>
          </cell>
          <cell r="AI489">
            <v>1</v>
          </cell>
          <cell r="AJ489" t="str">
            <v>パナソニックＳＳエンジニアリング（株）北海道ＰＳＳＥ社</v>
          </cell>
          <cell r="AU489" t="str">
            <v>要</v>
          </cell>
          <cell r="AV489">
            <v>1820000</v>
          </cell>
          <cell r="AW489">
            <v>1911000</v>
          </cell>
          <cell r="AX489">
            <v>1.0869565217391353E-2</v>
          </cell>
          <cell r="AY489" t="str">
            <v>パナソニックＳＳエンジニアリング（株）北海道ＰＳＳＥ社</v>
          </cell>
          <cell r="AZ489">
            <v>1808000</v>
          </cell>
          <cell r="BA489">
            <v>1898400</v>
          </cell>
          <cell r="BB489">
            <v>90400</v>
          </cell>
          <cell r="BC489" t="str">
            <v>契約書</v>
          </cell>
          <cell r="BE489">
            <v>39105</v>
          </cell>
          <cell r="BF489" t="str">
            <v>しない</v>
          </cell>
          <cell r="BG489" t="str">
            <v>見積</v>
          </cell>
          <cell r="BH489">
            <v>0.99340659340659343</v>
          </cell>
          <cell r="BK489">
            <v>1840000</v>
          </cell>
          <cell r="BL489" t="str">
            <v xml:space="preserve"> </v>
          </cell>
          <cell r="BM489">
            <v>33600</v>
          </cell>
          <cell r="BN489">
            <v>0.9826086956521739</v>
          </cell>
        </row>
        <row r="490">
          <cell r="A490">
            <v>7173</v>
          </cell>
          <cell r="B490" t="str">
            <v>業務委託</v>
          </cell>
          <cell r="C490" t="str">
            <v>鉄北・琴似・東札幌変電所自家発電装置保守</v>
          </cell>
          <cell r="D490">
            <v>39098</v>
          </cell>
          <cell r="E490" t="str">
            <v>特命</v>
          </cell>
          <cell r="G490">
            <v>2737350</v>
          </cell>
          <cell r="I490">
            <v>1</v>
          </cell>
          <cell r="J490" t="str">
            <v>式</v>
          </cell>
          <cell r="K490" t="str">
            <v/>
          </cell>
          <cell r="L490">
            <v>2737350</v>
          </cell>
          <cell r="M490" t="str">
            <v>特命</v>
          </cell>
          <cell r="N490" t="str">
            <v>高・営</v>
          </cell>
          <cell r="O490">
            <v>39107</v>
          </cell>
          <cell r="P490">
            <v>39161</v>
          </cell>
          <cell r="Q490" t="str">
            <v>壱</v>
          </cell>
          <cell r="R490" t="str">
            <v>無</v>
          </cell>
          <cell r="S490" t="str">
            <v>電気課</v>
          </cell>
          <cell r="T490" t="str">
            <v>田中　敏雄</v>
          </cell>
          <cell r="U490">
            <v>2628</v>
          </cell>
          <cell r="V490" t="str">
            <v>管理者</v>
          </cell>
          <cell r="W490" t="str">
            <v>なか１日</v>
          </cell>
          <cell r="X490" t="str">
            <v>特命</v>
          </cell>
          <cell r="Y490">
            <v>39105</v>
          </cell>
          <cell r="Z490">
            <v>39105</v>
          </cell>
          <cell r="AA490">
            <v>1400</v>
          </cell>
          <cell r="AB490" t="str">
            <v>交通局３階総務課（契約担当）</v>
          </cell>
          <cell r="AD490" t="str">
            <v>平成19年1月23日(火)　14時00分</v>
          </cell>
          <cell r="AI490">
            <v>1</v>
          </cell>
          <cell r="AJ490" t="str">
            <v>ヤンマーエネルギーシステム（株）札幌支店</v>
          </cell>
          <cell r="AU490" t="str">
            <v>要</v>
          </cell>
          <cell r="AV490">
            <v>2580000</v>
          </cell>
          <cell r="AW490">
            <v>2709000</v>
          </cell>
          <cell r="AX490">
            <v>1.0356731875719172E-2</v>
          </cell>
          <cell r="AY490" t="str">
            <v>ヤンマーエネルギーシステム（株）札幌支店</v>
          </cell>
          <cell r="AZ490">
            <v>2500000</v>
          </cell>
          <cell r="BA490">
            <v>2625000</v>
          </cell>
          <cell r="BB490">
            <v>125000</v>
          </cell>
          <cell r="BC490" t="str">
            <v>契約書</v>
          </cell>
          <cell r="BE490">
            <v>39106</v>
          </cell>
          <cell r="BF490" t="str">
            <v>しない</v>
          </cell>
          <cell r="BG490" t="str">
            <v>見積</v>
          </cell>
          <cell r="BH490">
            <v>0.96899224806201545</v>
          </cell>
          <cell r="BK490">
            <v>2607000</v>
          </cell>
          <cell r="BL490" t="str">
            <v xml:space="preserve"> </v>
          </cell>
          <cell r="BM490">
            <v>112350</v>
          </cell>
          <cell r="BN490">
            <v>0.95895665515918682</v>
          </cell>
        </row>
        <row r="491">
          <cell r="A491">
            <v>2072</v>
          </cell>
          <cell r="B491" t="str">
            <v>製造請負</v>
          </cell>
          <cell r="C491" t="str">
            <v>記念共通ウィズユーカード【映画「ワンピース」】</v>
          </cell>
          <cell r="D491">
            <v>39098</v>
          </cell>
          <cell r="E491" t="str">
            <v>特命</v>
          </cell>
          <cell r="G491">
            <v>177030</v>
          </cell>
          <cell r="I491">
            <v>3000</v>
          </cell>
          <cell r="J491" t="str">
            <v>枚</v>
          </cell>
          <cell r="K491" t="str">
            <v/>
          </cell>
          <cell r="L491">
            <v>177030</v>
          </cell>
          <cell r="M491" t="str">
            <v>特命</v>
          </cell>
          <cell r="N491" t="str">
            <v>軌・営　高・営</v>
          </cell>
          <cell r="P491">
            <v>39140</v>
          </cell>
          <cell r="Q491" t="str">
            <v>壱</v>
          </cell>
          <cell r="R491" t="str">
            <v>無</v>
          </cell>
          <cell r="S491" t="str">
            <v>経営企画課</v>
          </cell>
          <cell r="T491" t="str">
            <v>今野　吉隆</v>
          </cell>
          <cell r="U491">
            <v>2123</v>
          </cell>
          <cell r="V491" t="str">
            <v>課長</v>
          </cell>
          <cell r="W491" t="str">
            <v>なか１日</v>
          </cell>
          <cell r="X491" t="str">
            <v>特命</v>
          </cell>
          <cell r="Y491">
            <v>39101</v>
          </cell>
          <cell r="Z491">
            <v>39100</v>
          </cell>
          <cell r="AA491">
            <v>1400</v>
          </cell>
          <cell r="AB491" t="str">
            <v>交通局３階総務課（契約担当）</v>
          </cell>
          <cell r="AD491" t="str">
            <v>平成19年1月18日(木)　14時00分</v>
          </cell>
          <cell r="AI491">
            <v>1</v>
          </cell>
          <cell r="AJ491" t="str">
            <v>共同印刷（株）</v>
          </cell>
          <cell r="AU491" t="str">
            <v>省略可</v>
          </cell>
          <cell r="AW491">
            <v>177030</v>
          </cell>
          <cell r="AX491">
            <v>1</v>
          </cell>
          <cell r="AY491" t="str">
            <v>共同印刷（株）</v>
          </cell>
          <cell r="AZ491">
            <v>159000</v>
          </cell>
          <cell r="BA491">
            <v>166950</v>
          </cell>
          <cell r="BB491">
            <v>7950</v>
          </cell>
          <cell r="BC491" t="str">
            <v>発注書</v>
          </cell>
          <cell r="BE491">
            <v>39100</v>
          </cell>
          <cell r="BF491" t="str">
            <v>しない</v>
          </cell>
          <cell r="BG491" t="str">
            <v>見積</v>
          </cell>
          <cell r="BH491">
            <v>0.94306049822064053</v>
          </cell>
          <cell r="BK491">
            <v>168600</v>
          </cell>
          <cell r="BL491">
            <v>59.01</v>
          </cell>
          <cell r="BM491">
            <v>10080</v>
          </cell>
          <cell r="BN491">
            <v>0.94306049822064053</v>
          </cell>
        </row>
        <row r="492">
          <cell r="A492">
            <v>7174</v>
          </cell>
          <cell r="B492" t="str">
            <v>業務委託</v>
          </cell>
          <cell r="C492" t="str">
            <v>台車抜取装置整備業務</v>
          </cell>
          <cell r="D492">
            <v>39098</v>
          </cell>
          <cell r="E492" t="str">
            <v>特命</v>
          </cell>
          <cell r="G492">
            <v>1536150</v>
          </cell>
          <cell r="I492">
            <v>1</v>
          </cell>
          <cell r="J492" t="str">
            <v>式</v>
          </cell>
          <cell r="K492" t="str">
            <v/>
          </cell>
          <cell r="L492">
            <v>1536150</v>
          </cell>
          <cell r="M492" t="str">
            <v>特命</v>
          </cell>
          <cell r="N492" t="str">
            <v>高・営</v>
          </cell>
          <cell r="O492">
            <v>39106</v>
          </cell>
          <cell r="P492">
            <v>39149</v>
          </cell>
          <cell r="Q492" t="str">
            <v>壱</v>
          </cell>
          <cell r="R492" t="str">
            <v>無</v>
          </cell>
          <cell r="S492" t="str">
            <v>車両課(真駒内)</v>
          </cell>
          <cell r="T492" t="str">
            <v>茂呂　泰伸</v>
          </cell>
          <cell r="U492">
            <v>8318</v>
          </cell>
          <cell r="V492" t="str">
            <v>部長</v>
          </cell>
          <cell r="W492" t="str">
            <v>なか１日</v>
          </cell>
          <cell r="X492" t="str">
            <v>特命</v>
          </cell>
          <cell r="Y492">
            <v>39104</v>
          </cell>
          <cell r="Z492">
            <v>39101</v>
          </cell>
          <cell r="AA492">
            <v>1430</v>
          </cell>
          <cell r="AB492" t="str">
            <v>交通局３階総務課（契約担当）</v>
          </cell>
          <cell r="AD492" t="str">
            <v>平成19年1月19日(金)　14時30分</v>
          </cell>
          <cell r="AI492">
            <v>1</v>
          </cell>
          <cell r="AJ492" t="str">
            <v>札幌川重車両エンジニアリング（株）</v>
          </cell>
          <cell r="AU492" t="str">
            <v>要</v>
          </cell>
          <cell r="AV492">
            <v>1440000</v>
          </cell>
          <cell r="AW492">
            <v>1512000</v>
          </cell>
          <cell r="AX492">
            <v>1.5721120984278913E-2</v>
          </cell>
          <cell r="AY492" t="str">
            <v>札幌川重車両エンジニアリング（株）</v>
          </cell>
          <cell r="AZ492">
            <v>1420000</v>
          </cell>
          <cell r="BA492">
            <v>1491000</v>
          </cell>
          <cell r="BB492">
            <v>71000</v>
          </cell>
          <cell r="BC492" t="str">
            <v>契約書</v>
          </cell>
          <cell r="BE492">
            <v>39104</v>
          </cell>
          <cell r="BF492" t="str">
            <v>しない</v>
          </cell>
          <cell r="BG492" t="str">
            <v>見積</v>
          </cell>
          <cell r="BH492">
            <v>0.98611111111111116</v>
          </cell>
          <cell r="BK492">
            <v>1463000</v>
          </cell>
          <cell r="BL492" t="str">
            <v xml:space="preserve"> </v>
          </cell>
          <cell r="BM492">
            <v>45150</v>
          </cell>
          <cell r="BN492">
            <v>0.9706083390293917</v>
          </cell>
        </row>
        <row r="493">
          <cell r="A493">
            <v>7175</v>
          </cell>
          <cell r="B493" t="str">
            <v>業務委託</v>
          </cell>
          <cell r="C493" t="str">
            <v>耐電防具耐圧試験その２</v>
          </cell>
          <cell r="D493">
            <v>39098</v>
          </cell>
          <cell r="G493">
            <v>368613</v>
          </cell>
          <cell r="I493">
            <v>1</v>
          </cell>
          <cell r="J493" t="str">
            <v>式</v>
          </cell>
          <cell r="K493" t="str">
            <v/>
          </cell>
          <cell r="L493">
            <v>368613</v>
          </cell>
          <cell r="M493" t="str">
            <v>見積</v>
          </cell>
          <cell r="N493" t="str">
            <v>高・営</v>
          </cell>
          <cell r="O493">
            <v>39108</v>
          </cell>
          <cell r="P493">
            <v>39141</v>
          </cell>
          <cell r="Q493" t="str">
            <v>壱</v>
          </cell>
          <cell r="R493" t="str">
            <v>無</v>
          </cell>
          <cell r="S493" t="str">
            <v>電気課</v>
          </cell>
          <cell r="T493" t="str">
            <v>佐久間　正</v>
          </cell>
          <cell r="U493">
            <v>2627</v>
          </cell>
          <cell r="V493" t="str">
            <v>部長</v>
          </cell>
          <cell r="W493" t="str">
            <v>なか１日</v>
          </cell>
          <cell r="X493" t="str">
            <v>見積</v>
          </cell>
          <cell r="Y493">
            <v>39104</v>
          </cell>
          <cell r="Z493">
            <v>39107</v>
          </cell>
          <cell r="AA493">
            <v>1110</v>
          </cell>
          <cell r="AB493" t="str">
            <v>交通局５階入札室</v>
          </cell>
          <cell r="AD493" t="str">
            <v>平成19年1月25日(木)　11時10分</v>
          </cell>
          <cell r="AI493">
            <v>3</v>
          </cell>
          <cell r="AJ493" t="str">
            <v>（株）工成舎</v>
          </cell>
          <cell r="AK493" t="str">
            <v>（株）ゴーセイ</v>
          </cell>
          <cell r="AL493" t="str">
            <v>北海道計器工業（株）</v>
          </cell>
          <cell r="AU493" t="str">
            <v>省略可</v>
          </cell>
          <cell r="AW493">
            <v>368613</v>
          </cell>
          <cell r="AX493">
            <v>1</v>
          </cell>
          <cell r="AY493" t="str">
            <v>北海道計器工業（株）</v>
          </cell>
          <cell r="AZ493">
            <v>337000</v>
          </cell>
          <cell r="BA493">
            <v>353850</v>
          </cell>
          <cell r="BB493">
            <v>16850</v>
          </cell>
          <cell r="BC493" t="str">
            <v>請書</v>
          </cell>
          <cell r="BE493">
            <v>39108</v>
          </cell>
          <cell r="BF493" t="str">
            <v>しない</v>
          </cell>
          <cell r="BG493" t="str">
            <v>見積</v>
          </cell>
          <cell r="BH493">
            <v>0.95994986611975164</v>
          </cell>
          <cell r="BK493">
            <v>351060</v>
          </cell>
          <cell r="BL493" t="str">
            <v xml:space="preserve"> </v>
          </cell>
          <cell r="BM493">
            <v>14763</v>
          </cell>
          <cell r="BN493">
            <v>0.95994986611975164</v>
          </cell>
        </row>
        <row r="494">
          <cell r="A494">
            <v>7176</v>
          </cell>
          <cell r="B494" t="str">
            <v>業務委託</v>
          </cell>
          <cell r="C494" t="str">
            <v>転てつ器用二段減速機分解整備</v>
          </cell>
          <cell r="D494">
            <v>39099</v>
          </cell>
          <cell r="E494" t="str">
            <v>特命</v>
          </cell>
          <cell r="G494">
            <v>1333500</v>
          </cell>
          <cell r="I494">
            <v>1</v>
          </cell>
          <cell r="J494" t="str">
            <v>式</v>
          </cell>
          <cell r="K494" t="str">
            <v/>
          </cell>
          <cell r="L494">
            <v>1333500</v>
          </cell>
          <cell r="M494" t="str">
            <v>特命</v>
          </cell>
          <cell r="N494" t="str">
            <v>高・営</v>
          </cell>
          <cell r="O494">
            <v>39108</v>
          </cell>
          <cell r="P494">
            <v>39164</v>
          </cell>
          <cell r="Q494" t="str">
            <v>壱</v>
          </cell>
          <cell r="R494" t="str">
            <v>無</v>
          </cell>
          <cell r="S494" t="str">
            <v>施設課</v>
          </cell>
          <cell r="T494" t="str">
            <v>丸山　貴弘</v>
          </cell>
          <cell r="U494">
            <v>2592</v>
          </cell>
          <cell r="V494" t="str">
            <v>部長</v>
          </cell>
          <cell r="W494" t="str">
            <v>なか１日</v>
          </cell>
          <cell r="X494" t="str">
            <v>特命</v>
          </cell>
          <cell r="Y494">
            <v>39105</v>
          </cell>
          <cell r="Z494">
            <v>39106</v>
          </cell>
          <cell r="AA494">
            <v>1400</v>
          </cell>
          <cell r="AB494" t="str">
            <v>交通局３階総務課（契約担当）</v>
          </cell>
          <cell r="AD494" t="str">
            <v>平成19年1月24日(水)　14時00分</v>
          </cell>
          <cell r="AI494">
            <v>1</v>
          </cell>
          <cell r="AJ494" t="str">
            <v>札幌川重車両エンジニアリング（株）</v>
          </cell>
          <cell r="AU494" t="str">
            <v>要</v>
          </cell>
          <cell r="AV494">
            <v>1257000</v>
          </cell>
          <cell r="AW494">
            <v>1319850</v>
          </cell>
          <cell r="AX494">
            <v>1.0236220472440993E-2</v>
          </cell>
          <cell r="AY494" t="str">
            <v>札幌川重車両エンジニアリング（株）</v>
          </cell>
          <cell r="AZ494">
            <v>1256000</v>
          </cell>
          <cell r="BA494">
            <v>1318800</v>
          </cell>
          <cell r="BB494">
            <v>62800</v>
          </cell>
          <cell r="BC494" t="str">
            <v>契約書</v>
          </cell>
          <cell r="BE494">
            <v>39107</v>
          </cell>
          <cell r="BF494" t="str">
            <v>しない</v>
          </cell>
          <cell r="BG494" t="str">
            <v>見積</v>
          </cell>
          <cell r="BH494">
            <v>0.99920445505171041</v>
          </cell>
          <cell r="BK494">
            <v>1270000</v>
          </cell>
          <cell r="BL494" t="str">
            <v xml:space="preserve"> </v>
          </cell>
          <cell r="BM494">
            <v>14700</v>
          </cell>
          <cell r="BN494">
            <v>0.98897637795275595</v>
          </cell>
        </row>
        <row r="495">
          <cell r="A495">
            <v>1246</v>
          </cell>
          <cell r="B495" t="str">
            <v>物品購入</v>
          </cell>
          <cell r="C495" t="str">
            <v>駆動溝他</v>
          </cell>
          <cell r="D495">
            <v>39099</v>
          </cell>
          <cell r="E495" t="str">
            <v>特命</v>
          </cell>
          <cell r="G495">
            <v>1802850</v>
          </cell>
          <cell r="I495">
            <v>1</v>
          </cell>
          <cell r="J495" t="str">
            <v>式</v>
          </cell>
          <cell r="K495" t="str">
            <v/>
          </cell>
          <cell r="L495">
            <v>1802850</v>
          </cell>
          <cell r="M495" t="str">
            <v>特命</v>
          </cell>
          <cell r="N495" t="str">
            <v>高・営</v>
          </cell>
          <cell r="P495">
            <v>39164</v>
          </cell>
          <cell r="Q495" t="str">
            <v>壱</v>
          </cell>
          <cell r="R495" t="str">
            <v>無</v>
          </cell>
          <cell r="S495" t="str">
            <v>施設課</v>
          </cell>
          <cell r="T495" t="str">
            <v>丸山　貴弘</v>
          </cell>
          <cell r="U495">
            <v>2592</v>
          </cell>
          <cell r="V495" t="str">
            <v>課長</v>
          </cell>
          <cell r="W495" t="str">
            <v>なか１日</v>
          </cell>
          <cell r="X495" t="str">
            <v>特命</v>
          </cell>
          <cell r="Y495">
            <v>39104</v>
          </cell>
          <cell r="Z495">
            <v>39106</v>
          </cell>
          <cell r="AA495">
            <v>1415</v>
          </cell>
          <cell r="AB495" t="str">
            <v>交通局３階総務課（契約担当）</v>
          </cell>
          <cell r="AD495" t="str">
            <v>平成19年1月24日(水)　14時15分</v>
          </cell>
          <cell r="AI495">
            <v>1</v>
          </cell>
          <cell r="AJ495" t="str">
            <v>札幌川重車両エンジニアリング（株）</v>
          </cell>
          <cell r="AU495" t="str">
            <v>要</v>
          </cell>
          <cell r="AV495">
            <v>1710000</v>
          </cell>
          <cell r="AW495">
            <v>1795500</v>
          </cell>
          <cell r="AX495">
            <v>4.0768782760628453E-3</v>
          </cell>
          <cell r="AY495" t="str">
            <v>札幌川重車両エンジニアリング（株）</v>
          </cell>
          <cell r="AZ495">
            <v>1703550</v>
          </cell>
          <cell r="BA495">
            <v>1788727</v>
          </cell>
          <cell r="BB495">
            <v>85177</v>
          </cell>
          <cell r="BC495" t="str">
            <v>契約書</v>
          </cell>
          <cell r="BE495">
            <v>39107</v>
          </cell>
          <cell r="BF495" t="str">
            <v>しない</v>
          </cell>
          <cell r="BG495" t="str">
            <v>見積</v>
          </cell>
          <cell r="BH495">
            <v>0.99622779170147591</v>
          </cell>
          <cell r="BK495">
            <v>1717000</v>
          </cell>
          <cell r="BL495" t="str">
            <v xml:space="preserve"> </v>
          </cell>
          <cell r="BM495">
            <v>14123</v>
          </cell>
          <cell r="BN495">
            <v>0.99216629225947806</v>
          </cell>
        </row>
        <row r="496">
          <cell r="A496">
            <v>1247</v>
          </cell>
          <cell r="B496" t="str">
            <v>物品購入</v>
          </cell>
          <cell r="C496" t="str">
            <v>信号保安装置保守部品その４</v>
          </cell>
          <cell r="D496">
            <v>39099</v>
          </cell>
          <cell r="G496">
            <v>301350</v>
          </cell>
          <cell r="I496">
            <v>1</v>
          </cell>
          <cell r="J496" t="str">
            <v>式</v>
          </cell>
          <cell r="K496" t="str">
            <v/>
          </cell>
          <cell r="L496">
            <v>301350</v>
          </cell>
          <cell r="M496" t="str">
            <v>公開</v>
          </cell>
          <cell r="N496" t="str">
            <v>高・営</v>
          </cell>
          <cell r="P496">
            <v>39141</v>
          </cell>
          <cell r="Q496" t="str">
            <v>壱</v>
          </cell>
          <cell r="R496" t="str">
            <v>無</v>
          </cell>
          <cell r="S496" t="str">
            <v>電気課</v>
          </cell>
          <cell r="T496" t="str">
            <v>平尾　敏文</v>
          </cell>
          <cell r="U496">
            <v>2644</v>
          </cell>
          <cell r="V496" t="str">
            <v>課長</v>
          </cell>
          <cell r="W496" t="str">
            <v>なか１日</v>
          </cell>
          <cell r="X496" t="str">
            <v>公開</v>
          </cell>
          <cell r="Y496">
            <v>39107</v>
          </cell>
          <cell r="Z496">
            <v>39107</v>
          </cell>
          <cell r="AA496">
            <v>1600</v>
          </cell>
          <cell r="AB496" t="str">
            <v>交通局３階総務課（契約担当）</v>
          </cell>
          <cell r="AD496" t="str">
            <v>平成19年1月25日(木)　16時00分</v>
          </cell>
          <cell r="AI496">
            <v>3</v>
          </cell>
          <cell r="AJ496" t="str">
            <v>（株）エミヤ</v>
          </cell>
          <cell r="AK496" t="str">
            <v>東芝電材マーケティング（株）</v>
          </cell>
          <cell r="AU496" t="str">
            <v>省略可</v>
          </cell>
          <cell r="AW496">
            <v>301350</v>
          </cell>
          <cell r="AX496">
            <v>1</v>
          </cell>
          <cell r="AY496" t="str">
            <v>（株）エミヤ</v>
          </cell>
          <cell r="AZ496">
            <v>224850</v>
          </cell>
          <cell r="BA496">
            <v>236092</v>
          </cell>
          <cell r="BB496">
            <v>11242</v>
          </cell>
          <cell r="BC496" t="str">
            <v>発注書</v>
          </cell>
          <cell r="BE496">
            <v>39108</v>
          </cell>
          <cell r="BF496" t="str">
            <v>しない</v>
          </cell>
          <cell r="BG496" t="str">
            <v>見積(公開)</v>
          </cell>
          <cell r="BH496">
            <v>0.78344781815165088</v>
          </cell>
          <cell r="BK496">
            <v>287000</v>
          </cell>
          <cell r="BL496" t="str">
            <v xml:space="preserve"> </v>
          </cell>
          <cell r="BM496">
            <v>65258</v>
          </cell>
          <cell r="BN496">
            <v>0.78344781815165088</v>
          </cell>
        </row>
        <row r="497">
          <cell r="A497">
            <v>1248</v>
          </cell>
          <cell r="B497" t="str">
            <v>物品購入</v>
          </cell>
          <cell r="C497" t="str">
            <v>東西線換気集中制御装置機材</v>
          </cell>
          <cell r="D497">
            <v>39099</v>
          </cell>
          <cell r="G497">
            <v>2096850</v>
          </cell>
          <cell r="I497">
            <v>1</v>
          </cell>
          <cell r="J497" t="str">
            <v>式</v>
          </cell>
          <cell r="K497" t="str">
            <v/>
          </cell>
          <cell r="L497">
            <v>2096850</v>
          </cell>
          <cell r="M497" t="str">
            <v>入札</v>
          </cell>
          <cell r="N497" t="str">
            <v>高・営</v>
          </cell>
          <cell r="P497">
            <v>39164</v>
          </cell>
          <cell r="Q497" t="str">
            <v>壱</v>
          </cell>
          <cell r="R497" t="str">
            <v>無</v>
          </cell>
          <cell r="S497" t="str">
            <v>施設課</v>
          </cell>
          <cell r="T497" t="str">
            <v>中里　聡</v>
          </cell>
          <cell r="U497">
            <v>2527</v>
          </cell>
          <cell r="V497" t="str">
            <v>課長</v>
          </cell>
          <cell r="W497" t="str">
            <v>なか１日</v>
          </cell>
          <cell r="X497" t="str">
            <v>入札</v>
          </cell>
          <cell r="Y497">
            <v>39104</v>
          </cell>
          <cell r="Z497">
            <v>39107</v>
          </cell>
          <cell r="AA497">
            <v>1120</v>
          </cell>
          <cell r="AB497" t="str">
            <v>交通局５階入札室</v>
          </cell>
          <cell r="AD497" t="str">
            <v>平成19年1月25日(木)　11時20分</v>
          </cell>
          <cell r="AE497" t="str">
            <v>卸小売業</v>
          </cell>
          <cell r="AF497" t="str">
            <v>電気機械器具卸小売業</v>
          </cell>
          <cell r="AG497" t="str">
            <v>電子機器・通信機器用部品</v>
          </cell>
          <cell r="AH497" t="str">
            <v>A</v>
          </cell>
          <cell r="AI497">
            <v>3</v>
          </cell>
          <cell r="AJ497" t="str">
            <v>石垣電材（株）</v>
          </cell>
          <cell r="AK497" t="str">
            <v>（株）エミヤ</v>
          </cell>
          <cell r="AL497" t="str">
            <v>理興産業（株）</v>
          </cell>
          <cell r="AU497" t="str">
            <v>要</v>
          </cell>
          <cell r="AV497">
            <v>1970000</v>
          </cell>
          <cell r="AW497">
            <v>2068500</v>
          </cell>
          <cell r="AX497">
            <v>1.3520280420630915E-2</v>
          </cell>
          <cell r="AY497" t="str">
            <v>石垣電材（株）</v>
          </cell>
          <cell r="AZ497">
            <v>1770000</v>
          </cell>
          <cell r="BA497">
            <v>1858500</v>
          </cell>
          <cell r="BB497">
            <v>88500</v>
          </cell>
          <cell r="BC497" t="str">
            <v>契約書</v>
          </cell>
          <cell r="BE497">
            <v>39111</v>
          </cell>
          <cell r="BF497" t="str">
            <v>しない</v>
          </cell>
          <cell r="BG497" t="str">
            <v>入  札</v>
          </cell>
          <cell r="BH497">
            <v>0.89847715736040612</v>
          </cell>
          <cell r="BK497">
            <v>1997000</v>
          </cell>
          <cell r="BL497" t="str">
            <v xml:space="preserve"> </v>
          </cell>
          <cell r="BM497">
            <v>238350</v>
          </cell>
          <cell r="BN497">
            <v>0.88632949424136209</v>
          </cell>
        </row>
        <row r="498">
          <cell r="A498">
            <v>7177</v>
          </cell>
          <cell r="B498" t="str">
            <v>業務委託</v>
          </cell>
          <cell r="C498" t="str">
            <v>東西線用台車分解作業</v>
          </cell>
          <cell r="D498">
            <v>39100</v>
          </cell>
          <cell r="E498" t="str">
            <v>特命</v>
          </cell>
          <cell r="G498">
            <v>858900</v>
          </cell>
          <cell r="I498">
            <v>1</v>
          </cell>
          <cell r="J498" t="str">
            <v>式</v>
          </cell>
          <cell r="K498" t="str">
            <v/>
          </cell>
          <cell r="L498">
            <v>858900</v>
          </cell>
          <cell r="M498" t="str">
            <v>特命</v>
          </cell>
          <cell r="N498" t="str">
            <v>高・営</v>
          </cell>
          <cell r="O498">
            <v>39111</v>
          </cell>
          <cell r="P498">
            <v>39122</v>
          </cell>
          <cell r="Q498" t="str">
            <v>壱</v>
          </cell>
          <cell r="R498" t="str">
            <v>無</v>
          </cell>
          <cell r="S498" t="str">
            <v>車両課(大谷地)</v>
          </cell>
          <cell r="T498" t="str">
            <v>田島　義雄</v>
          </cell>
          <cell r="U498">
            <v>8417</v>
          </cell>
          <cell r="V498" t="str">
            <v>部長</v>
          </cell>
          <cell r="W498" t="str">
            <v>なか１日</v>
          </cell>
          <cell r="X498" t="str">
            <v>特命</v>
          </cell>
          <cell r="Y498">
            <v>39106</v>
          </cell>
          <cell r="Z498">
            <v>39107</v>
          </cell>
          <cell r="AA498">
            <v>1400</v>
          </cell>
          <cell r="AB498" t="str">
            <v>交通局３階総務課（契約担当）</v>
          </cell>
          <cell r="AD498" t="str">
            <v>平成19年1月25日(木)　14時00分</v>
          </cell>
          <cell r="AI498">
            <v>1</v>
          </cell>
          <cell r="AJ498" t="str">
            <v>札幌交通機械（株）</v>
          </cell>
          <cell r="AU498" t="str">
            <v>省略可</v>
          </cell>
          <cell r="AW498">
            <v>858900</v>
          </cell>
          <cell r="AX498">
            <v>1</v>
          </cell>
          <cell r="AY498" t="str">
            <v>札幌交通機械（株）</v>
          </cell>
          <cell r="AZ498">
            <v>814700</v>
          </cell>
          <cell r="BA498">
            <v>855435</v>
          </cell>
          <cell r="BB498">
            <v>40735</v>
          </cell>
          <cell r="BC498" t="str">
            <v>契約書</v>
          </cell>
          <cell r="BE498">
            <v>39108</v>
          </cell>
          <cell r="BF498" t="str">
            <v>しない</v>
          </cell>
          <cell r="BG498" t="str">
            <v>見積</v>
          </cell>
          <cell r="BH498">
            <v>0.99596577017114918</v>
          </cell>
          <cell r="BK498">
            <v>818000</v>
          </cell>
          <cell r="BL498" t="str">
            <v xml:space="preserve"> </v>
          </cell>
          <cell r="BM498">
            <v>3465</v>
          </cell>
          <cell r="BN498">
            <v>0.99596577017114918</v>
          </cell>
        </row>
        <row r="499">
          <cell r="A499">
            <v>7178</v>
          </cell>
          <cell r="B499" t="str">
            <v>業務委託</v>
          </cell>
          <cell r="C499" t="str">
            <v>東基地台車設備整備（台車抜取装置１号機）</v>
          </cell>
          <cell r="D499">
            <v>39100</v>
          </cell>
          <cell r="E499" t="str">
            <v>特命</v>
          </cell>
          <cell r="G499">
            <v>474600</v>
          </cell>
          <cell r="I499">
            <v>1</v>
          </cell>
          <cell r="J499" t="str">
            <v>式</v>
          </cell>
          <cell r="K499" t="str">
            <v/>
          </cell>
          <cell r="L499">
            <v>474600</v>
          </cell>
          <cell r="M499" t="str">
            <v>特命</v>
          </cell>
          <cell r="N499" t="str">
            <v>高・営</v>
          </cell>
          <cell r="O499">
            <v>39114</v>
          </cell>
          <cell r="P499">
            <v>39157</v>
          </cell>
          <cell r="Q499" t="str">
            <v>壱</v>
          </cell>
          <cell r="R499" t="str">
            <v>無</v>
          </cell>
          <cell r="S499" t="str">
            <v>車両課(大谷地)</v>
          </cell>
          <cell r="T499" t="str">
            <v>岡田　実</v>
          </cell>
          <cell r="U499">
            <v>8416</v>
          </cell>
          <cell r="V499" t="str">
            <v>部長</v>
          </cell>
          <cell r="W499" t="str">
            <v>なか１日</v>
          </cell>
          <cell r="X499" t="str">
            <v>特命</v>
          </cell>
          <cell r="Y499">
            <v>39106</v>
          </cell>
          <cell r="Z499">
            <v>39107</v>
          </cell>
          <cell r="AA499">
            <v>1415</v>
          </cell>
          <cell r="AB499" t="str">
            <v>交通局３階総務課（契約担当）</v>
          </cell>
          <cell r="AD499" t="str">
            <v>平成19年1月25日(木)　14時15分</v>
          </cell>
          <cell r="AI499">
            <v>1</v>
          </cell>
          <cell r="AJ499" t="str">
            <v>札幌交通機械（株）</v>
          </cell>
          <cell r="AU499" t="str">
            <v>省略可</v>
          </cell>
          <cell r="AW499">
            <v>474600</v>
          </cell>
          <cell r="AX499">
            <v>1</v>
          </cell>
          <cell r="AY499" t="str">
            <v>札幌交通機械（株）</v>
          </cell>
          <cell r="AZ499">
            <v>450000</v>
          </cell>
          <cell r="BA499">
            <v>472500</v>
          </cell>
          <cell r="BB499">
            <v>22500</v>
          </cell>
          <cell r="BC499" t="str">
            <v>請書</v>
          </cell>
          <cell r="BE499">
            <v>39108</v>
          </cell>
          <cell r="BF499" t="str">
            <v>しない</v>
          </cell>
          <cell r="BG499" t="str">
            <v>見積</v>
          </cell>
          <cell r="BH499">
            <v>0.99557522123893805</v>
          </cell>
          <cell r="BK499">
            <v>452000</v>
          </cell>
          <cell r="BL499" t="str">
            <v xml:space="preserve"> </v>
          </cell>
          <cell r="BM499">
            <v>2100</v>
          </cell>
          <cell r="BN499">
            <v>0.99557522123893805</v>
          </cell>
        </row>
        <row r="500">
          <cell r="A500">
            <v>7179</v>
          </cell>
          <cell r="B500" t="str">
            <v>業務委託</v>
          </cell>
          <cell r="C500" t="str">
            <v>採用試験時健康診断業務</v>
          </cell>
          <cell r="D500">
            <v>39105</v>
          </cell>
          <cell r="E500" t="str">
            <v>特命</v>
          </cell>
          <cell r="F500" t="str">
            <v>単契</v>
          </cell>
          <cell r="G500">
            <v>462000</v>
          </cell>
          <cell r="H500">
            <v>11550</v>
          </cell>
          <cell r="I500">
            <v>1</v>
          </cell>
          <cell r="J500" t="str">
            <v>式</v>
          </cell>
          <cell r="K500" t="str">
            <v/>
          </cell>
          <cell r="L500">
            <v>462000</v>
          </cell>
          <cell r="M500" t="str">
            <v>特命</v>
          </cell>
          <cell r="N500" t="str">
            <v>軌・営</v>
          </cell>
          <cell r="O500">
            <v>39119</v>
          </cell>
          <cell r="P500">
            <v>39141</v>
          </cell>
          <cell r="Q500" t="str">
            <v>壱</v>
          </cell>
          <cell r="R500" t="str">
            <v>無</v>
          </cell>
          <cell r="S500" t="str">
            <v>総務課</v>
          </cell>
          <cell r="T500" t="str">
            <v>山下　美紀子</v>
          </cell>
          <cell r="U500">
            <v>2232</v>
          </cell>
          <cell r="V500" t="str">
            <v>部長</v>
          </cell>
          <cell r="W500" t="str">
            <v>なか１日</v>
          </cell>
          <cell r="X500" t="str">
            <v>特命</v>
          </cell>
          <cell r="Y500">
            <v>39111</v>
          </cell>
          <cell r="Z500">
            <v>39115</v>
          </cell>
          <cell r="AA500">
            <v>1400</v>
          </cell>
          <cell r="AB500" t="str">
            <v>交通局３階総務課（契約担当）</v>
          </cell>
          <cell r="AC500" t="str">
            <v>単価による契約を締結します。受診者一人当たりの単価額（消費税を含まない額）を別添の見積書に記載願います。</v>
          </cell>
          <cell r="AD500" t="str">
            <v>平成19年2月2日(金)　14時00分</v>
          </cell>
          <cell r="AI500">
            <v>1</v>
          </cell>
          <cell r="AJ500" t="str">
            <v>北海道旅客鉄道（株）札幌鉄道病院</v>
          </cell>
          <cell r="AU500" t="str">
            <v>省略可</v>
          </cell>
          <cell r="AW500">
            <v>11550</v>
          </cell>
          <cell r="AX500">
            <v>1</v>
          </cell>
          <cell r="AY500" t="str">
            <v>北海道旅客鉄道（株）札幌鉄道病院</v>
          </cell>
          <cell r="AZ500">
            <v>11000</v>
          </cell>
          <cell r="BA500">
            <v>11550</v>
          </cell>
          <cell r="BB500">
            <v>550</v>
          </cell>
          <cell r="BC500" t="e">
            <v>#N/A</v>
          </cell>
          <cell r="BE500">
            <v>39118</v>
          </cell>
          <cell r="BF500" t="str">
            <v>しない</v>
          </cell>
          <cell r="BG500" t="str">
            <v>見積</v>
          </cell>
          <cell r="BH500">
            <v>1</v>
          </cell>
          <cell r="BI500" t="str">
            <v>登録外業者</v>
          </cell>
          <cell r="BK500">
            <v>440000</v>
          </cell>
          <cell r="BL500" t="str">
            <v xml:space="preserve"> </v>
          </cell>
          <cell r="BM500">
            <v>450450</v>
          </cell>
          <cell r="BN500">
            <v>2.5000000000000001E-2</v>
          </cell>
        </row>
        <row r="501">
          <cell r="A501">
            <v>1249</v>
          </cell>
          <cell r="B501" t="str">
            <v>物品購入</v>
          </cell>
          <cell r="C501" t="str">
            <v>パンク検知装置部品</v>
          </cell>
          <cell r="D501">
            <v>39105</v>
          </cell>
          <cell r="E501" t="str">
            <v>特命</v>
          </cell>
          <cell r="G501">
            <v>722400</v>
          </cell>
          <cell r="I501">
            <v>1</v>
          </cell>
          <cell r="J501" t="str">
            <v>式</v>
          </cell>
          <cell r="K501" t="str">
            <v/>
          </cell>
          <cell r="L501">
            <v>722400</v>
          </cell>
          <cell r="M501" t="str">
            <v>特命</v>
          </cell>
          <cell r="N501" t="str">
            <v>高・営</v>
          </cell>
          <cell r="P501">
            <v>39164</v>
          </cell>
          <cell r="Q501" t="str">
            <v>壱</v>
          </cell>
          <cell r="R501" t="str">
            <v>無</v>
          </cell>
          <cell r="S501" t="str">
            <v>施設課</v>
          </cell>
          <cell r="T501" t="str">
            <v>水口　博</v>
          </cell>
          <cell r="U501">
            <v>2594</v>
          </cell>
          <cell r="V501" t="str">
            <v>課長</v>
          </cell>
          <cell r="W501" t="str">
            <v>なか１日</v>
          </cell>
          <cell r="X501" t="str">
            <v>特命</v>
          </cell>
          <cell r="Y501">
            <v>39108</v>
          </cell>
          <cell r="Z501">
            <v>39112</v>
          </cell>
          <cell r="AA501">
            <v>1400</v>
          </cell>
          <cell r="AB501" t="str">
            <v>交通局３階総務課（契約担当）</v>
          </cell>
          <cell r="AD501" t="str">
            <v>平成19年1月30日(火)　14時00分</v>
          </cell>
          <cell r="AI501">
            <v>1</v>
          </cell>
          <cell r="AJ501" t="str">
            <v>富士電機システムズ（株）東日本支社北海道事務所</v>
          </cell>
          <cell r="AU501" t="str">
            <v>省略可</v>
          </cell>
          <cell r="AW501">
            <v>722400</v>
          </cell>
          <cell r="AX501">
            <v>1</v>
          </cell>
          <cell r="AY501" t="str">
            <v>富士電機システムズ（株）東日本支社北海道事務所</v>
          </cell>
          <cell r="AZ501">
            <v>686000</v>
          </cell>
          <cell r="BA501">
            <v>720300</v>
          </cell>
          <cell r="BB501">
            <v>34300</v>
          </cell>
          <cell r="BC501" t="str">
            <v>請書</v>
          </cell>
          <cell r="BE501">
            <v>39113</v>
          </cell>
          <cell r="BF501" t="str">
            <v>しない</v>
          </cell>
          <cell r="BG501" t="str">
            <v>見積</v>
          </cell>
          <cell r="BH501">
            <v>0.99709302325581395</v>
          </cell>
          <cell r="BK501">
            <v>688000</v>
          </cell>
          <cell r="BL501" t="str">
            <v xml:space="preserve"> </v>
          </cell>
          <cell r="BM501">
            <v>2100</v>
          </cell>
          <cell r="BN501">
            <v>0.99709302325581395</v>
          </cell>
        </row>
        <row r="502">
          <cell r="A502">
            <v>7180</v>
          </cell>
          <cell r="B502" t="str">
            <v>業務委託</v>
          </cell>
          <cell r="C502" t="str">
            <v>南北線電気検測車点検（１２ヶ月）</v>
          </cell>
          <cell r="D502">
            <v>39106</v>
          </cell>
          <cell r="E502" t="str">
            <v>特命</v>
          </cell>
          <cell r="G502">
            <v>155400</v>
          </cell>
          <cell r="I502">
            <v>1</v>
          </cell>
          <cell r="J502" t="str">
            <v>式</v>
          </cell>
          <cell r="K502" t="str">
            <v/>
          </cell>
          <cell r="L502">
            <v>155400</v>
          </cell>
          <cell r="M502" t="str">
            <v>特命</v>
          </cell>
          <cell r="N502" t="str">
            <v>高・営</v>
          </cell>
          <cell r="O502">
            <v>39113</v>
          </cell>
          <cell r="P502">
            <v>39136</v>
          </cell>
          <cell r="Q502" t="str">
            <v>壱</v>
          </cell>
          <cell r="R502" t="str">
            <v>無</v>
          </cell>
          <cell r="S502" t="str">
            <v>電気課</v>
          </cell>
          <cell r="T502" t="str">
            <v>平尾　敏文</v>
          </cell>
          <cell r="U502">
            <v>2644</v>
          </cell>
          <cell r="V502" t="str">
            <v>課長</v>
          </cell>
          <cell r="W502" t="str">
            <v>なか１日</v>
          </cell>
          <cell r="X502" t="str">
            <v>特命</v>
          </cell>
          <cell r="Y502">
            <v>39111</v>
          </cell>
          <cell r="Z502">
            <v>39112</v>
          </cell>
          <cell r="AA502">
            <v>1430</v>
          </cell>
          <cell r="AB502" t="str">
            <v>交通局３階総務課（契約担当）</v>
          </cell>
          <cell r="AD502" t="str">
            <v>平成19年1月30日(火)　14時30分</v>
          </cell>
          <cell r="AI502">
            <v>1</v>
          </cell>
          <cell r="AJ502" t="str">
            <v>札幌交通機械（株）</v>
          </cell>
          <cell r="AU502" t="str">
            <v>省略可</v>
          </cell>
          <cell r="AW502">
            <v>155400</v>
          </cell>
          <cell r="AX502">
            <v>1</v>
          </cell>
          <cell r="AY502" t="str">
            <v>札幌交通機械（株）</v>
          </cell>
          <cell r="AZ502">
            <v>140000</v>
          </cell>
          <cell r="BA502">
            <v>147000</v>
          </cell>
          <cell r="BB502">
            <v>7000</v>
          </cell>
          <cell r="BC502" t="str">
            <v>請書</v>
          </cell>
          <cell r="BE502">
            <v>39113</v>
          </cell>
          <cell r="BF502" t="str">
            <v>しない</v>
          </cell>
          <cell r="BG502" t="str">
            <v>見積</v>
          </cell>
          <cell r="BH502">
            <v>0.94594594594594594</v>
          </cell>
          <cell r="BK502">
            <v>148000</v>
          </cell>
          <cell r="BL502" t="str">
            <v xml:space="preserve"> </v>
          </cell>
          <cell r="BM502">
            <v>8400</v>
          </cell>
          <cell r="BN502">
            <v>0.94594594594594594</v>
          </cell>
        </row>
        <row r="503">
          <cell r="A503">
            <v>7181</v>
          </cell>
          <cell r="B503" t="str">
            <v>業務委託</v>
          </cell>
          <cell r="C503" t="str">
            <v>地震計点検（１年）</v>
          </cell>
          <cell r="D503">
            <v>39106</v>
          </cell>
          <cell r="E503" t="str">
            <v>特命</v>
          </cell>
          <cell r="G503">
            <v>106050</v>
          </cell>
          <cell r="I503">
            <v>1</v>
          </cell>
          <cell r="J503" t="str">
            <v>式</v>
          </cell>
          <cell r="K503" t="str">
            <v/>
          </cell>
          <cell r="L503">
            <v>106050</v>
          </cell>
          <cell r="M503" t="str">
            <v>特命</v>
          </cell>
          <cell r="N503" t="str">
            <v>高・営</v>
          </cell>
          <cell r="O503">
            <v>39120</v>
          </cell>
          <cell r="P503">
            <v>39136</v>
          </cell>
          <cell r="Q503" t="str">
            <v>壱</v>
          </cell>
          <cell r="R503" t="str">
            <v>無</v>
          </cell>
          <cell r="S503" t="str">
            <v>電気課</v>
          </cell>
          <cell r="T503" t="str">
            <v>平尾　敏文</v>
          </cell>
          <cell r="U503">
            <v>2644</v>
          </cell>
          <cell r="V503" t="str">
            <v>課長</v>
          </cell>
          <cell r="W503" t="str">
            <v>なか１日</v>
          </cell>
          <cell r="X503" t="str">
            <v>特命</v>
          </cell>
          <cell r="Y503">
            <v>39111</v>
          </cell>
          <cell r="Z503">
            <v>39118</v>
          </cell>
          <cell r="AA503">
            <v>1500</v>
          </cell>
          <cell r="AB503" t="str">
            <v>交通局３階総務課（契約担当）</v>
          </cell>
          <cell r="AD503" t="str">
            <v>平成19年2月5日(月)　15時00分</v>
          </cell>
          <cell r="AI503">
            <v>1</v>
          </cell>
          <cell r="AJ503" t="str">
            <v>岩崎電子（株）</v>
          </cell>
          <cell r="AU503" t="str">
            <v>省略可</v>
          </cell>
          <cell r="AW503">
            <v>106050</v>
          </cell>
          <cell r="AX503">
            <v>1</v>
          </cell>
          <cell r="AY503" t="str">
            <v>岩崎電子（株）</v>
          </cell>
          <cell r="AZ503">
            <v>100000</v>
          </cell>
          <cell r="BA503">
            <v>105000</v>
          </cell>
          <cell r="BB503">
            <v>5000</v>
          </cell>
          <cell r="BC503" t="str">
            <v>請書</v>
          </cell>
          <cell r="BE503">
            <v>39119</v>
          </cell>
          <cell r="BF503" t="str">
            <v>しない</v>
          </cell>
          <cell r="BG503" t="str">
            <v>見積</v>
          </cell>
          <cell r="BH503">
            <v>0.99009900990099009</v>
          </cell>
          <cell r="BK503">
            <v>101000</v>
          </cell>
          <cell r="BL503" t="str">
            <v xml:space="preserve"> </v>
          </cell>
          <cell r="BM503">
            <v>1050</v>
          </cell>
          <cell r="BN503">
            <v>0.99009900990099009</v>
          </cell>
        </row>
        <row r="504">
          <cell r="A504">
            <v>7182</v>
          </cell>
          <cell r="B504" t="str">
            <v>業務委託</v>
          </cell>
          <cell r="C504" t="str">
            <v>非常列車停止警報遠隔装置改良</v>
          </cell>
          <cell r="D504">
            <v>39111</v>
          </cell>
          <cell r="E504" t="str">
            <v>特命</v>
          </cell>
          <cell r="G504">
            <v>1087800</v>
          </cell>
          <cell r="I504">
            <v>1</v>
          </cell>
          <cell r="J504" t="str">
            <v>式</v>
          </cell>
          <cell r="K504" t="str">
            <v/>
          </cell>
          <cell r="L504">
            <v>1087800</v>
          </cell>
          <cell r="M504" t="str">
            <v>特命</v>
          </cell>
          <cell r="N504" t="str">
            <v>高・営</v>
          </cell>
          <cell r="O504">
            <v>39121</v>
          </cell>
          <cell r="P504">
            <v>39156</v>
          </cell>
          <cell r="Q504" t="str">
            <v>壱</v>
          </cell>
          <cell r="R504" t="str">
            <v>無</v>
          </cell>
          <cell r="S504" t="str">
            <v>電気課</v>
          </cell>
          <cell r="T504" t="str">
            <v>桜庭　常夫</v>
          </cell>
          <cell r="U504">
            <v>2643</v>
          </cell>
          <cell r="V504" t="str">
            <v>部長</v>
          </cell>
          <cell r="W504" t="str">
            <v>なか１日</v>
          </cell>
          <cell r="X504" t="str">
            <v>特命</v>
          </cell>
          <cell r="Y504">
            <v>39115</v>
          </cell>
          <cell r="Z504">
            <v>39118</v>
          </cell>
          <cell r="AA504">
            <v>1400</v>
          </cell>
          <cell r="AB504" t="str">
            <v>交通局３階総務課（契約担当）</v>
          </cell>
          <cell r="AD504" t="str">
            <v>平成19年2月5日(月)　14時00分</v>
          </cell>
          <cell r="AI504">
            <v>1</v>
          </cell>
          <cell r="AJ504" t="str">
            <v>パナソニックＳＳエンジニアリング（株）北海道ＰＳＳＥ社</v>
          </cell>
          <cell r="AU504" t="str">
            <v>要</v>
          </cell>
          <cell r="AV504">
            <v>1020000</v>
          </cell>
          <cell r="AW504">
            <v>1071000</v>
          </cell>
          <cell r="AX504">
            <v>1.5444015444015413E-2</v>
          </cell>
          <cell r="AY504" t="str">
            <v>パナソニックＳＳエンジニアリング（株）北海道ＰＳＳＥ社</v>
          </cell>
          <cell r="AZ504">
            <v>1020000</v>
          </cell>
          <cell r="BA504">
            <v>1071000</v>
          </cell>
          <cell r="BB504">
            <v>51000</v>
          </cell>
          <cell r="BC504" t="str">
            <v>契約書</v>
          </cell>
          <cell r="BE504">
            <v>39119</v>
          </cell>
          <cell r="BF504" t="str">
            <v>しない</v>
          </cell>
          <cell r="BG504" t="str">
            <v>見積</v>
          </cell>
          <cell r="BH504">
            <v>1</v>
          </cell>
          <cell r="BK504">
            <v>1036000</v>
          </cell>
          <cell r="BL504" t="str">
            <v xml:space="preserve"> </v>
          </cell>
          <cell r="BM504">
            <v>16800</v>
          </cell>
          <cell r="BN504">
            <v>0.98455598455598459</v>
          </cell>
        </row>
        <row r="505">
          <cell r="A505">
            <v>7183</v>
          </cell>
          <cell r="B505" t="str">
            <v>業務委託</v>
          </cell>
          <cell r="C505" t="str">
            <v>南北線さっぽろ駅ホーム監視用モニター等設置</v>
          </cell>
          <cell r="D505">
            <v>39111</v>
          </cell>
          <cell r="E505" t="str">
            <v>特命</v>
          </cell>
          <cell r="G505">
            <v>690900</v>
          </cell>
          <cell r="I505">
            <v>1</v>
          </cell>
          <cell r="J505" t="str">
            <v>式</v>
          </cell>
          <cell r="K505" t="str">
            <v/>
          </cell>
          <cell r="L505">
            <v>690900</v>
          </cell>
          <cell r="M505" t="str">
            <v>特命</v>
          </cell>
          <cell r="N505" t="str">
            <v>高・営</v>
          </cell>
          <cell r="O505">
            <v>39121</v>
          </cell>
          <cell r="P505">
            <v>39141</v>
          </cell>
          <cell r="Q505" t="str">
            <v>壱</v>
          </cell>
          <cell r="R505" t="str">
            <v>無</v>
          </cell>
          <cell r="S505" t="str">
            <v>電気課</v>
          </cell>
          <cell r="T505" t="str">
            <v>桜庭　常夫</v>
          </cell>
          <cell r="U505">
            <v>2643</v>
          </cell>
          <cell r="V505" t="str">
            <v>部長</v>
          </cell>
          <cell r="W505" t="str">
            <v>なか１日</v>
          </cell>
          <cell r="X505" t="str">
            <v>特命</v>
          </cell>
          <cell r="Y505">
            <v>39115</v>
          </cell>
          <cell r="Z505">
            <v>39118</v>
          </cell>
          <cell r="AA505">
            <v>1415</v>
          </cell>
          <cell r="AB505" t="str">
            <v>交通局３階総務課（契約担当）</v>
          </cell>
          <cell r="AD505" t="str">
            <v>平成19年2月5日(月)　14時15分</v>
          </cell>
          <cell r="AI505">
            <v>1</v>
          </cell>
          <cell r="AJ505" t="str">
            <v>パナソニックＳＳエンジニアリング（株）北海道ＰＳＳＥ社</v>
          </cell>
          <cell r="AU505" t="str">
            <v>省略可</v>
          </cell>
          <cell r="AW505">
            <v>690900</v>
          </cell>
          <cell r="AX505">
            <v>1</v>
          </cell>
          <cell r="AY505" t="str">
            <v>パナソニックＳＳエンジニアリング（株）北海道ＰＳＳＥ社</v>
          </cell>
          <cell r="AZ505">
            <v>656000</v>
          </cell>
          <cell r="BA505">
            <v>688800</v>
          </cell>
          <cell r="BB505">
            <v>32800</v>
          </cell>
          <cell r="BC505" t="str">
            <v>契約書</v>
          </cell>
          <cell r="BE505">
            <v>39119</v>
          </cell>
          <cell r="BF505" t="str">
            <v>しない</v>
          </cell>
          <cell r="BG505" t="str">
            <v>見積</v>
          </cell>
          <cell r="BH505">
            <v>0.99696048632218848</v>
          </cell>
          <cell r="BK505">
            <v>658000</v>
          </cell>
          <cell r="BL505" t="str">
            <v xml:space="preserve"> </v>
          </cell>
          <cell r="BM505">
            <v>2100</v>
          </cell>
          <cell r="BN505">
            <v>0.99696048632218848</v>
          </cell>
        </row>
        <row r="506">
          <cell r="A506">
            <v>2073</v>
          </cell>
          <cell r="B506" t="str">
            <v>製造請負</v>
          </cell>
          <cell r="C506" t="str">
            <v>東西線西車両基地区分開閉器</v>
          </cell>
          <cell r="D506">
            <v>39111</v>
          </cell>
          <cell r="G506">
            <v>275058000</v>
          </cell>
          <cell r="I506">
            <v>1</v>
          </cell>
          <cell r="J506" t="str">
            <v>式</v>
          </cell>
          <cell r="K506" t="str">
            <v/>
          </cell>
          <cell r="L506">
            <v>275058000</v>
          </cell>
          <cell r="M506" t="str">
            <v>入札</v>
          </cell>
          <cell r="N506" t="str">
            <v>高・建改</v>
          </cell>
          <cell r="P506">
            <v>39659</v>
          </cell>
          <cell r="Q506" t="str">
            <v>壱</v>
          </cell>
          <cell r="R506" t="str">
            <v>無</v>
          </cell>
          <cell r="S506" t="str">
            <v>電気課</v>
          </cell>
          <cell r="T506" t="str">
            <v>柴田　祐一</v>
          </cell>
          <cell r="U506">
            <v>2633</v>
          </cell>
          <cell r="V506" t="str">
            <v>管理者</v>
          </cell>
          <cell r="W506" t="str">
            <v>なか１０日</v>
          </cell>
          <cell r="X506" t="str">
            <v>入札</v>
          </cell>
          <cell r="Y506">
            <v>39132</v>
          </cell>
          <cell r="Z506">
            <v>39139</v>
          </cell>
          <cell r="AA506">
            <v>1100</v>
          </cell>
          <cell r="AB506" t="str">
            <v>交通局５階入札室</v>
          </cell>
          <cell r="AD506" t="str">
            <v>平成19年2月26日(月)　11時00分</v>
          </cell>
          <cell r="AE506" t="str">
            <v>製造業</v>
          </cell>
          <cell r="AF506" t="str">
            <v>電気機械器具製造業</v>
          </cell>
          <cell r="AG506" t="str">
            <v>発信用・送電用</v>
          </cell>
          <cell r="AH506" t="str">
            <v>A</v>
          </cell>
          <cell r="AI506">
            <v>6</v>
          </cell>
          <cell r="AJ506" t="str">
            <v>（株）東芝北海道支社</v>
          </cell>
          <cell r="AK506" t="str">
            <v>（株）日立製作所北海道支社</v>
          </cell>
          <cell r="AL506" t="str">
            <v>富士電機システムズ（株）東日本支社北海道事務所</v>
          </cell>
          <cell r="AM506" t="str">
            <v>三菱電機（株）北海道支社</v>
          </cell>
          <cell r="AN506" t="str">
            <v>（株）明電舎北海道支店</v>
          </cell>
          <cell r="AU506" t="str">
            <v>要</v>
          </cell>
          <cell r="AV506">
            <v>260000000</v>
          </cell>
          <cell r="AW506">
            <v>273000000</v>
          </cell>
          <cell r="AX506">
            <v>7.4820583295159837E-3</v>
          </cell>
          <cell r="AY506" t="str">
            <v>富士電機システムズ（株）東日本支社北海道事務所</v>
          </cell>
          <cell r="AZ506">
            <v>170000000</v>
          </cell>
          <cell r="BA506">
            <v>178500000</v>
          </cell>
          <cell r="BB506">
            <v>8500000</v>
          </cell>
          <cell r="BC506" t="str">
            <v>契約書</v>
          </cell>
          <cell r="BE506">
            <v>39140</v>
          </cell>
          <cell r="BF506" t="str">
            <v>する</v>
          </cell>
          <cell r="BG506" t="str">
            <v>入  札</v>
          </cell>
          <cell r="BH506">
            <v>0.65384615384615385</v>
          </cell>
          <cell r="BK506">
            <v>261960000</v>
          </cell>
          <cell r="BL506" t="str">
            <v xml:space="preserve"> </v>
          </cell>
          <cell r="BM506">
            <v>96558000</v>
          </cell>
          <cell r="BN506">
            <v>0.64895403878454727</v>
          </cell>
        </row>
        <row r="507">
          <cell r="A507">
            <v>7184</v>
          </cell>
          <cell r="B507" t="str">
            <v>業務委託</v>
          </cell>
          <cell r="C507" t="str">
            <v>乗継券発行機定期点検業務</v>
          </cell>
          <cell r="D507">
            <v>39112</v>
          </cell>
          <cell r="E507" t="str">
            <v>特命</v>
          </cell>
          <cell r="G507">
            <v>607950</v>
          </cell>
          <cell r="I507">
            <v>1</v>
          </cell>
          <cell r="J507" t="str">
            <v>式</v>
          </cell>
          <cell r="K507" t="str">
            <v/>
          </cell>
          <cell r="L507">
            <v>607950</v>
          </cell>
          <cell r="M507" t="str">
            <v>特命</v>
          </cell>
          <cell r="N507" t="str">
            <v>軌・営</v>
          </cell>
          <cell r="O507">
            <v>39120</v>
          </cell>
          <cell r="P507">
            <v>39149</v>
          </cell>
          <cell r="Q507" t="str">
            <v>壱</v>
          </cell>
          <cell r="R507" t="str">
            <v>無</v>
          </cell>
          <cell r="S507" t="str">
            <v>電車事業所</v>
          </cell>
          <cell r="T507" t="str">
            <v>夏野　良博</v>
          </cell>
          <cell r="U507">
            <v>2933</v>
          </cell>
          <cell r="V507" t="str">
            <v>部長</v>
          </cell>
          <cell r="W507" t="str">
            <v>なか１日</v>
          </cell>
          <cell r="X507" t="str">
            <v>特命</v>
          </cell>
          <cell r="Y507">
            <v>39118</v>
          </cell>
          <cell r="Z507">
            <v>39118</v>
          </cell>
          <cell r="AA507">
            <v>1430</v>
          </cell>
          <cell r="AB507" t="str">
            <v>交通局３階総務課（契約担当）</v>
          </cell>
          <cell r="AD507" t="str">
            <v>平成19年2月5日(月)　14時30分</v>
          </cell>
          <cell r="AI507">
            <v>1</v>
          </cell>
          <cell r="AJ507" t="str">
            <v>北海道アトラス（株）</v>
          </cell>
          <cell r="AU507" t="str">
            <v>省略可</v>
          </cell>
          <cell r="AW507">
            <v>607950</v>
          </cell>
          <cell r="AX507">
            <v>1</v>
          </cell>
          <cell r="AY507" t="str">
            <v>北海道アトラス（株）</v>
          </cell>
          <cell r="AZ507">
            <v>579000</v>
          </cell>
          <cell r="BA507">
            <v>607950</v>
          </cell>
          <cell r="BB507">
            <v>28950</v>
          </cell>
          <cell r="BC507" t="str">
            <v>契約書</v>
          </cell>
          <cell r="BE507">
            <v>39118</v>
          </cell>
          <cell r="BF507" t="str">
            <v>しない</v>
          </cell>
          <cell r="BG507" t="str">
            <v>見積</v>
          </cell>
          <cell r="BH507">
            <v>1</v>
          </cell>
          <cell r="BK507">
            <v>579000</v>
          </cell>
          <cell r="BL507" t="str">
            <v xml:space="preserve"> </v>
          </cell>
          <cell r="BM507">
            <v>0</v>
          </cell>
          <cell r="BN507">
            <v>1</v>
          </cell>
        </row>
        <row r="508">
          <cell r="A508">
            <v>7185</v>
          </cell>
          <cell r="B508" t="str">
            <v>業務委託</v>
          </cell>
          <cell r="C508" t="str">
            <v>宮の沢車体接地板改修</v>
          </cell>
          <cell r="D508">
            <v>39112</v>
          </cell>
          <cell r="E508" t="str">
            <v>特命</v>
          </cell>
          <cell r="G508">
            <v>1240050</v>
          </cell>
          <cell r="I508">
            <v>1</v>
          </cell>
          <cell r="J508" t="str">
            <v>式</v>
          </cell>
          <cell r="K508" t="str">
            <v/>
          </cell>
          <cell r="L508">
            <v>1240050</v>
          </cell>
          <cell r="M508" t="str">
            <v>特命</v>
          </cell>
          <cell r="N508" t="str">
            <v>高・営</v>
          </cell>
          <cell r="O508">
            <v>39121</v>
          </cell>
          <cell r="P508">
            <v>39161</v>
          </cell>
          <cell r="Q508" t="str">
            <v>壱</v>
          </cell>
          <cell r="R508" t="str">
            <v>無</v>
          </cell>
          <cell r="S508" t="str">
            <v>電気課</v>
          </cell>
          <cell r="T508" t="str">
            <v>池田　誠</v>
          </cell>
          <cell r="U508">
            <v>2656</v>
          </cell>
          <cell r="V508" t="str">
            <v>部長</v>
          </cell>
          <cell r="W508" t="str">
            <v>なか１日</v>
          </cell>
          <cell r="X508" t="str">
            <v>特命</v>
          </cell>
          <cell r="Y508">
            <v>39118</v>
          </cell>
          <cell r="Z508">
            <v>39119</v>
          </cell>
          <cell r="AA508">
            <v>1400</v>
          </cell>
          <cell r="AB508" t="str">
            <v>交通局３階総務課（契約担当）</v>
          </cell>
          <cell r="AD508" t="str">
            <v>平成19年2月6日(火)　14時00分</v>
          </cell>
          <cell r="AI508">
            <v>1</v>
          </cell>
          <cell r="AJ508" t="str">
            <v>札幌日信電子（株）</v>
          </cell>
          <cell r="AU508" t="str">
            <v>要</v>
          </cell>
          <cell r="AV508">
            <v>1169000</v>
          </cell>
          <cell r="AW508">
            <v>1227450</v>
          </cell>
          <cell r="AX508">
            <v>1.0160880609652811E-2</v>
          </cell>
          <cell r="AY508" t="str">
            <v>札幌日信電子（株）</v>
          </cell>
          <cell r="AZ508">
            <v>1150000</v>
          </cell>
          <cell r="BA508">
            <v>1207500</v>
          </cell>
          <cell r="BB508">
            <v>57500</v>
          </cell>
          <cell r="BC508" t="str">
            <v>契約書</v>
          </cell>
          <cell r="BE508">
            <v>39120</v>
          </cell>
          <cell r="BF508" t="str">
            <v>しない</v>
          </cell>
          <cell r="BG508" t="str">
            <v>見積</v>
          </cell>
          <cell r="BH508">
            <v>0.98374679213002569</v>
          </cell>
          <cell r="BK508">
            <v>1181000</v>
          </cell>
          <cell r="BL508" t="str">
            <v xml:space="preserve"> </v>
          </cell>
          <cell r="BM508">
            <v>32550</v>
          </cell>
          <cell r="BN508">
            <v>0.97375105842506349</v>
          </cell>
        </row>
        <row r="509">
          <cell r="A509">
            <v>1250</v>
          </cell>
          <cell r="B509" t="str">
            <v>物品購入</v>
          </cell>
          <cell r="C509" t="str">
            <v>エアーフィルター</v>
          </cell>
          <cell r="D509">
            <v>39113</v>
          </cell>
          <cell r="G509">
            <v>1433460</v>
          </cell>
          <cell r="I509">
            <v>1</v>
          </cell>
          <cell r="J509" t="str">
            <v>式</v>
          </cell>
          <cell r="K509" t="str">
            <v/>
          </cell>
          <cell r="L509">
            <v>1433460</v>
          </cell>
          <cell r="M509" t="str">
            <v>公開</v>
          </cell>
          <cell r="N509" t="str">
            <v>高・営</v>
          </cell>
          <cell r="P509">
            <v>39167</v>
          </cell>
          <cell r="Q509" t="str">
            <v>壱</v>
          </cell>
          <cell r="R509" t="str">
            <v>無</v>
          </cell>
          <cell r="S509" t="str">
            <v>施設課</v>
          </cell>
          <cell r="T509" t="str">
            <v>北川　博教</v>
          </cell>
          <cell r="U509">
            <v>2528</v>
          </cell>
          <cell r="V509" t="str">
            <v>課長</v>
          </cell>
          <cell r="W509" t="str">
            <v>なか１日</v>
          </cell>
          <cell r="X509" t="str">
            <v>公開</v>
          </cell>
          <cell r="Y509">
            <v>39121</v>
          </cell>
          <cell r="Z509">
            <v>39121</v>
          </cell>
          <cell r="AB509" t="str">
            <v>交通局３階総務課（契約担当）</v>
          </cell>
          <cell r="AD509" t="e">
            <v>#VALUE!</v>
          </cell>
          <cell r="AI509">
            <v>3</v>
          </cell>
          <cell r="AJ509" t="str">
            <v>（株）ビオフレックス</v>
          </cell>
          <cell r="AK509" t="str">
            <v>（有）モリミツ</v>
          </cell>
          <cell r="AU509" t="str">
            <v>省略可</v>
          </cell>
          <cell r="AW509">
            <v>1433460</v>
          </cell>
          <cell r="AX509">
            <v>1</v>
          </cell>
          <cell r="AY509" t="str">
            <v>（株）ビオフレックス</v>
          </cell>
          <cell r="AZ509">
            <v>900000</v>
          </cell>
          <cell r="BA509">
            <v>945000</v>
          </cell>
          <cell r="BB509">
            <v>45000</v>
          </cell>
          <cell r="BC509" t="str">
            <v>請書</v>
          </cell>
          <cell r="BE509">
            <v>39126</v>
          </cell>
          <cell r="BF509" t="str">
            <v>しない</v>
          </cell>
          <cell r="BG509" t="str">
            <v>見積(公開)</v>
          </cell>
          <cell r="BH509">
            <v>0.65924406680339875</v>
          </cell>
          <cell r="BK509">
            <v>1365200</v>
          </cell>
          <cell r="BL509" t="str">
            <v xml:space="preserve"> </v>
          </cell>
          <cell r="BM509">
            <v>488460</v>
          </cell>
          <cell r="BN509">
            <v>0.65924406680339875</v>
          </cell>
        </row>
        <row r="510">
          <cell r="A510">
            <v>7186</v>
          </cell>
          <cell r="B510" t="str">
            <v>業務委託</v>
          </cell>
          <cell r="C510" t="str">
            <v>電照広告枠撤去業務</v>
          </cell>
          <cell r="D510">
            <v>39113</v>
          </cell>
          <cell r="G510">
            <v>3349500</v>
          </cell>
          <cell r="I510">
            <v>1</v>
          </cell>
          <cell r="J510" t="str">
            <v>式</v>
          </cell>
          <cell r="K510" t="str">
            <v/>
          </cell>
          <cell r="L510">
            <v>3349500</v>
          </cell>
          <cell r="M510" t="str">
            <v>入札</v>
          </cell>
          <cell r="N510" t="str">
            <v>高・営</v>
          </cell>
          <cell r="O510">
            <v>39127</v>
          </cell>
          <cell r="P510">
            <v>39171</v>
          </cell>
          <cell r="Q510" t="str">
            <v>壱</v>
          </cell>
          <cell r="R510" t="str">
            <v>無</v>
          </cell>
          <cell r="S510" t="str">
            <v>経営企画課</v>
          </cell>
          <cell r="T510" t="str">
            <v>今野　吉隆</v>
          </cell>
          <cell r="U510">
            <v>2123</v>
          </cell>
          <cell r="V510" t="str">
            <v>管理者</v>
          </cell>
          <cell r="W510" t="str">
            <v>なか１日</v>
          </cell>
          <cell r="X510" t="str">
            <v>入札</v>
          </cell>
          <cell r="Y510">
            <v>39120</v>
          </cell>
          <cell r="Z510">
            <v>39122</v>
          </cell>
          <cell r="AA510">
            <v>1100</v>
          </cell>
          <cell r="AB510" t="str">
            <v>交通局５階入札室</v>
          </cell>
          <cell r="AD510" t="str">
            <v>平成19年2月9日(金)　11時00分</v>
          </cell>
          <cell r="AE510" t="str">
            <v>サービス業</v>
          </cell>
          <cell r="AF510" t="str">
            <v>機械・家具等保守・修理業</v>
          </cell>
          <cell r="AG510" t="str">
            <v>その他保守・修理業</v>
          </cell>
          <cell r="AH510" t="str">
            <v>-</v>
          </cell>
          <cell r="AI510">
            <v>4</v>
          </cell>
          <cell r="AJ510" t="str">
            <v>（株）旭鉄工所</v>
          </cell>
          <cell r="AK510" t="str">
            <v>（株）工成舎</v>
          </cell>
          <cell r="AL510" t="str">
            <v>（株）ゴーセイ</v>
          </cell>
          <cell r="AM510" t="str">
            <v>理興産業（株）</v>
          </cell>
          <cell r="AU510" t="str">
            <v>要</v>
          </cell>
          <cell r="AV510">
            <v>3150000</v>
          </cell>
          <cell r="AW510">
            <v>3307500</v>
          </cell>
          <cell r="AX510">
            <v>1.2539184952978011E-2</v>
          </cell>
          <cell r="AY510" t="str">
            <v>（株）ゴーセイ</v>
          </cell>
          <cell r="AZ510">
            <v>2970000</v>
          </cell>
          <cell r="BA510">
            <v>3118500</v>
          </cell>
          <cell r="BB510">
            <v>148500</v>
          </cell>
          <cell r="BC510" t="str">
            <v>契約書</v>
          </cell>
          <cell r="BE510">
            <v>39126</v>
          </cell>
          <cell r="BF510" t="str">
            <v>しない</v>
          </cell>
          <cell r="BG510" t="str">
            <v>入  札</v>
          </cell>
          <cell r="BH510">
            <v>0.94285714285714284</v>
          </cell>
          <cell r="BK510">
            <v>3190000</v>
          </cell>
          <cell r="BL510" t="str">
            <v xml:space="preserve"> </v>
          </cell>
          <cell r="BM510">
            <v>231000</v>
          </cell>
          <cell r="BN510">
            <v>0.93103448275862066</v>
          </cell>
        </row>
        <row r="511">
          <cell r="A511">
            <v>1251</v>
          </cell>
          <cell r="B511" t="str">
            <v>物品購入</v>
          </cell>
          <cell r="C511" t="str">
            <v>停留場情報システム機器一式</v>
          </cell>
          <cell r="D511">
            <v>39115</v>
          </cell>
          <cell r="G511">
            <v>3650640</v>
          </cell>
          <cell r="I511">
            <v>1</v>
          </cell>
          <cell r="J511" t="str">
            <v>式</v>
          </cell>
          <cell r="K511" t="str">
            <v/>
          </cell>
          <cell r="L511">
            <v>3650640</v>
          </cell>
          <cell r="M511" t="str">
            <v>入札</v>
          </cell>
          <cell r="N511" t="str">
            <v>軌・建改</v>
          </cell>
          <cell r="P511">
            <v>39171</v>
          </cell>
          <cell r="Q511" t="str">
            <v>壱</v>
          </cell>
          <cell r="R511" t="str">
            <v>無</v>
          </cell>
          <cell r="S511" t="str">
            <v>電車事業所</v>
          </cell>
          <cell r="T511" t="str">
            <v>高橋　伊勢男</v>
          </cell>
          <cell r="U511">
            <v>2933</v>
          </cell>
          <cell r="V511" t="str">
            <v>部長</v>
          </cell>
          <cell r="W511" t="str">
            <v>なか１日</v>
          </cell>
          <cell r="X511" t="str">
            <v>入札</v>
          </cell>
          <cell r="Y511">
            <v>39121</v>
          </cell>
          <cell r="Z511">
            <v>39132</v>
          </cell>
          <cell r="AA511">
            <v>1110</v>
          </cell>
          <cell r="AB511" t="str">
            <v>交通局５階入札室</v>
          </cell>
          <cell r="AD511" t="str">
            <v>平成19年2月19日(月)　11時10分</v>
          </cell>
          <cell r="AE511" t="str">
            <v>卸小売業</v>
          </cell>
          <cell r="AF511" t="str">
            <v>電気機械器具卸小売業</v>
          </cell>
          <cell r="AG511" t="str">
            <v>電子機器・通信機器用部品</v>
          </cell>
          <cell r="AH511" t="str">
            <v>A</v>
          </cell>
          <cell r="AI511">
            <v>4</v>
          </cell>
          <cell r="AJ511" t="str">
            <v>（株）エヌ・ティ・ティ・ドコモ北海道ビジネス営業部</v>
          </cell>
          <cell r="AK511" t="str">
            <v>（株）エミヤ</v>
          </cell>
          <cell r="AL511" t="str">
            <v>東芝電材マーケティング（株）</v>
          </cell>
          <cell r="AM511" t="str">
            <v>理興産業（株）</v>
          </cell>
          <cell r="AU511" t="str">
            <v>要</v>
          </cell>
          <cell r="AV511">
            <v>3470000</v>
          </cell>
          <cell r="AW511">
            <v>3643500</v>
          </cell>
          <cell r="AX511">
            <v>1.9558214450069444E-3</v>
          </cell>
          <cell r="AY511" t="str">
            <v>（株）エヌ・ティ・ティ・ドコモ北海道ビジネス営業部</v>
          </cell>
          <cell r="AZ511">
            <v>3398000</v>
          </cell>
          <cell r="BA511">
            <v>3567900</v>
          </cell>
          <cell r="BB511">
            <v>169900</v>
          </cell>
          <cell r="BC511" t="str">
            <v>契約書</v>
          </cell>
          <cell r="BE511">
            <v>39136</v>
          </cell>
          <cell r="BF511" t="str">
            <v>する</v>
          </cell>
          <cell r="BG511" t="str">
            <v>入  札</v>
          </cell>
          <cell r="BH511">
            <v>0.97925072046109507</v>
          </cell>
          <cell r="BI511" t="str">
            <v>２月９日に入札を執行したが、２回目の入札時において全者辞退により入札中止。予定価格を再度見直し同じ業者を指名し入札を執行</v>
          </cell>
          <cell r="BK511">
            <v>3476800</v>
          </cell>
          <cell r="BL511" t="str">
            <v xml:space="preserve"> </v>
          </cell>
          <cell r="BM511">
            <v>82740</v>
          </cell>
          <cell r="BN511">
            <v>0.97733548090197886</v>
          </cell>
        </row>
        <row r="512">
          <cell r="A512">
            <v>1252</v>
          </cell>
          <cell r="B512" t="str">
            <v>物品購入</v>
          </cell>
          <cell r="C512" t="str">
            <v>８０００形車両ＶＶＶＦ制御装置用部品</v>
          </cell>
          <cell r="D512">
            <v>39115</v>
          </cell>
          <cell r="E512" t="str">
            <v>特命</v>
          </cell>
          <cell r="G512">
            <v>2733150</v>
          </cell>
          <cell r="I512">
            <v>1</v>
          </cell>
          <cell r="J512" t="str">
            <v>式</v>
          </cell>
          <cell r="K512" t="str">
            <v/>
          </cell>
          <cell r="L512">
            <v>2733150</v>
          </cell>
          <cell r="M512" t="str">
            <v>特命</v>
          </cell>
          <cell r="N512" t="str">
            <v>高・営</v>
          </cell>
          <cell r="P512">
            <v>39150</v>
          </cell>
          <cell r="Q512" t="str">
            <v>壱</v>
          </cell>
          <cell r="R512" t="str">
            <v>無</v>
          </cell>
          <cell r="S512" t="str">
            <v>車両課(大谷地)</v>
          </cell>
          <cell r="T512" t="str">
            <v>山倉　裕司</v>
          </cell>
          <cell r="U512">
            <v>8415</v>
          </cell>
          <cell r="V512" t="str">
            <v>課長</v>
          </cell>
          <cell r="W512" t="str">
            <v>なか１日</v>
          </cell>
          <cell r="X512" t="str">
            <v>特命</v>
          </cell>
          <cell r="Y512">
            <v>39120</v>
          </cell>
          <cell r="Z512">
            <v>39121</v>
          </cell>
          <cell r="AA512">
            <v>1400</v>
          </cell>
          <cell r="AB512" t="str">
            <v>交通局３階総務課（契約担当）</v>
          </cell>
          <cell r="AD512" t="str">
            <v>平成19年2月8日(木)　14時00分</v>
          </cell>
          <cell r="AI512">
            <v>1</v>
          </cell>
          <cell r="AJ512" t="str">
            <v>（株）日立製作所北海道支社</v>
          </cell>
          <cell r="AU512" t="str">
            <v>要</v>
          </cell>
          <cell r="AV512">
            <v>2595000</v>
          </cell>
          <cell r="AW512">
            <v>2724750</v>
          </cell>
          <cell r="AX512">
            <v>3.0733768728390398E-3</v>
          </cell>
          <cell r="AY512" t="str">
            <v>（株）日立製作所北海道支社</v>
          </cell>
          <cell r="AZ512">
            <v>2554500</v>
          </cell>
          <cell r="BA512">
            <v>2682225</v>
          </cell>
          <cell r="BB512">
            <v>127725</v>
          </cell>
          <cell r="BC512" t="str">
            <v>契約書</v>
          </cell>
          <cell r="BE512">
            <v>39122</v>
          </cell>
          <cell r="BF512" t="str">
            <v>しない</v>
          </cell>
          <cell r="BG512" t="str">
            <v>見積</v>
          </cell>
          <cell r="BH512">
            <v>0.98439306358381506</v>
          </cell>
          <cell r="BK512">
            <v>2603000</v>
          </cell>
          <cell r="BL512" t="str">
            <v xml:space="preserve"> </v>
          </cell>
          <cell r="BM512">
            <v>50925</v>
          </cell>
          <cell r="BN512">
            <v>0.98136765270841342</v>
          </cell>
        </row>
        <row r="513">
          <cell r="A513">
            <v>1253</v>
          </cell>
          <cell r="B513" t="str">
            <v>物品購入</v>
          </cell>
          <cell r="C513" t="str">
            <v>カードチェッカ装置等保守部品</v>
          </cell>
          <cell r="D513">
            <v>39115</v>
          </cell>
          <cell r="E513" t="str">
            <v>特命</v>
          </cell>
          <cell r="G513">
            <v>1963500</v>
          </cell>
          <cell r="I513">
            <v>1</v>
          </cell>
          <cell r="J513" t="str">
            <v>式</v>
          </cell>
          <cell r="K513" t="str">
            <v/>
          </cell>
          <cell r="L513">
            <v>1963500</v>
          </cell>
          <cell r="M513" t="str">
            <v>特命</v>
          </cell>
          <cell r="N513" t="str">
            <v>高・営</v>
          </cell>
          <cell r="P513">
            <v>39167</v>
          </cell>
          <cell r="Q513" t="str">
            <v>壱</v>
          </cell>
          <cell r="R513" t="str">
            <v>無</v>
          </cell>
          <cell r="S513" t="str">
            <v>電気課</v>
          </cell>
          <cell r="T513" t="str">
            <v>中田　貴也</v>
          </cell>
          <cell r="U513">
            <v>2664</v>
          </cell>
          <cell r="V513" t="str">
            <v>課長</v>
          </cell>
          <cell r="W513" t="str">
            <v>なか１日</v>
          </cell>
          <cell r="X513" t="str">
            <v>特命</v>
          </cell>
          <cell r="Y513">
            <v>39120</v>
          </cell>
          <cell r="Z513">
            <v>39121</v>
          </cell>
          <cell r="AA513">
            <v>1100</v>
          </cell>
          <cell r="AB513" t="str">
            <v>交通局３階総務課（契約担当）</v>
          </cell>
          <cell r="AD513" t="str">
            <v>平成19年2月8日(木)　11時00分</v>
          </cell>
          <cell r="AI513">
            <v>1</v>
          </cell>
          <cell r="AJ513" t="str">
            <v>（株）東芝北海道支社</v>
          </cell>
          <cell r="AU513" t="str">
            <v>要</v>
          </cell>
          <cell r="AV513">
            <v>1855000</v>
          </cell>
          <cell r="AW513">
            <v>1947750</v>
          </cell>
          <cell r="AX513">
            <v>8.0213903743315829E-3</v>
          </cell>
          <cell r="AY513" t="str">
            <v>（株）東芝北海道支社</v>
          </cell>
          <cell r="AZ513">
            <v>1790000</v>
          </cell>
          <cell r="BA513">
            <v>1879500</v>
          </cell>
          <cell r="BB513">
            <v>89500</v>
          </cell>
          <cell r="BC513" t="str">
            <v>契約書</v>
          </cell>
          <cell r="BE513">
            <v>39122</v>
          </cell>
          <cell r="BF513" t="str">
            <v>しない</v>
          </cell>
          <cell r="BG513" t="str">
            <v>見積</v>
          </cell>
          <cell r="BH513">
            <v>0.96495956873315369</v>
          </cell>
          <cell r="BK513">
            <v>1870000</v>
          </cell>
          <cell r="BL513" t="str">
            <v xml:space="preserve"> </v>
          </cell>
          <cell r="BM513">
            <v>84000</v>
          </cell>
          <cell r="BN513">
            <v>0.95721925133689845</v>
          </cell>
        </row>
        <row r="514">
          <cell r="A514">
            <v>1254</v>
          </cell>
          <cell r="B514" t="str">
            <v>物品購入</v>
          </cell>
          <cell r="C514" t="str">
            <v>パーティション</v>
          </cell>
          <cell r="D514">
            <v>39115</v>
          </cell>
          <cell r="G514">
            <v>248850</v>
          </cell>
          <cell r="I514">
            <v>1</v>
          </cell>
          <cell r="J514" t="str">
            <v>式</v>
          </cell>
          <cell r="K514" t="str">
            <v/>
          </cell>
          <cell r="L514">
            <v>248850</v>
          </cell>
          <cell r="M514" t="str">
            <v>公開</v>
          </cell>
          <cell r="N514" t="str">
            <v>高・営</v>
          </cell>
          <cell r="P514">
            <v>39157</v>
          </cell>
          <cell r="Q514" t="str">
            <v>３ケ月</v>
          </cell>
          <cell r="R514" t="str">
            <v>無</v>
          </cell>
          <cell r="S514" t="str">
            <v>車両課(真駒内)</v>
          </cell>
          <cell r="T514" t="str">
            <v>青葉　宏明</v>
          </cell>
          <cell r="U514">
            <v>8302</v>
          </cell>
          <cell r="V514" t="str">
            <v>課長</v>
          </cell>
          <cell r="W514" t="str">
            <v>なか１日</v>
          </cell>
          <cell r="X514" t="str">
            <v>公開</v>
          </cell>
          <cell r="Y514">
            <v>39121</v>
          </cell>
          <cell r="Z514">
            <v>39121</v>
          </cell>
          <cell r="AB514" t="str">
            <v>交通局３階総務課（契約担当）</v>
          </cell>
          <cell r="AD514" t="e">
            <v>#VALUE!</v>
          </cell>
          <cell r="AI514">
            <v>3</v>
          </cell>
          <cell r="AJ514" t="str">
            <v>（株）イザワ</v>
          </cell>
          <cell r="AK514" t="str">
            <v>北海文具（株）</v>
          </cell>
          <cell r="AL514" t="str">
            <v>（株）渡商</v>
          </cell>
          <cell r="AU514" t="str">
            <v>省略可</v>
          </cell>
          <cell r="AW514">
            <v>248850</v>
          </cell>
          <cell r="AX514">
            <v>1</v>
          </cell>
          <cell r="AY514" t="str">
            <v>北海文具（株）</v>
          </cell>
          <cell r="AZ514">
            <v>209500</v>
          </cell>
          <cell r="BA514">
            <v>219975</v>
          </cell>
          <cell r="BB514">
            <v>10475</v>
          </cell>
          <cell r="BC514" t="str">
            <v>発注書</v>
          </cell>
          <cell r="BE514">
            <v>39122</v>
          </cell>
          <cell r="BF514" t="str">
            <v>しない</v>
          </cell>
          <cell r="BG514" t="str">
            <v>見積(公開)</v>
          </cell>
          <cell r="BH514">
            <v>0.88396624472573837</v>
          </cell>
          <cell r="BK514">
            <v>237000</v>
          </cell>
          <cell r="BL514" t="str">
            <v xml:space="preserve"> </v>
          </cell>
          <cell r="BM514">
            <v>28875</v>
          </cell>
          <cell r="BN514">
            <v>0.88396624472573837</v>
          </cell>
        </row>
        <row r="515">
          <cell r="A515">
            <v>1255</v>
          </cell>
          <cell r="B515" t="str">
            <v>物品購入</v>
          </cell>
          <cell r="C515" t="str">
            <v>空気源装置部品</v>
          </cell>
          <cell r="D515">
            <v>39115</v>
          </cell>
          <cell r="G515">
            <v>439320</v>
          </cell>
          <cell r="I515">
            <v>1</v>
          </cell>
          <cell r="J515" t="str">
            <v>式</v>
          </cell>
          <cell r="K515" t="str">
            <v/>
          </cell>
          <cell r="L515">
            <v>439320</v>
          </cell>
          <cell r="M515" t="str">
            <v>公開</v>
          </cell>
          <cell r="N515" t="str">
            <v>高・営</v>
          </cell>
          <cell r="P515">
            <v>39142</v>
          </cell>
          <cell r="Q515" t="str">
            <v>壱</v>
          </cell>
          <cell r="R515" t="str">
            <v>無</v>
          </cell>
          <cell r="S515" t="str">
            <v>施設課</v>
          </cell>
          <cell r="T515" t="str">
            <v>鍔山　和宏</v>
          </cell>
          <cell r="U515">
            <v>2525</v>
          </cell>
          <cell r="V515" t="str">
            <v>課長</v>
          </cell>
          <cell r="W515" t="str">
            <v>なか１日</v>
          </cell>
          <cell r="X515" t="str">
            <v>公開</v>
          </cell>
          <cell r="Y515">
            <v>39121</v>
          </cell>
          <cell r="Z515">
            <v>39121</v>
          </cell>
          <cell r="AB515" t="str">
            <v>交通局３階総務課（契約担当）</v>
          </cell>
          <cell r="AD515" t="e">
            <v>#VALUE!</v>
          </cell>
          <cell r="AI515">
            <v>3</v>
          </cell>
          <cell r="AJ515" t="str">
            <v>（株）新六商店</v>
          </cell>
          <cell r="AK515" t="str">
            <v>（株）大興商事</v>
          </cell>
          <cell r="AL515" t="str">
            <v>理興産業（株）</v>
          </cell>
          <cell r="AU515" t="str">
            <v>省略可</v>
          </cell>
          <cell r="AW515">
            <v>439320</v>
          </cell>
          <cell r="AX515">
            <v>1</v>
          </cell>
          <cell r="AY515" t="str">
            <v>理興産業（株）</v>
          </cell>
          <cell r="AZ515">
            <v>345400</v>
          </cell>
          <cell r="BA515">
            <v>362670</v>
          </cell>
          <cell r="BB515">
            <v>17270</v>
          </cell>
          <cell r="BC515" t="str">
            <v>発注書</v>
          </cell>
          <cell r="BE515">
            <v>39122</v>
          </cell>
          <cell r="BF515" t="str">
            <v>しない</v>
          </cell>
          <cell r="BG515" t="str">
            <v>見積(公開)</v>
          </cell>
          <cell r="BH515">
            <v>0.82552581261950286</v>
          </cell>
          <cell r="BK515">
            <v>418400</v>
          </cell>
          <cell r="BL515" t="str">
            <v xml:space="preserve"> </v>
          </cell>
          <cell r="BM515">
            <v>76650</v>
          </cell>
          <cell r="BN515">
            <v>0.82552581261950286</v>
          </cell>
        </row>
        <row r="516">
          <cell r="A516">
            <v>1256</v>
          </cell>
          <cell r="B516" t="str">
            <v>物品購入</v>
          </cell>
          <cell r="C516" t="str">
            <v>澄川受電所・宮の沢・月寒変電所自家発電装置保守部品</v>
          </cell>
          <cell r="D516">
            <v>39118</v>
          </cell>
          <cell r="E516" t="str">
            <v>特命</v>
          </cell>
          <cell r="G516">
            <v>1393350</v>
          </cell>
          <cell r="I516">
            <v>1</v>
          </cell>
          <cell r="J516" t="str">
            <v>式</v>
          </cell>
          <cell r="K516" t="str">
            <v/>
          </cell>
          <cell r="L516">
            <v>1393350</v>
          </cell>
          <cell r="M516" t="str">
            <v>特命</v>
          </cell>
          <cell r="N516" t="str">
            <v>高・営</v>
          </cell>
          <cell r="P516">
            <v>39161</v>
          </cell>
          <cell r="Q516" t="str">
            <v>壱</v>
          </cell>
          <cell r="R516" t="str">
            <v>無</v>
          </cell>
          <cell r="S516" t="str">
            <v>電気課</v>
          </cell>
          <cell r="T516" t="str">
            <v>田中　敏雄</v>
          </cell>
          <cell r="U516">
            <v>2826</v>
          </cell>
          <cell r="V516" t="str">
            <v>課長</v>
          </cell>
          <cell r="W516" t="str">
            <v>なか１日</v>
          </cell>
          <cell r="X516" t="str">
            <v>特命</v>
          </cell>
          <cell r="Y516">
            <v>39121</v>
          </cell>
          <cell r="Z516">
            <v>39121</v>
          </cell>
          <cell r="AA516">
            <v>1500</v>
          </cell>
          <cell r="AB516" t="str">
            <v>交通局３階総務課（契約担当）</v>
          </cell>
          <cell r="AD516" t="str">
            <v>平成19年2月8日(木)　15時00分</v>
          </cell>
          <cell r="AI516">
            <v>1</v>
          </cell>
          <cell r="AJ516" t="str">
            <v>（株）明電舎北海道支店</v>
          </cell>
          <cell r="AU516" t="str">
            <v>省略可</v>
          </cell>
          <cell r="AW516">
            <v>1393350</v>
          </cell>
          <cell r="AX516">
            <v>1</v>
          </cell>
          <cell r="AY516" t="str">
            <v>（株）明電舎北海道支店</v>
          </cell>
          <cell r="AZ516">
            <v>1300000</v>
          </cell>
          <cell r="BA516">
            <v>1365000</v>
          </cell>
          <cell r="BB516">
            <v>65000</v>
          </cell>
          <cell r="BC516" t="str">
            <v>請書</v>
          </cell>
          <cell r="BE516">
            <v>39126</v>
          </cell>
          <cell r="BF516" t="str">
            <v>しない</v>
          </cell>
          <cell r="BG516" t="str">
            <v>見積</v>
          </cell>
          <cell r="BH516">
            <v>0.97965335342878679</v>
          </cell>
          <cell r="BK516">
            <v>1327000</v>
          </cell>
          <cell r="BL516" t="str">
            <v xml:space="preserve"> </v>
          </cell>
          <cell r="BM516">
            <v>28350</v>
          </cell>
          <cell r="BN516">
            <v>0.97965335342878679</v>
          </cell>
        </row>
        <row r="517">
          <cell r="A517">
            <v>7187</v>
          </cell>
          <cell r="B517" t="str">
            <v>業務委託</v>
          </cell>
          <cell r="C517" t="str">
            <v>札幌市地下鉄事業「乗ろう！地下鉄みんなの財産」の製本企画印刷業務</v>
          </cell>
          <cell r="D517">
            <v>39119</v>
          </cell>
          <cell r="G517">
            <v>917700</v>
          </cell>
          <cell r="I517">
            <v>1</v>
          </cell>
          <cell r="J517" t="str">
            <v>式</v>
          </cell>
          <cell r="K517" t="str">
            <v/>
          </cell>
          <cell r="L517">
            <v>917700</v>
          </cell>
          <cell r="M517" t="str">
            <v>見積</v>
          </cell>
          <cell r="N517" t="str">
            <v>高・営</v>
          </cell>
          <cell r="O517">
            <v>39127</v>
          </cell>
          <cell r="P517">
            <v>39143</v>
          </cell>
          <cell r="Q517" t="str">
            <v>壱</v>
          </cell>
          <cell r="R517" t="str">
            <v>無</v>
          </cell>
          <cell r="S517" t="str">
            <v>経営企画課</v>
          </cell>
          <cell r="T517" t="str">
            <v>阿部　裕一郎</v>
          </cell>
          <cell r="U517">
            <v>2294</v>
          </cell>
          <cell r="V517" t="str">
            <v>部長</v>
          </cell>
          <cell r="W517" t="str">
            <v>なか１日</v>
          </cell>
          <cell r="X517" t="str">
            <v>見積</v>
          </cell>
          <cell r="Y517">
            <v>39126</v>
          </cell>
          <cell r="Z517">
            <v>39122</v>
          </cell>
          <cell r="AA517">
            <v>1120</v>
          </cell>
          <cell r="AB517" t="str">
            <v>交通局５階入札室</v>
          </cell>
          <cell r="AD517" t="str">
            <v>平成19年2月9日(金)　11時20分</v>
          </cell>
          <cell r="AI517">
            <v>3</v>
          </cell>
          <cell r="AJ517" t="str">
            <v>（株）アイワード</v>
          </cell>
          <cell r="AK517" t="str">
            <v>（株）須田製版</v>
          </cell>
          <cell r="AL517" t="str">
            <v>総合商研（株）</v>
          </cell>
          <cell r="AU517" t="str">
            <v>省略可</v>
          </cell>
          <cell r="AW517">
            <v>917700</v>
          </cell>
          <cell r="AX517">
            <v>1</v>
          </cell>
          <cell r="AY517" t="str">
            <v>総合商研（株）</v>
          </cell>
          <cell r="AZ517">
            <v>240000</v>
          </cell>
          <cell r="BA517">
            <v>252000</v>
          </cell>
          <cell r="BB517">
            <v>12000</v>
          </cell>
          <cell r="BC517" t="str">
            <v>請書</v>
          </cell>
          <cell r="BE517">
            <v>39126</v>
          </cell>
          <cell r="BF517" t="str">
            <v>しない</v>
          </cell>
          <cell r="BG517" t="str">
            <v>見積</v>
          </cell>
          <cell r="BH517">
            <v>0.27459954233409611</v>
          </cell>
          <cell r="BK517">
            <v>874000</v>
          </cell>
          <cell r="BL517" t="str">
            <v xml:space="preserve"> </v>
          </cell>
          <cell r="BM517">
            <v>665700</v>
          </cell>
          <cell r="BN517">
            <v>0.27459954233409611</v>
          </cell>
        </row>
        <row r="518">
          <cell r="A518">
            <v>7188</v>
          </cell>
          <cell r="B518" t="str">
            <v>業務委託</v>
          </cell>
          <cell r="C518" t="str">
            <v>喫煙室造作業務（本局庁舎４階、５階、教習所２階）</v>
          </cell>
          <cell r="D518">
            <v>39119</v>
          </cell>
          <cell r="G518">
            <v>1650810</v>
          </cell>
          <cell r="I518">
            <v>1</v>
          </cell>
          <cell r="J518" t="str">
            <v>式</v>
          </cell>
          <cell r="K518" t="str">
            <v/>
          </cell>
          <cell r="L518">
            <v>1650810</v>
          </cell>
          <cell r="M518" t="str">
            <v>入札</v>
          </cell>
          <cell r="N518" t="str">
            <v>高・営</v>
          </cell>
          <cell r="O518">
            <v>39128</v>
          </cell>
          <cell r="P518">
            <v>39166</v>
          </cell>
          <cell r="Q518" t="str">
            <v>壱</v>
          </cell>
          <cell r="R518" t="str">
            <v>無</v>
          </cell>
          <cell r="S518" t="str">
            <v>総務課</v>
          </cell>
          <cell r="T518" t="str">
            <v>柴垣　孝治</v>
          </cell>
          <cell r="U518">
            <v>2255</v>
          </cell>
          <cell r="V518" t="str">
            <v>部長</v>
          </cell>
          <cell r="W518" t="str">
            <v>なか１日</v>
          </cell>
          <cell r="X518" t="str">
            <v>入札</v>
          </cell>
          <cell r="Y518">
            <v>39126</v>
          </cell>
          <cell r="Z518">
            <v>39127</v>
          </cell>
          <cell r="AA518">
            <v>1100</v>
          </cell>
          <cell r="AB518" t="str">
            <v>交通局５階入札室</v>
          </cell>
          <cell r="AD518" t="str">
            <v>平成19年2月14日(水)　11時00分</v>
          </cell>
          <cell r="AE518" t="str">
            <v>サービス業</v>
          </cell>
          <cell r="AF518" t="str">
            <v>その他サービス業</v>
          </cell>
          <cell r="AG518" t="str">
            <v>他に分類されないサービス業</v>
          </cell>
          <cell r="AH518" t="str">
            <v>-</v>
          </cell>
          <cell r="AI518">
            <v>3</v>
          </cell>
          <cell r="AJ518" t="str">
            <v>奥井商事（株）</v>
          </cell>
          <cell r="AK518" t="str">
            <v>臣建設（株）</v>
          </cell>
          <cell r="AL518" t="str">
            <v>北海文具（株）</v>
          </cell>
          <cell r="AM518" t="str">
            <v>雅建装（株）</v>
          </cell>
          <cell r="AU518" t="str">
            <v>要</v>
          </cell>
          <cell r="AV518">
            <v>1550000</v>
          </cell>
          <cell r="AW518">
            <v>1627500</v>
          </cell>
          <cell r="AX518">
            <v>1.4120340923546637E-2</v>
          </cell>
          <cell r="AY518" t="str">
            <v>北海文具（株）</v>
          </cell>
          <cell r="AZ518">
            <v>1077000</v>
          </cell>
          <cell r="BA518">
            <v>1130850</v>
          </cell>
          <cell r="BB518">
            <v>53850</v>
          </cell>
          <cell r="BC518" t="str">
            <v>契約書</v>
          </cell>
          <cell r="BE518">
            <v>39127</v>
          </cell>
          <cell r="BF518" t="str">
            <v>しない</v>
          </cell>
          <cell r="BG518" t="str">
            <v>入  札</v>
          </cell>
          <cell r="BH518">
            <v>0.69483870967741934</v>
          </cell>
          <cell r="BK518">
            <v>1572200</v>
          </cell>
          <cell r="BL518" t="str">
            <v xml:space="preserve"> </v>
          </cell>
          <cell r="BM518">
            <v>519960</v>
          </cell>
          <cell r="BN518">
            <v>0.68502735020989691</v>
          </cell>
        </row>
        <row r="519">
          <cell r="A519">
            <v>1257</v>
          </cell>
          <cell r="B519" t="str">
            <v>物品購入</v>
          </cell>
          <cell r="C519" t="str">
            <v>交流リアクトル</v>
          </cell>
          <cell r="D519">
            <v>39119</v>
          </cell>
          <cell r="E519" t="str">
            <v>特命</v>
          </cell>
          <cell r="G519">
            <v>1285200</v>
          </cell>
          <cell r="I519">
            <v>1</v>
          </cell>
          <cell r="J519" t="str">
            <v>式</v>
          </cell>
          <cell r="K519" t="str">
            <v/>
          </cell>
          <cell r="L519">
            <v>1285200</v>
          </cell>
          <cell r="M519" t="str">
            <v>特命</v>
          </cell>
          <cell r="N519" t="str">
            <v>高・営</v>
          </cell>
          <cell r="P519">
            <v>39169</v>
          </cell>
          <cell r="Q519" t="str">
            <v>壱</v>
          </cell>
          <cell r="R519" t="str">
            <v>無</v>
          </cell>
          <cell r="S519" t="str">
            <v>車両課(真駒内)</v>
          </cell>
          <cell r="T519" t="str">
            <v>小関　克美</v>
          </cell>
          <cell r="U519">
            <v>8304</v>
          </cell>
          <cell r="V519" t="str">
            <v>課長</v>
          </cell>
          <cell r="W519" t="str">
            <v>なか１日</v>
          </cell>
          <cell r="X519" t="str">
            <v>特命</v>
          </cell>
          <cell r="Y519">
            <v>39122</v>
          </cell>
          <cell r="Z519">
            <v>39128</v>
          </cell>
          <cell r="AA519">
            <v>1445</v>
          </cell>
          <cell r="AB519" t="str">
            <v>交通局３階総務課（契約担当）</v>
          </cell>
          <cell r="AD519" t="str">
            <v>平成19年2月15日(木)　14時45分</v>
          </cell>
          <cell r="AI519">
            <v>1</v>
          </cell>
          <cell r="AJ519" t="str">
            <v>（株）日立製作所北海道支社</v>
          </cell>
          <cell r="AU519" t="str">
            <v>省略可</v>
          </cell>
          <cell r="AW519">
            <v>1285200</v>
          </cell>
          <cell r="AX519">
            <v>1</v>
          </cell>
          <cell r="AY519" t="str">
            <v>（株）日立製作所北海道支社</v>
          </cell>
          <cell r="AZ519">
            <v>1224000</v>
          </cell>
          <cell r="BA519">
            <v>1285200</v>
          </cell>
          <cell r="BB519">
            <v>61200</v>
          </cell>
          <cell r="BC519" t="str">
            <v>請書</v>
          </cell>
          <cell r="BE519">
            <v>39129</v>
          </cell>
          <cell r="BF519" t="str">
            <v>しない</v>
          </cell>
          <cell r="BG519" t="str">
            <v>見積</v>
          </cell>
          <cell r="BH519">
            <v>1</v>
          </cell>
          <cell r="BK519">
            <v>1224000</v>
          </cell>
          <cell r="BL519" t="str">
            <v xml:space="preserve"> </v>
          </cell>
          <cell r="BM519">
            <v>0</v>
          </cell>
          <cell r="BN519">
            <v>1</v>
          </cell>
        </row>
        <row r="520">
          <cell r="A520">
            <v>1258</v>
          </cell>
          <cell r="B520" t="str">
            <v>物品購入</v>
          </cell>
          <cell r="C520" t="str">
            <v>シールドビーム</v>
          </cell>
          <cell r="D520">
            <v>39119</v>
          </cell>
          <cell r="G520">
            <v>378000</v>
          </cell>
          <cell r="I520">
            <v>1</v>
          </cell>
          <cell r="J520" t="str">
            <v>式</v>
          </cell>
          <cell r="K520" t="str">
            <v/>
          </cell>
          <cell r="L520">
            <v>378000</v>
          </cell>
          <cell r="M520" t="str">
            <v>公開</v>
          </cell>
          <cell r="N520" t="str">
            <v>高・営</v>
          </cell>
          <cell r="P520">
            <v>39150</v>
          </cell>
          <cell r="Q520" t="str">
            <v>壱</v>
          </cell>
          <cell r="R520" t="str">
            <v>無</v>
          </cell>
          <cell r="S520" t="str">
            <v>車両課(二十四軒)</v>
          </cell>
          <cell r="T520" t="str">
            <v>川村　幸一</v>
          </cell>
          <cell r="U520">
            <v>8204</v>
          </cell>
          <cell r="V520" t="str">
            <v>課長</v>
          </cell>
          <cell r="W520" t="str">
            <v>なか１日</v>
          </cell>
          <cell r="X520" t="str">
            <v>公開</v>
          </cell>
          <cell r="Y520">
            <v>39128</v>
          </cell>
          <cell r="Z520">
            <v>39128</v>
          </cell>
          <cell r="AB520" t="str">
            <v>交通局３階総務課（契約担当）</v>
          </cell>
          <cell r="AD520" t="e">
            <v>#VALUE!</v>
          </cell>
          <cell r="AI520">
            <v>3</v>
          </cell>
          <cell r="AJ520" t="str">
            <v>福田実業（株）</v>
          </cell>
          <cell r="AU520" t="str">
            <v>省略可</v>
          </cell>
          <cell r="AW520">
            <v>378000</v>
          </cell>
          <cell r="AX520">
            <v>1</v>
          </cell>
          <cell r="AY520" t="str">
            <v>福田実業（株）</v>
          </cell>
          <cell r="AZ520">
            <v>360000</v>
          </cell>
          <cell r="BA520">
            <v>378000</v>
          </cell>
          <cell r="BB520">
            <v>18000</v>
          </cell>
          <cell r="BC520" t="str">
            <v>発注書</v>
          </cell>
          <cell r="BE520">
            <v>39129</v>
          </cell>
          <cell r="BF520" t="str">
            <v>しない</v>
          </cell>
          <cell r="BG520" t="str">
            <v>見積(公開)</v>
          </cell>
          <cell r="BH520">
            <v>1</v>
          </cell>
          <cell r="BK520">
            <v>360000</v>
          </cell>
          <cell r="BL520" t="str">
            <v xml:space="preserve"> </v>
          </cell>
          <cell r="BM520">
            <v>0</v>
          </cell>
          <cell r="BN520">
            <v>1</v>
          </cell>
        </row>
        <row r="521">
          <cell r="A521">
            <v>7189</v>
          </cell>
          <cell r="B521" t="str">
            <v>業務委託</v>
          </cell>
          <cell r="C521" t="str">
            <v>運転教習装置保守点検</v>
          </cell>
          <cell r="D521">
            <v>39120</v>
          </cell>
          <cell r="E521" t="str">
            <v>特命</v>
          </cell>
          <cell r="G521">
            <v>621600</v>
          </cell>
          <cell r="I521">
            <v>1</v>
          </cell>
          <cell r="J521" t="str">
            <v>式</v>
          </cell>
          <cell r="K521" t="str">
            <v/>
          </cell>
          <cell r="L521">
            <v>621600</v>
          </cell>
          <cell r="M521" t="str">
            <v>特命</v>
          </cell>
          <cell r="N521" t="str">
            <v>高・営</v>
          </cell>
          <cell r="O521">
            <v>39132</v>
          </cell>
          <cell r="P521">
            <v>39147</v>
          </cell>
          <cell r="Q521" t="str">
            <v>壱</v>
          </cell>
          <cell r="R521" t="str">
            <v>無</v>
          </cell>
          <cell r="S521" t="str">
            <v>教習所</v>
          </cell>
          <cell r="T521" t="str">
            <v>板垣　一夫</v>
          </cell>
          <cell r="U521">
            <v>2914</v>
          </cell>
          <cell r="V521" t="str">
            <v>部長</v>
          </cell>
          <cell r="W521" t="str">
            <v>なか１日</v>
          </cell>
          <cell r="X521" t="str">
            <v>特命</v>
          </cell>
          <cell r="Y521">
            <v>39127</v>
          </cell>
          <cell r="Z521">
            <v>39128</v>
          </cell>
          <cell r="AA521">
            <v>1400</v>
          </cell>
          <cell r="AB521" t="str">
            <v>交通局３階総務課（契約担当）</v>
          </cell>
          <cell r="AD521" t="str">
            <v>平成19年2月15日(木)　14時00分</v>
          </cell>
          <cell r="AI521">
            <v>1</v>
          </cell>
          <cell r="AJ521" t="str">
            <v>札幌川重車両エンジニアリング（株）</v>
          </cell>
          <cell r="AU521" t="str">
            <v>省略可</v>
          </cell>
          <cell r="AW521">
            <v>621600</v>
          </cell>
          <cell r="AX521">
            <v>1</v>
          </cell>
          <cell r="AY521" t="str">
            <v>札幌川重車両エンジニアリング（株）</v>
          </cell>
          <cell r="AZ521">
            <v>590000</v>
          </cell>
          <cell r="BA521">
            <v>619500</v>
          </cell>
          <cell r="BB521">
            <v>29500</v>
          </cell>
          <cell r="BC521" t="str">
            <v>契約書</v>
          </cell>
          <cell r="BE521">
            <v>39129</v>
          </cell>
          <cell r="BF521" t="str">
            <v>しない</v>
          </cell>
          <cell r="BG521" t="str">
            <v>見積</v>
          </cell>
          <cell r="BH521">
            <v>0.9966216216216216</v>
          </cell>
          <cell r="BK521">
            <v>592000</v>
          </cell>
          <cell r="BL521" t="str">
            <v xml:space="preserve"> </v>
          </cell>
          <cell r="BM521">
            <v>2100</v>
          </cell>
          <cell r="BN521">
            <v>0.9966216216216216</v>
          </cell>
        </row>
        <row r="522">
          <cell r="A522">
            <v>7190</v>
          </cell>
          <cell r="B522" t="str">
            <v>業務委託</v>
          </cell>
          <cell r="C522" t="str">
            <v>７０００形速度発電機軸受交換整備</v>
          </cell>
          <cell r="D522">
            <v>39120</v>
          </cell>
          <cell r="E522" t="str">
            <v>特命</v>
          </cell>
          <cell r="G522">
            <v>897750</v>
          </cell>
          <cell r="I522">
            <v>1</v>
          </cell>
          <cell r="J522" t="str">
            <v>式</v>
          </cell>
          <cell r="K522" t="str">
            <v/>
          </cell>
          <cell r="L522">
            <v>897750</v>
          </cell>
          <cell r="M522" t="str">
            <v>特命</v>
          </cell>
          <cell r="N522" t="str">
            <v>高・営</v>
          </cell>
          <cell r="O522">
            <v>39132</v>
          </cell>
          <cell r="P522">
            <v>39171</v>
          </cell>
          <cell r="Q522" t="str">
            <v>壱</v>
          </cell>
          <cell r="R522" t="str">
            <v>無</v>
          </cell>
          <cell r="S522" t="str">
            <v>車両課(二十四軒)</v>
          </cell>
          <cell r="T522" t="str">
            <v>佐藤　修</v>
          </cell>
          <cell r="U522">
            <v>8205</v>
          </cell>
          <cell r="V522" t="str">
            <v>部長</v>
          </cell>
          <cell r="W522" t="str">
            <v>なか１日</v>
          </cell>
          <cell r="X522" t="str">
            <v>特命</v>
          </cell>
          <cell r="Y522">
            <v>39127</v>
          </cell>
          <cell r="Z522">
            <v>39128</v>
          </cell>
          <cell r="AA522">
            <v>1430</v>
          </cell>
          <cell r="AB522" t="str">
            <v>交通局３階総務課（契約担当）</v>
          </cell>
          <cell r="AD522" t="str">
            <v>平成19年2月15日(木)　14時30分</v>
          </cell>
          <cell r="AI522">
            <v>1</v>
          </cell>
          <cell r="AJ522" t="str">
            <v>（株）日立製作所北海道支社</v>
          </cell>
          <cell r="AU522" t="str">
            <v>省略可</v>
          </cell>
          <cell r="AW522">
            <v>897750</v>
          </cell>
          <cell r="AX522">
            <v>1</v>
          </cell>
          <cell r="AY522" t="str">
            <v>（株）日立製作所北海道支社</v>
          </cell>
          <cell r="AZ522">
            <v>855000</v>
          </cell>
          <cell r="BA522">
            <v>897750</v>
          </cell>
          <cell r="BB522">
            <v>42750</v>
          </cell>
          <cell r="BC522" t="str">
            <v>契約書</v>
          </cell>
          <cell r="BE522">
            <v>39129</v>
          </cell>
          <cell r="BF522" t="str">
            <v>しない</v>
          </cell>
          <cell r="BG522" t="str">
            <v>見積</v>
          </cell>
          <cell r="BH522">
            <v>1</v>
          </cell>
          <cell r="BK522">
            <v>855000</v>
          </cell>
          <cell r="BL522" t="str">
            <v xml:space="preserve"> </v>
          </cell>
          <cell r="BM522">
            <v>0</v>
          </cell>
          <cell r="BN522">
            <v>1</v>
          </cell>
        </row>
        <row r="523">
          <cell r="A523">
            <v>1259</v>
          </cell>
          <cell r="B523" t="str">
            <v>物品購入</v>
          </cell>
          <cell r="C523" t="str">
            <v>空気調和機用中性能エアフィルター</v>
          </cell>
          <cell r="D523">
            <v>39120</v>
          </cell>
          <cell r="G523">
            <v>195300</v>
          </cell>
          <cell r="I523">
            <v>1</v>
          </cell>
          <cell r="J523" t="str">
            <v>式</v>
          </cell>
          <cell r="K523" t="str">
            <v/>
          </cell>
          <cell r="L523">
            <v>195300</v>
          </cell>
          <cell r="M523" t="str">
            <v>公開</v>
          </cell>
          <cell r="N523" t="str">
            <v>高・営</v>
          </cell>
          <cell r="P523">
            <v>39146</v>
          </cell>
          <cell r="Q523" t="str">
            <v>壱</v>
          </cell>
          <cell r="R523" t="str">
            <v>無</v>
          </cell>
          <cell r="S523" t="str">
            <v>駅務課</v>
          </cell>
          <cell r="T523" t="str">
            <v>加登　秀雄</v>
          </cell>
          <cell r="U523">
            <v>5730</v>
          </cell>
          <cell r="V523" t="str">
            <v>課長</v>
          </cell>
          <cell r="W523" t="str">
            <v>なか１日</v>
          </cell>
          <cell r="X523" t="str">
            <v>公開</v>
          </cell>
          <cell r="Y523">
            <v>39128</v>
          </cell>
          <cell r="Z523">
            <v>39128</v>
          </cell>
          <cell r="AB523" t="str">
            <v>交通局３階総務課（契約担当）</v>
          </cell>
          <cell r="AD523" t="e">
            <v>#VALUE!</v>
          </cell>
          <cell r="AI523">
            <v>3</v>
          </cell>
          <cell r="AJ523" t="str">
            <v>（株）第一エンヂニアリング</v>
          </cell>
          <cell r="AU523" t="str">
            <v>省略可</v>
          </cell>
          <cell r="AW523">
            <v>195300</v>
          </cell>
          <cell r="AX523">
            <v>1</v>
          </cell>
          <cell r="AY523" t="str">
            <v>（株）第一エンヂニアリング</v>
          </cell>
          <cell r="AZ523">
            <v>150000</v>
          </cell>
          <cell r="BA523">
            <v>157500</v>
          </cell>
          <cell r="BB523">
            <v>7500</v>
          </cell>
          <cell r="BC523" t="str">
            <v>発注書</v>
          </cell>
          <cell r="BE523">
            <v>39129</v>
          </cell>
          <cell r="BF523" t="str">
            <v>しない</v>
          </cell>
          <cell r="BG523" t="str">
            <v>見積(公開)</v>
          </cell>
          <cell r="BH523">
            <v>0.80645161290322576</v>
          </cell>
          <cell r="BK523">
            <v>186000</v>
          </cell>
          <cell r="BL523" t="str">
            <v xml:space="preserve"> </v>
          </cell>
          <cell r="BM523">
            <v>37800</v>
          </cell>
          <cell r="BN523">
            <v>0.80645161290322576</v>
          </cell>
        </row>
        <row r="524">
          <cell r="A524">
            <v>7191</v>
          </cell>
          <cell r="B524" t="str">
            <v>業務委託</v>
          </cell>
          <cell r="C524" t="str">
            <v>交通局本庁舎出入口案内警備業務</v>
          </cell>
          <cell r="D524">
            <v>39120</v>
          </cell>
          <cell r="G524">
            <v>298200</v>
          </cell>
          <cell r="I524">
            <v>1</v>
          </cell>
          <cell r="J524" t="str">
            <v>式</v>
          </cell>
          <cell r="K524" t="str">
            <v/>
          </cell>
          <cell r="L524">
            <v>298200</v>
          </cell>
          <cell r="M524" t="str">
            <v>見積</v>
          </cell>
          <cell r="N524" t="str">
            <v>高・営</v>
          </cell>
          <cell r="O524">
            <v>39129</v>
          </cell>
          <cell r="P524">
            <v>39143</v>
          </cell>
          <cell r="Q524" t="str">
            <v>壱</v>
          </cell>
          <cell r="R524" t="str">
            <v>無</v>
          </cell>
          <cell r="S524" t="str">
            <v>総務課</v>
          </cell>
          <cell r="T524" t="str">
            <v>木下　健二</v>
          </cell>
          <cell r="U524">
            <v>2213</v>
          </cell>
          <cell r="V524" t="str">
            <v>課長</v>
          </cell>
          <cell r="W524" t="str">
            <v>なか１日</v>
          </cell>
          <cell r="X524" t="str">
            <v>見積</v>
          </cell>
          <cell r="Y524">
            <v>39126</v>
          </cell>
          <cell r="Z524">
            <v>39127</v>
          </cell>
          <cell r="AA524">
            <v>1110</v>
          </cell>
          <cell r="AB524" t="str">
            <v>交通局５階入札室</v>
          </cell>
          <cell r="AD524" t="str">
            <v>平成19年2月14日(水)　11時10分</v>
          </cell>
          <cell r="AI524">
            <v>3</v>
          </cell>
          <cell r="AJ524" t="str">
            <v>札幌パブリック警備保障（株）</v>
          </cell>
          <cell r="AK524" t="str">
            <v>セーフティガード警備（株）</v>
          </cell>
          <cell r="AL524" t="str">
            <v>北陽警備保障（株）</v>
          </cell>
          <cell r="AU524" t="str">
            <v>省略可</v>
          </cell>
          <cell r="AW524">
            <v>298200</v>
          </cell>
          <cell r="AX524">
            <v>1</v>
          </cell>
          <cell r="AY524" t="str">
            <v>北陽警備保障（株）</v>
          </cell>
          <cell r="AZ524">
            <v>231000</v>
          </cell>
          <cell r="BA524">
            <v>242550</v>
          </cell>
          <cell r="BB524">
            <v>11550</v>
          </cell>
          <cell r="BC524" t="str">
            <v>請書</v>
          </cell>
          <cell r="BE524">
            <v>39128</v>
          </cell>
          <cell r="BF524" t="str">
            <v>しない</v>
          </cell>
          <cell r="BG524" t="str">
            <v>見積</v>
          </cell>
          <cell r="BH524">
            <v>0.81338028169014087</v>
          </cell>
          <cell r="BK524">
            <v>284000</v>
          </cell>
          <cell r="BL524" t="str">
            <v xml:space="preserve"> </v>
          </cell>
          <cell r="BM524">
            <v>55650</v>
          </cell>
          <cell r="BN524">
            <v>0.81338028169014087</v>
          </cell>
        </row>
        <row r="525">
          <cell r="A525">
            <v>7192</v>
          </cell>
          <cell r="B525" t="str">
            <v>業務委託</v>
          </cell>
          <cell r="C525" t="str">
            <v>円山公園バスターミナル連絡通路監視装置改良</v>
          </cell>
          <cell r="D525">
            <v>39120</v>
          </cell>
          <cell r="E525" t="str">
            <v>特命</v>
          </cell>
          <cell r="G525">
            <v>2694300</v>
          </cell>
          <cell r="I525">
            <v>1</v>
          </cell>
          <cell r="J525" t="str">
            <v>式</v>
          </cell>
          <cell r="K525" t="str">
            <v/>
          </cell>
          <cell r="L525">
            <v>2694300</v>
          </cell>
          <cell r="M525" t="str">
            <v>特命</v>
          </cell>
          <cell r="N525" t="str">
            <v>高・建改</v>
          </cell>
          <cell r="O525">
            <v>39134</v>
          </cell>
          <cell r="P525">
            <v>39169</v>
          </cell>
          <cell r="Q525" t="str">
            <v>壱</v>
          </cell>
          <cell r="R525" t="str">
            <v>無</v>
          </cell>
          <cell r="S525" t="str">
            <v>電気課</v>
          </cell>
          <cell r="T525" t="str">
            <v>桜庭　常夫</v>
          </cell>
          <cell r="U525">
            <v>2643</v>
          </cell>
          <cell r="V525" t="str">
            <v>管理者</v>
          </cell>
          <cell r="W525" t="str">
            <v>なか１日</v>
          </cell>
          <cell r="X525" t="str">
            <v>特命</v>
          </cell>
          <cell r="Y525">
            <v>39128</v>
          </cell>
          <cell r="Z525">
            <v>39129</v>
          </cell>
          <cell r="AA525">
            <v>1400</v>
          </cell>
          <cell r="AB525" t="str">
            <v>交通局３階総務課（契約担当）</v>
          </cell>
          <cell r="AD525" t="str">
            <v>平成19年2月16日(金)　14時00分</v>
          </cell>
          <cell r="AI525">
            <v>1</v>
          </cell>
          <cell r="AJ525" t="str">
            <v>パナソニックＳＳエンジニアリング（株）北海道ＰＳＳＥ社</v>
          </cell>
          <cell r="AU525" t="str">
            <v>要</v>
          </cell>
          <cell r="AV525">
            <v>2540000</v>
          </cell>
          <cell r="AW525">
            <v>2667000</v>
          </cell>
          <cell r="AX525">
            <v>1.0132501948558081E-2</v>
          </cell>
          <cell r="AY525" t="str">
            <v>パナソニックＳＳエンジニアリング（株）北海道ＰＳＳＥ社</v>
          </cell>
          <cell r="AZ525">
            <v>2500000</v>
          </cell>
          <cell r="BA525">
            <v>2625000</v>
          </cell>
          <cell r="BB525">
            <v>125000</v>
          </cell>
          <cell r="BC525" t="str">
            <v>契約書</v>
          </cell>
          <cell r="BE525">
            <v>39132</v>
          </cell>
          <cell r="BF525" t="str">
            <v>する</v>
          </cell>
          <cell r="BG525" t="str">
            <v>見積</v>
          </cell>
          <cell r="BH525">
            <v>0.98425196850393704</v>
          </cell>
          <cell r="BK525">
            <v>2566000</v>
          </cell>
          <cell r="BL525" t="str">
            <v xml:space="preserve"> </v>
          </cell>
          <cell r="BM525">
            <v>69300</v>
          </cell>
          <cell r="BN525">
            <v>0.97427903351519873</v>
          </cell>
        </row>
        <row r="526">
          <cell r="A526">
            <v>1260</v>
          </cell>
          <cell r="B526" t="str">
            <v>物品購入</v>
          </cell>
          <cell r="C526" t="str">
            <v>漏水受</v>
          </cell>
          <cell r="D526">
            <v>39121</v>
          </cell>
          <cell r="G526">
            <v>768600</v>
          </cell>
          <cell r="I526">
            <v>1</v>
          </cell>
          <cell r="J526" t="str">
            <v>式</v>
          </cell>
          <cell r="K526" t="str">
            <v/>
          </cell>
          <cell r="L526">
            <v>768600</v>
          </cell>
          <cell r="M526" t="str">
            <v>公開</v>
          </cell>
          <cell r="N526" t="str">
            <v>高・営</v>
          </cell>
          <cell r="P526">
            <v>39157</v>
          </cell>
          <cell r="Q526" t="str">
            <v>壱</v>
          </cell>
          <cell r="R526" t="str">
            <v>無</v>
          </cell>
          <cell r="S526" t="str">
            <v>施設課</v>
          </cell>
          <cell r="T526" t="str">
            <v>岡島　昌仁</v>
          </cell>
          <cell r="U526">
            <v>2522</v>
          </cell>
          <cell r="V526" t="str">
            <v>課長</v>
          </cell>
          <cell r="W526" t="str">
            <v>なか１日</v>
          </cell>
          <cell r="X526" t="str">
            <v>公開</v>
          </cell>
          <cell r="Y526">
            <v>39128</v>
          </cell>
          <cell r="Z526">
            <v>39128</v>
          </cell>
          <cell r="AB526" t="str">
            <v>交通局３階総務課（契約担当）</v>
          </cell>
          <cell r="AD526" t="e">
            <v>#VALUE!</v>
          </cell>
          <cell r="AI526">
            <v>3</v>
          </cell>
          <cell r="AJ526" t="str">
            <v>（株）岩田クララ商店</v>
          </cell>
          <cell r="AU526" t="str">
            <v>省略可</v>
          </cell>
          <cell r="AW526">
            <v>768600</v>
          </cell>
          <cell r="AX526">
            <v>1</v>
          </cell>
          <cell r="AY526" t="str">
            <v>（株）岩田クララ商店</v>
          </cell>
          <cell r="AZ526">
            <v>703800</v>
          </cell>
          <cell r="BA526">
            <v>738990</v>
          </cell>
          <cell r="BB526">
            <v>35190</v>
          </cell>
          <cell r="BC526" t="str">
            <v>請書</v>
          </cell>
          <cell r="BE526">
            <v>39132</v>
          </cell>
          <cell r="BF526" t="str">
            <v>しない</v>
          </cell>
          <cell r="BG526" t="str">
            <v>見積(公開)</v>
          </cell>
          <cell r="BH526">
            <v>0.96147540983606561</v>
          </cell>
          <cell r="BK526">
            <v>732000</v>
          </cell>
          <cell r="BL526" t="str">
            <v xml:space="preserve"> </v>
          </cell>
          <cell r="BM526">
            <v>29610</v>
          </cell>
          <cell r="BN526">
            <v>0.96147540983606561</v>
          </cell>
        </row>
        <row r="527">
          <cell r="A527">
            <v>1261</v>
          </cell>
          <cell r="B527" t="str">
            <v>物品購入</v>
          </cell>
          <cell r="C527" t="str">
            <v>南車両基地天井クレーンブレーキライニング</v>
          </cell>
          <cell r="D527">
            <v>39121</v>
          </cell>
          <cell r="G527">
            <v>495600</v>
          </cell>
          <cell r="I527">
            <v>1</v>
          </cell>
          <cell r="J527" t="str">
            <v>式</v>
          </cell>
          <cell r="K527" t="str">
            <v/>
          </cell>
          <cell r="L527">
            <v>495600</v>
          </cell>
          <cell r="M527" t="str">
            <v>公開</v>
          </cell>
          <cell r="N527" t="str">
            <v>高・営</v>
          </cell>
          <cell r="P527">
            <v>39164</v>
          </cell>
          <cell r="Q527" t="str">
            <v>壱</v>
          </cell>
          <cell r="R527" t="str">
            <v>無</v>
          </cell>
          <cell r="S527" t="str">
            <v>車両課(真駒内)</v>
          </cell>
          <cell r="T527" t="str">
            <v>鈴木　靖広</v>
          </cell>
          <cell r="U527">
            <v>8315</v>
          </cell>
          <cell r="V527" t="str">
            <v>課長</v>
          </cell>
          <cell r="W527" t="str">
            <v>なか１日</v>
          </cell>
          <cell r="X527" t="str">
            <v>公開</v>
          </cell>
          <cell r="Y527">
            <v>39128</v>
          </cell>
          <cell r="Z527">
            <v>39128</v>
          </cell>
          <cell r="AB527" t="str">
            <v>交通局３階総務課（契約担当）</v>
          </cell>
          <cell r="AD527" t="e">
            <v>#VALUE!</v>
          </cell>
          <cell r="AI527">
            <v>3</v>
          </cell>
          <cell r="AJ527" t="str">
            <v>札幌交通機械（株）</v>
          </cell>
          <cell r="AK527" t="str">
            <v>理興産業（株）</v>
          </cell>
          <cell r="AU527" t="str">
            <v>省略可</v>
          </cell>
          <cell r="AW527">
            <v>495600</v>
          </cell>
          <cell r="AX527">
            <v>1</v>
          </cell>
          <cell r="AY527" t="str">
            <v>札幌交通機械（株）</v>
          </cell>
          <cell r="AZ527">
            <v>450000</v>
          </cell>
          <cell r="BA527">
            <v>472500</v>
          </cell>
          <cell r="BB527">
            <v>22500</v>
          </cell>
          <cell r="BC527" t="str">
            <v>発注書</v>
          </cell>
          <cell r="BE527">
            <v>39129</v>
          </cell>
          <cell r="BF527" t="str">
            <v>しない</v>
          </cell>
          <cell r="BG527" t="str">
            <v>見積(公開)</v>
          </cell>
          <cell r="BH527">
            <v>0.95338983050847459</v>
          </cell>
          <cell r="BK527">
            <v>472000</v>
          </cell>
          <cell r="BL527" t="str">
            <v xml:space="preserve"> </v>
          </cell>
          <cell r="BM527">
            <v>23100</v>
          </cell>
          <cell r="BN527">
            <v>0.95338983050847459</v>
          </cell>
        </row>
        <row r="528">
          <cell r="A528">
            <v>7193</v>
          </cell>
          <cell r="B528" t="str">
            <v>業務委託</v>
          </cell>
          <cell r="C528" t="str">
            <v>澄川受電所・宮の沢・月寒変電所自家発電装置保守</v>
          </cell>
          <cell r="D528">
            <v>39121</v>
          </cell>
          <cell r="E528" t="str">
            <v>特命</v>
          </cell>
          <cell r="G528">
            <v>7148400</v>
          </cell>
          <cell r="I528">
            <v>1</v>
          </cell>
          <cell r="J528" t="str">
            <v>式</v>
          </cell>
          <cell r="K528" t="str">
            <v/>
          </cell>
          <cell r="L528">
            <v>7148400</v>
          </cell>
          <cell r="M528" t="str">
            <v>特命</v>
          </cell>
          <cell r="N528" t="str">
            <v>高・営</v>
          </cell>
          <cell r="O528">
            <v>39134</v>
          </cell>
          <cell r="P528">
            <v>39170</v>
          </cell>
          <cell r="Q528" t="str">
            <v>壱</v>
          </cell>
          <cell r="R528" t="str">
            <v>無</v>
          </cell>
          <cell r="S528" t="str">
            <v>電気課</v>
          </cell>
          <cell r="T528" t="str">
            <v>田中　敏雄</v>
          </cell>
          <cell r="U528">
            <v>2826</v>
          </cell>
          <cell r="V528" t="str">
            <v>管理者</v>
          </cell>
          <cell r="W528" t="str">
            <v>なか５日</v>
          </cell>
          <cell r="X528" t="str">
            <v>特命</v>
          </cell>
          <cell r="Y528">
            <v>39132</v>
          </cell>
          <cell r="Z528">
            <v>39132</v>
          </cell>
          <cell r="AA528">
            <v>1400</v>
          </cell>
          <cell r="AB528" t="str">
            <v>交通局３階総務課（契約担当）</v>
          </cell>
          <cell r="AD528" t="str">
            <v>平成19年2月19日(月)　14時00分</v>
          </cell>
          <cell r="AI528">
            <v>1</v>
          </cell>
          <cell r="AJ528" t="str">
            <v>（株）明電舎北海道支店</v>
          </cell>
          <cell r="AU528" t="str">
            <v>要</v>
          </cell>
          <cell r="AV528">
            <v>6730000</v>
          </cell>
          <cell r="AW528">
            <v>7066500</v>
          </cell>
          <cell r="AX528">
            <v>1.145710928319621E-2</v>
          </cell>
          <cell r="AY528" t="str">
            <v>（株）明電舎北海道支店</v>
          </cell>
          <cell r="AZ528">
            <v>5900000</v>
          </cell>
          <cell r="BA528">
            <v>6195000</v>
          </cell>
          <cell r="BB528">
            <v>295000</v>
          </cell>
          <cell r="BC528" t="str">
            <v>契約書</v>
          </cell>
          <cell r="BE528">
            <v>39133</v>
          </cell>
          <cell r="BF528" t="str">
            <v>しない</v>
          </cell>
          <cell r="BG528" t="str">
            <v>見積</v>
          </cell>
          <cell r="BH528">
            <v>0.87667161961367013</v>
          </cell>
          <cell r="BK528">
            <v>6808000</v>
          </cell>
          <cell r="BL528" t="str">
            <v xml:space="preserve"> </v>
          </cell>
          <cell r="BM528">
            <v>953400</v>
          </cell>
          <cell r="BN528">
            <v>0.86662749706227971</v>
          </cell>
        </row>
        <row r="529">
          <cell r="A529">
            <v>2074</v>
          </cell>
          <cell r="B529" t="str">
            <v>製造請負</v>
          </cell>
          <cell r="C529" t="str">
            <v>設備指令システム改良（その４）</v>
          </cell>
          <cell r="D529">
            <v>39121</v>
          </cell>
          <cell r="E529" t="str">
            <v>特命</v>
          </cell>
          <cell r="G529">
            <v>7707000</v>
          </cell>
          <cell r="I529">
            <v>1</v>
          </cell>
          <cell r="J529" t="str">
            <v>式</v>
          </cell>
          <cell r="K529" t="str">
            <v/>
          </cell>
          <cell r="L529">
            <v>7707000</v>
          </cell>
          <cell r="M529" t="str">
            <v>特命</v>
          </cell>
          <cell r="N529" t="str">
            <v>高・建改</v>
          </cell>
          <cell r="P529">
            <v>39325</v>
          </cell>
          <cell r="Q529" t="str">
            <v>壱</v>
          </cell>
          <cell r="R529" t="str">
            <v>無</v>
          </cell>
          <cell r="S529" t="str">
            <v>電気課</v>
          </cell>
          <cell r="T529" t="str">
            <v>多田　国康</v>
          </cell>
          <cell r="U529">
            <v>2642</v>
          </cell>
          <cell r="V529" t="str">
            <v>部長</v>
          </cell>
          <cell r="W529" t="str">
            <v>なか５日</v>
          </cell>
          <cell r="X529" t="str">
            <v>特命</v>
          </cell>
          <cell r="Y529">
            <v>39129</v>
          </cell>
          <cell r="Z529">
            <v>39132</v>
          </cell>
          <cell r="AA529">
            <v>1430</v>
          </cell>
          <cell r="AB529" t="str">
            <v>交通局３階総務課（契約担当）</v>
          </cell>
          <cell r="AD529" t="str">
            <v>平成19年2月19日(月)　14時30分</v>
          </cell>
          <cell r="AI529">
            <v>1</v>
          </cell>
          <cell r="AJ529" t="str">
            <v>富士電機システムズ（株）東日本支社北海道事務所</v>
          </cell>
          <cell r="AU529" t="str">
            <v>要</v>
          </cell>
          <cell r="AV529">
            <v>7260000</v>
          </cell>
          <cell r="AW529">
            <v>7623000</v>
          </cell>
          <cell r="AX529">
            <v>1.0899182561307952E-2</v>
          </cell>
          <cell r="AY529" t="str">
            <v>富士電機システムズ（株）東日本支社北海道事務所</v>
          </cell>
          <cell r="AZ529">
            <v>7250000</v>
          </cell>
          <cell r="BA529">
            <v>7612500</v>
          </cell>
          <cell r="BB529">
            <v>362500</v>
          </cell>
          <cell r="BC529" t="str">
            <v>契約書</v>
          </cell>
          <cell r="BE529">
            <v>39133</v>
          </cell>
          <cell r="BF529" t="str">
            <v>する</v>
          </cell>
          <cell r="BG529" t="str">
            <v>見積</v>
          </cell>
          <cell r="BH529">
            <v>0.99862258953168048</v>
          </cell>
          <cell r="BK529">
            <v>7340000</v>
          </cell>
          <cell r="BL529" t="str">
            <v xml:space="preserve"> </v>
          </cell>
          <cell r="BM529">
            <v>94500</v>
          </cell>
          <cell r="BN529">
            <v>0.9877384196185286</v>
          </cell>
        </row>
        <row r="530">
          <cell r="A530">
            <v>2075</v>
          </cell>
          <cell r="B530" t="str">
            <v>製造請負</v>
          </cell>
          <cell r="C530" t="str">
            <v>地下鉄専用席ステッカー</v>
          </cell>
          <cell r="D530">
            <v>39121</v>
          </cell>
          <cell r="G530">
            <v>2278500</v>
          </cell>
          <cell r="I530">
            <v>1</v>
          </cell>
          <cell r="J530" t="str">
            <v>式</v>
          </cell>
          <cell r="K530" t="str">
            <v/>
          </cell>
          <cell r="L530">
            <v>2278500</v>
          </cell>
          <cell r="M530" t="str">
            <v>公開</v>
          </cell>
          <cell r="N530" t="str">
            <v>高・営</v>
          </cell>
          <cell r="P530">
            <v>39157</v>
          </cell>
          <cell r="Q530" t="str">
            <v>壱</v>
          </cell>
          <cell r="R530" t="str">
            <v>無</v>
          </cell>
          <cell r="S530" t="str">
            <v>業務課</v>
          </cell>
          <cell r="T530" t="str">
            <v>桜庭　一昭</v>
          </cell>
          <cell r="U530">
            <v>2417</v>
          </cell>
          <cell r="V530" t="str">
            <v>課長</v>
          </cell>
          <cell r="W530" t="str">
            <v>なか１日</v>
          </cell>
          <cell r="X530" t="str">
            <v>公開</v>
          </cell>
          <cell r="Y530">
            <v>39128</v>
          </cell>
          <cell r="Z530">
            <v>39128</v>
          </cell>
          <cell r="AB530" t="str">
            <v>交通局３階総務課（契約担当）</v>
          </cell>
          <cell r="AD530" t="e">
            <v>#VALUE!</v>
          </cell>
          <cell r="AI530">
            <v>3</v>
          </cell>
          <cell r="AJ530" t="str">
            <v>七欧産業（株）</v>
          </cell>
          <cell r="AU530" t="str">
            <v>省略可</v>
          </cell>
          <cell r="AW530">
            <v>2278500</v>
          </cell>
          <cell r="AX530">
            <v>1</v>
          </cell>
          <cell r="AY530" t="str">
            <v>七欧産業（株）</v>
          </cell>
          <cell r="AZ530">
            <v>1940000</v>
          </cell>
          <cell r="BA530">
            <v>2037000</v>
          </cell>
          <cell r="BB530">
            <v>97000</v>
          </cell>
          <cell r="BC530" t="str">
            <v>請書</v>
          </cell>
          <cell r="BE530">
            <v>39132</v>
          </cell>
          <cell r="BF530" t="str">
            <v>しない</v>
          </cell>
          <cell r="BG530" t="str">
            <v>見積(公開)</v>
          </cell>
          <cell r="BH530">
            <v>0.89400921658986177</v>
          </cell>
          <cell r="BK530">
            <v>2170000</v>
          </cell>
          <cell r="BL530" t="str">
            <v xml:space="preserve"> </v>
          </cell>
          <cell r="BM530">
            <v>241500</v>
          </cell>
          <cell r="BN530">
            <v>0.89400921658986177</v>
          </cell>
        </row>
        <row r="531">
          <cell r="A531">
            <v>1262</v>
          </cell>
          <cell r="B531" t="str">
            <v>物品購入</v>
          </cell>
          <cell r="C531" t="str">
            <v>蛍光灯用安定器</v>
          </cell>
          <cell r="D531">
            <v>39122</v>
          </cell>
          <cell r="G531">
            <v>283500</v>
          </cell>
          <cell r="I531">
            <v>1</v>
          </cell>
          <cell r="J531" t="str">
            <v>式</v>
          </cell>
          <cell r="K531" t="str">
            <v/>
          </cell>
          <cell r="L531">
            <v>283500</v>
          </cell>
          <cell r="M531" t="str">
            <v>公開</v>
          </cell>
          <cell r="N531" t="str">
            <v>高・営</v>
          </cell>
          <cell r="P531">
            <v>39147</v>
          </cell>
          <cell r="Q531" t="str">
            <v>壱</v>
          </cell>
          <cell r="R531" t="str">
            <v>無</v>
          </cell>
          <cell r="S531" t="str">
            <v>電気課</v>
          </cell>
          <cell r="T531" t="str">
            <v>田鎖　政好</v>
          </cell>
          <cell r="U531">
            <v>2622</v>
          </cell>
          <cell r="V531" t="str">
            <v>課長</v>
          </cell>
          <cell r="W531" t="str">
            <v>なか１日</v>
          </cell>
          <cell r="X531" t="str">
            <v>公開</v>
          </cell>
          <cell r="Y531">
            <v>39128</v>
          </cell>
          <cell r="Z531">
            <v>39128</v>
          </cell>
          <cell r="AB531" t="str">
            <v>交通局３階総務課（契約担当）</v>
          </cell>
          <cell r="AD531" t="e">
            <v>#VALUE!</v>
          </cell>
          <cell r="AI531">
            <v>3</v>
          </cell>
          <cell r="AJ531" t="str">
            <v>（株）イザワ</v>
          </cell>
          <cell r="AK531" t="str">
            <v>（株）エミヤ</v>
          </cell>
          <cell r="AL531" t="str">
            <v>（株）渡商</v>
          </cell>
          <cell r="AU531" t="str">
            <v>省略可</v>
          </cell>
          <cell r="AW531">
            <v>283500</v>
          </cell>
          <cell r="AX531">
            <v>1</v>
          </cell>
          <cell r="AY531" t="str">
            <v>（株）エミヤ</v>
          </cell>
          <cell r="AZ531">
            <v>157500</v>
          </cell>
          <cell r="BA531">
            <v>165375</v>
          </cell>
          <cell r="BB531">
            <v>7875</v>
          </cell>
          <cell r="BC531" t="str">
            <v>発注書</v>
          </cell>
          <cell r="BE531">
            <v>39129</v>
          </cell>
          <cell r="BF531" t="str">
            <v>しない</v>
          </cell>
          <cell r="BG531" t="str">
            <v>見積(公開)</v>
          </cell>
          <cell r="BH531">
            <v>0.58333333333333337</v>
          </cell>
          <cell r="BK531">
            <v>270000</v>
          </cell>
          <cell r="BL531" t="str">
            <v xml:space="preserve"> </v>
          </cell>
          <cell r="BM531">
            <v>118125</v>
          </cell>
          <cell r="BN531">
            <v>0.58333333333333337</v>
          </cell>
        </row>
        <row r="532">
          <cell r="A532">
            <v>2076</v>
          </cell>
          <cell r="B532" t="str">
            <v>製造請負</v>
          </cell>
          <cell r="C532" t="str">
            <v>広告デザインカード【札幌市選挙管理委員会】</v>
          </cell>
          <cell r="D532">
            <v>39126</v>
          </cell>
          <cell r="E532" t="str">
            <v>特命</v>
          </cell>
          <cell r="G532">
            <v>924000</v>
          </cell>
          <cell r="I532">
            <v>100000</v>
          </cell>
          <cell r="J532" t="str">
            <v>枚</v>
          </cell>
          <cell r="K532" t="str">
            <v/>
          </cell>
          <cell r="L532">
            <v>924000</v>
          </cell>
          <cell r="M532" t="str">
            <v>特命</v>
          </cell>
          <cell r="N532" t="str">
            <v>高・営</v>
          </cell>
          <cell r="P532">
            <v>39164</v>
          </cell>
          <cell r="Q532" t="str">
            <v>壱</v>
          </cell>
          <cell r="R532" t="str">
            <v>無</v>
          </cell>
          <cell r="S532" t="str">
            <v>経営企画課</v>
          </cell>
          <cell r="T532" t="str">
            <v>今野　吉隆</v>
          </cell>
          <cell r="U532">
            <v>2123</v>
          </cell>
          <cell r="V532" t="str">
            <v>課長</v>
          </cell>
          <cell r="W532" t="str">
            <v>なか１日</v>
          </cell>
          <cell r="X532" t="str">
            <v>特命</v>
          </cell>
          <cell r="Y532">
            <v>39129</v>
          </cell>
          <cell r="Z532">
            <v>39129</v>
          </cell>
          <cell r="AA532">
            <v>1430</v>
          </cell>
          <cell r="AB532" t="str">
            <v>交通局３階総務課（契約担当）</v>
          </cell>
          <cell r="AD532" t="str">
            <v>平成19年2月16日(金)　14時30分</v>
          </cell>
          <cell r="AI532">
            <v>1</v>
          </cell>
          <cell r="AJ532" t="str">
            <v>共同印刷（株）</v>
          </cell>
          <cell r="AU532" t="str">
            <v>省略可</v>
          </cell>
          <cell r="AW532">
            <v>924000</v>
          </cell>
          <cell r="AX532">
            <v>1</v>
          </cell>
          <cell r="AY532" t="str">
            <v>共同印刷（株）</v>
          </cell>
          <cell r="AZ532">
            <v>880000</v>
          </cell>
          <cell r="BA532">
            <v>924000</v>
          </cell>
          <cell r="BB532">
            <v>44000</v>
          </cell>
          <cell r="BC532" t="str">
            <v>請書</v>
          </cell>
          <cell r="BE532">
            <v>39133</v>
          </cell>
          <cell r="BF532" t="str">
            <v>しない</v>
          </cell>
          <cell r="BG532" t="str">
            <v>見積</v>
          </cell>
          <cell r="BH532">
            <v>1</v>
          </cell>
          <cell r="BK532">
            <v>880000</v>
          </cell>
          <cell r="BL532">
            <v>9.24</v>
          </cell>
          <cell r="BM532">
            <v>0</v>
          </cell>
          <cell r="BN532">
            <v>1</v>
          </cell>
        </row>
        <row r="533">
          <cell r="A533">
            <v>1263</v>
          </cell>
          <cell r="B533" t="str">
            <v>物品購入</v>
          </cell>
          <cell r="C533" t="str">
            <v>宮の沢地下歩道自家発電装置用蓄電池</v>
          </cell>
          <cell r="D533">
            <v>39126</v>
          </cell>
          <cell r="G533">
            <v>400680</v>
          </cell>
          <cell r="I533">
            <v>1</v>
          </cell>
          <cell r="J533" t="str">
            <v>式</v>
          </cell>
          <cell r="K533" t="str">
            <v/>
          </cell>
          <cell r="L533">
            <v>400680</v>
          </cell>
          <cell r="M533" t="str">
            <v>公開</v>
          </cell>
          <cell r="N533" t="str">
            <v>高・営</v>
          </cell>
          <cell r="P533">
            <v>39160</v>
          </cell>
          <cell r="Q533" t="str">
            <v>壱</v>
          </cell>
          <cell r="R533" t="str">
            <v>無</v>
          </cell>
          <cell r="S533" t="str">
            <v>電気課</v>
          </cell>
          <cell r="T533" t="str">
            <v>田中　敏雄</v>
          </cell>
          <cell r="U533">
            <v>2628</v>
          </cell>
          <cell r="V533" t="str">
            <v>課長</v>
          </cell>
          <cell r="W533" t="str">
            <v>なか１日</v>
          </cell>
          <cell r="X533" t="str">
            <v>公開</v>
          </cell>
          <cell r="Y533">
            <v>39135</v>
          </cell>
          <cell r="Z533">
            <v>39135</v>
          </cell>
          <cell r="AB533" t="str">
            <v>交通局３階総務課（契約担当）</v>
          </cell>
          <cell r="AD533" t="e">
            <v>#VALUE!</v>
          </cell>
          <cell r="AI533">
            <v>3</v>
          </cell>
          <cell r="AJ533" t="str">
            <v>（株）イザワ</v>
          </cell>
          <cell r="AK533" t="str">
            <v>（株）エミヤ</v>
          </cell>
          <cell r="AL533" t="str">
            <v>向野商事（株）</v>
          </cell>
          <cell r="AM533" t="str">
            <v>（株）渡商</v>
          </cell>
          <cell r="AU533" t="str">
            <v>省略可</v>
          </cell>
          <cell r="AW533">
            <v>400680</v>
          </cell>
          <cell r="AX533">
            <v>1</v>
          </cell>
          <cell r="AY533" t="str">
            <v>向野商事（株）</v>
          </cell>
          <cell r="AZ533">
            <v>240000</v>
          </cell>
          <cell r="BA533">
            <v>252000</v>
          </cell>
          <cell r="BB533">
            <v>12000</v>
          </cell>
          <cell r="BC533" t="str">
            <v>発注書</v>
          </cell>
          <cell r="BE533">
            <v>39136</v>
          </cell>
          <cell r="BF533" t="str">
            <v>しない</v>
          </cell>
          <cell r="BG533" t="str">
            <v>見積(公開)</v>
          </cell>
          <cell r="BH533">
            <v>0.62893081761006286</v>
          </cell>
          <cell r="BK533">
            <v>381600</v>
          </cell>
          <cell r="BL533" t="str">
            <v xml:space="preserve"> </v>
          </cell>
          <cell r="BM533">
            <v>148680</v>
          </cell>
          <cell r="BN533">
            <v>0.62893081761006286</v>
          </cell>
        </row>
        <row r="534">
          <cell r="A534">
            <v>1264</v>
          </cell>
          <cell r="B534" t="str">
            <v>物品購入</v>
          </cell>
          <cell r="C534" t="str">
            <v>水中ポンプほか</v>
          </cell>
          <cell r="D534">
            <v>39126</v>
          </cell>
          <cell r="G534">
            <v>1198470</v>
          </cell>
          <cell r="I534">
            <v>1</v>
          </cell>
          <cell r="J534" t="str">
            <v>式</v>
          </cell>
          <cell r="K534" t="str">
            <v/>
          </cell>
          <cell r="L534">
            <v>1198470</v>
          </cell>
          <cell r="M534" t="str">
            <v>公開</v>
          </cell>
          <cell r="N534" t="str">
            <v>高・営</v>
          </cell>
          <cell r="P534">
            <v>39164</v>
          </cell>
          <cell r="Q534" t="str">
            <v>壱</v>
          </cell>
          <cell r="R534" t="str">
            <v>無</v>
          </cell>
          <cell r="S534" t="str">
            <v>施設課</v>
          </cell>
          <cell r="T534" t="str">
            <v>岡島　昌仁</v>
          </cell>
          <cell r="U534">
            <v>2522</v>
          </cell>
          <cell r="V534" t="str">
            <v>課長</v>
          </cell>
          <cell r="W534" t="str">
            <v>なか１日</v>
          </cell>
          <cell r="X534" t="str">
            <v>公開</v>
          </cell>
          <cell r="Y534">
            <v>39135</v>
          </cell>
          <cell r="Z534">
            <v>39135</v>
          </cell>
          <cell r="AB534" t="str">
            <v>交通局３階総務課（契約担当）</v>
          </cell>
          <cell r="AD534" t="e">
            <v>#VALUE!</v>
          </cell>
          <cell r="AI534">
            <v>3</v>
          </cell>
          <cell r="AJ534" t="str">
            <v>向野商事（株）</v>
          </cell>
          <cell r="AK534" t="str">
            <v>（株）大興商事</v>
          </cell>
          <cell r="AL534" t="str">
            <v>理興産業（株）</v>
          </cell>
          <cell r="AM534" t="str">
            <v>（株）渡商</v>
          </cell>
          <cell r="AU534" t="str">
            <v>省略可</v>
          </cell>
          <cell r="AW534">
            <v>1198470</v>
          </cell>
          <cell r="AX534">
            <v>1</v>
          </cell>
          <cell r="AY534" t="str">
            <v>向野商事（株）</v>
          </cell>
          <cell r="AZ534">
            <v>950000</v>
          </cell>
          <cell r="BA534">
            <v>997500</v>
          </cell>
          <cell r="BB534">
            <v>47500</v>
          </cell>
          <cell r="BC534" t="str">
            <v>請書</v>
          </cell>
          <cell r="BE534">
            <v>39139</v>
          </cell>
          <cell r="BF534" t="str">
            <v>しない</v>
          </cell>
          <cell r="BG534" t="str">
            <v>見積(公開)</v>
          </cell>
          <cell r="BH534">
            <v>0.83231119677588927</v>
          </cell>
          <cell r="BK534">
            <v>1141400</v>
          </cell>
          <cell r="BL534" t="str">
            <v xml:space="preserve"> </v>
          </cell>
          <cell r="BM534">
            <v>200970</v>
          </cell>
          <cell r="BN534">
            <v>0.83231119677588927</v>
          </cell>
        </row>
        <row r="535">
          <cell r="A535">
            <v>1265</v>
          </cell>
          <cell r="B535" t="str">
            <v>物品購入</v>
          </cell>
          <cell r="C535" t="str">
            <v>自動出改札装置ベアリングその３</v>
          </cell>
          <cell r="D535">
            <v>39127</v>
          </cell>
          <cell r="G535">
            <v>547785</v>
          </cell>
          <cell r="I535">
            <v>1</v>
          </cell>
          <cell r="J535" t="str">
            <v>式</v>
          </cell>
          <cell r="K535" t="str">
            <v/>
          </cell>
          <cell r="L535">
            <v>547785</v>
          </cell>
          <cell r="M535" t="str">
            <v>公開</v>
          </cell>
          <cell r="N535" t="str">
            <v>高・営</v>
          </cell>
          <cell r="P535">
            <v>39153</v>
          </cell>
          <cell r="Q535" t="str">
            <v>壱</v>
          </cell>
          <cell r="R535" t="str">
            <v>無</v>
          </cell>
          <cell r="S535" t="str">
            <v>電気課</v>
          </cell>
          <cell r="T535" t="str">
            <v>中田　貴也</v>
          </cell>
          <cell r="U535">
            <v>2664</v>
          </cell>
          <cell r="V535" t="str">
            <v>課長</v>
          </cell>
          <cell r="W535" t="str">
            <v>なか１日</v>
          </cell>
          <cell r="X535" t="str">
            <v>公開</v>
          </cell>
          <cell r="Y535">
            <v>39135</v>
          </cell>
          <cell r="Z535">
            <v>39135</v>
          </cell>
          <cell r="AB535" t="str">
            <v>交通局３階総務課（契約担当）</v>
          </cell>
          <cell r="AD535" t="e">
            <v>#VALUE!</v>
          </cell>
          <cell r="AI535">
            <v>3</v>
          </cell>
          <cell r="AJ535" t="str">
            <v>向野商事（株）</v>
          </cell>
          <cell r="AK535" t="str">
            <v>三和商行（株）</v>
          </cell>
          <cell r="AL535" t="str">
            <v>（株）大興商事</v>
          </cell>
          <cell r="AU535" t="str">
            <v>省略可</v>
          </cell>
          <cell r="AW535">
            <v>547785</v>
          </cell>
          <cell r="AX535">
            <v>1</v>
          </cell>
          <cell r="AY535" t="str">
            <v>三和商行（株）</v>
          </cell>
          <cell r="AZ535">
            <v>422750</v>
          </cell>
          <cell r="BA535">
            <v>443887</v>
          </cell>
          <cell r="BB535">
            <v>21137</v>
          </cell>
          <cell r="BC535" t="str">
            <v>発注書</v>
          </cell>
          <cell r="BE535">
            <v>39136</v>
          </cell>
          <cell r="BF535" t="str">
            <v>しない</v>
          </cell>
          <cell r="BG535" t="str">
            <v>見積(公開)</v>
          </cell>
          <cell r="BH535">
            <v>0.81033069543707836</v>
          </cell>
          <cell r="BK535">
            <v>521700</v>
          </cell>
          <cell r="BL535" t="str">
            <v xml:space="preserve"> </v>
          </cell>
          <cell r="BM535">
            <v>103898</v>
          </cell>
          <cell r="BN535">
            <v>0.81033069543707836</v>
          </cell>
        </row>
        <row r="536">
          <cell r="A536">
            <v>2077</v>
          </cell>
          <cell r="B536" t="str">
            <v>製造請負</v>
          </cell>
          <cell r="C536" t="str">
            <v>東豊線連動制御盤更新</v>
          </cell>
          <cell r="D536">
            <v>39126</v>
          </cell>
          <cell r="E536" t="str">
            <v>特命</v>
          </cell>
          <cell r="G536">
            <v>40509000</v>
          </cell>
          <cell r="I536">
            <v>1</v>
          </cell>
          <cell r="J536" t="str">
            <v>式</v>
          </cell>
          <cell r="K536" t="str">
            <v/>
          </cell>
          <cell r="L536">
            <v>40509000</v>
          </cell>
          <cell r="M536" t="str">
            <v>特命</v>
          </cell>
          <cell r="N536" t="str">
            <v>高・建改</v>
          </cell>
          <cell r="P536">
            <v>39171</v>
          </cell>
          <cell r="Q536" t="str">
            <v>壱</v>
          </cell>
          <cell r="R536" t="str">
            <v>無</v>
          </cell>
          <cell r="S536" t="str">
            <v>電気課</v>
          </cell>
          <cell r="T536" t="str">
            <v>池田　誠</v>
          </cell>
          <cell r="U536">
            <v>2656</v>
          </cell>
          <cell r="V536" t="str">
            <v>管理者</v>
          </cell>
          <cell r="W536" t="str">
            <v>なか５日</v>
          </cell>
          <cell r="X536" t="str">
            <v>特命</v>
          </cell>
          <cell r="Y536">
            <v>39134</v>
          </cell>
          <cell r="Z536">
            <v>39136</v>
          </cell>
          <cell r="AA536">
            <v>1400</v>
          </cell>
          <cell r="AB536" t="str">
            <v>交通局３階総務課（契約担当）</v>
          </cell>
          <cell r="AD536" t="str">
            <v>平成19年2月23日(金)　14時00分</v>
          </cell>
          <cell r="AI536">
            <v>1</v>
          </cell>
          <cell r="AJ536" t="str">
            <v>日本信号（株）北海道支店</v>
          </cell>
          <cell r="AU536" t="str">
            <v>要</v>
          </cell>
          <cell r="AV536">
            <v>38100000</v>
          </cell>
          <cell r="AW536">
            <v>40005000</v>
          </cell>
          <cell r="AX536">
            <v>1.244167962674958E-2</v>
          </cell>
          <cell r="AY536" t="str">
            <v>日本信号（株）北海道支店</v>
          </cell>
          <cell r="AZ536">
            <v>37800000</v>
          </cell>
          <cell r="BA536">
            <v>39690000</v>
          </cell>
          <cell r="BB536">
            <v>1890000</v>
          </cell>
          <cell r="BC536" t="str">
            <v>契約書</v>
          </cell>
          <cell r="BE536">
            <v>39136</v>
          </cell>
          <cell r="BF536" t="str">
            <v>する</v>
          </cell>
          <cell r="BG536" t="str">
            <v>見積</v>
          </cell>
          <cell r="BH536">
            <v>0.99212598425196852</v>
          </cell>
          <cell r="BK536">
            <v>38580000</v>
          </cell>
          <cell r="BL536" t="str">
            <v xml:space="preserve"> </v>
          </cell>
          <cell r="BM536">
            <v>819000</v>
          </cell>
          <cell r="BN536">
            <v>0.97978227060653189</v>
          </cell>
        </row>
        <row r="537">
          <cell r="A537">
            <v>7194</v>
          </cell>
          <cell r="B537" t="str">
            <v>業務委託</v>
          </cell>
          <cell r="C537" t="str">
            <v>澄川駅地区テレビ受信障害対策（その２）業務</v>
          </cell>
          <cell r="D537">
            <v>39127</v>
          </cell>
          <cell r="E537" t="str">
            <v>特命</v>
          </cell>
          <cell r="G537">
            <v>229950</v>
          </cell>
          <cell r="I537">
            <v>1</v>
          </cell>
          <cell r="J537" t="str">
            <v>式</v>
          </cell>
          <cell r="K537" t="str">
            <v/>
          </cell>
          <cell r="L537">
            <v>229950</v>
          </cell>
          <cell r="M537" t="str">
            <v>特命</v>
          </cell>
          <cell r="N537" t="str">
            <v>高・営</v>
          </cell>
          <cell r="O537">
            <v>39129</v>
          </cell>
          <cell r="P537">
            <v>39146</v>
          </cell>
          <cell r="Q537" t="str">
            <v>壱</v>
          </cell>
          <cell r="R537" t="str">
            <v>無</v>
          </cell>
          <cell r="S537" t="str">
            <v>施設課</v>
          </cell>
          <cell r="T537" t="str">
            <v>佐藤　博</v>
          </cell>
          <cell r="U537">
            <v>2531</v>
          </cell>
          <cell r="V537" t="str">
            <v>課長</v>
          </cell>
          <cell r="W537" t="str">
            <v>なか１日</v>
          </cell>
          <cell r="X537" t="str">
            <v>特命</v>
          </cell>
          <cell r="Y537">
            <v>39132</v>
          </cell>
          <cell r="Z537">
            <v>39129</v>
          </cell>
          <cell r="AA537">
            <v>1500</v>
          </cell>
          <cell r="AB537" t="str">
            <v>交通局３階総務課（契約担当）</v>
          </cell>
          <cell r="AD537" t="str">
            <v>平成19年2月16日(金)　15時00分</v>
          </cell>
          <cell r="AI537">
            <v>1</v>
          </cell>
          <cell r="AJ537" t="str">
            <v>（株）ジェイコム札幌</v>
          </cell>
          <cell r="AU537" t="str">
            <v>省略可</v>
          </cell>
          <cell r="AW537">
            <v>229950</v>
          </cell>
          <cell r="AX537">
            <v>1</v>
          </cell>
          <cell r="AY537" t="str">
            <v>（株）ジェイコム札幌</v>
          </cell>
          <cell r="AZ537">
            <v>217000</v>
          </cell>
          <cell r="BA537">
            <v>227850</v>
          </cell>
          <cell r="BB537">
            <v>10850</v>
          </cell>
          <cell r="BC537" t="str">
            <v>請書</v>
          </cell>
          <cell r="BE537">
            <v>39139</v>
          </cell>
          <cell r="BF537" t="str">
            <v>しない</v>
          </cell>
          <cell r="BG537" t="str">
            <v>見積</v>
          </cell>
          <cell r="BH537">
            <v>0.9908675799086758</v>
          </cell>
          <cell r="BK537">
            <v>219000</v>
          </cell>
          <cell r="BL537" t="str">
            <v xml:space="preserve"> </v>
          </cell>
          <cell r="BM537">
            <v>2100</v>
          </cell>
          <cell r="BN537">
            <v>0.9908675799086758</v>
          </cell>
        </row>
        <row r="538">
          <cell r="A538">
            <v>1266</v>
          </cell>
          <cell r="B538" t="str">
            <v>物品購入</v>
          </cell>
          <cell r="C538" t="str">
            <v>自動制御部品（ジョンソン製）</v>
          </cell>
          <cell r="D538">
            <v>39127</v>
          </cell>
          <cell r="E538" t="str">
            <v>特命</v>
          </cell>
          <cell r="G538">
            <v>3059487</v>
          </cell>
          <cell r="I538">
            <v>1</v>
          </cell>
          <cell r="J538" t="str">
            <v>式</v>
          </cell>
          <cell r="K538" t="str">
            <v/>
          </cell>
          <cell r="L538">
            <v>3059487</v>
          </cell>
          <cell r="M538" t="str">
            <v>特命</v>
          </cell>
          <cell r="N538" t="str">
            <v>高・営</v>
          </cell>
          <cell r="P538">
            <v>39164</v>
          </cell>
          <cell r="Q538" t="str">
            <v>壱</v>
          </cell>
          <cell r="R538" t="str">
            <v>無</v>
          </cell>
          <cell r="S538" t="str">
            <v>施設課</v>
          </cell>
          <cell r="T538" t="str">
            <v>鍔山　和宏</v>
          </cell>
          <cell r="U538">
            <v>2525</v>
          </cell>
          <cell r="V538" t="str">
            <v>部長</v>
          </cell>
          <cell r="W538" t="str">
            <v>なか１日</v>
          </cell>
          <cell r="X538" t="str">
            <v>特命</v>
          </cell>
          <cell r="Y538">
            <v>39133</v>
          </cell>
          <cell r="Z538">
            <v>39133</v>
          </cell>
          <cell r="AA538">
            <v>1400</v>
          </cell>
          <cell r="AB538" t="str">
            <v>交通局３階総務課（契約担当）</v>
          </cell>
          <cell r="AD538" t="str">
            <v>平成19年2月20日(火)　14時00分</v>
          </cell>
          <cell r="AI538">
            <v>1</v>
          </cell>
          <cell r="AJ538" t="str">
            <v>ジョンソンコントロールズ（株）北海道支店</v>
          </cell>
          <cell r="AU538" t="str">
            <v>要</v>
          </cell>
          <cell r="AV538">
            <v>2900000</v>
          </cell>
          <cell r="AW538">
            <v>3045000</v>
          </cell>
          <cell r="AX538">
            <v>4.7351075523445196E-3</v>
          </cell>
          <cell r="AY538" t="str">
            <v>ジョンソンコントロールズ（株）北海道支店</v>
          </cell>
          <cell r="AZ538">
            <v>2900000</v>
          </cell>
          <cell r="BA538">
            <v>3045000</v>
          </cell>
          <cell r="BB538">
            <v>145000</v>
          </cell>
          <cell r="BC538" t="str">
            <v>契約書</v>
          </cell>
          <cell r="BE538">
            <v>39134</v>
          </cell>
          <cell r="BF538" t="str">
            <v>しない</v>
          </cell>
          <cell r="BG538" t="str">
            <v>見積</v>
          </cell>
          <cell r="BH538">
            <v>1</v>
          </cell>
          <cell r="BK538">
            <v>2913797.1428571427</v>
          </cell>
          <cell r="BL538" t="str">
            <v xml:space="preserve"> </v>
          </cell>
          <cell r="BM538">
            <v>14487</v>
          </cell>
          <cell r="BN538">
            <v>0.99526489244765548</v>
          </cell>
        </row>
        <row r="539">
          <cell r="A539">
            <v>1267</v>
          </cell>
          <cell r="B539" t="str">
            <v>物品購入</v>
          </cell>
          <cell r="C539" t="str">
            <v>天井クレーン部品</v>
          </cell>
          <cell r="D539">
            <v>39127</v>
          </cell>
          <cell r="G539">
            <v>764400</v>
          </cell>
          <cell r="I539">
            <v>1</v>
          </cell>
          <cell r="J539" t="str">
            <v>式</v>
          </cell>
          <cell r="K539" t="str">
            <v/>
          </cell>
          <cell r="L539">
            <v>764400</v>
          </cell>
          <cell r="M539" t="str">
            <v>公開</v>
          </cell>
          <cell r="N539" t="str">
            <v>高・営</v>
          </cell>
          <cell r="P539">
            <v>39164</v>
          </cell>
          <cell r="Q539" t="str">
            <v>壱</v>
          </cell>
          <cell r="R539" t="str">
            <v>無</v>
          </cell>
          <cell r="S539" t="str">
            <v>車両課(大谷地)</v>
          </cell>
          <cell r="T539" t="str">
            <v>佐藤　幹雄</v>
          </cell>
          <cell r="U539">
            <v>8417</v>
          </cell>
          <cell r="V539" t="str">
            <v>課長</v>
          </cell>
          <cell r="W539" t="str">
            <v>なか１日</v>
          </cell>
          <cell r="X539" t="str">
            <v>公開</v>
          </cell>
          <cell r="Y539">
            <v>39135</v>
          </cell>
          <cell r="Z539">
            <v>39135</v>
          </cell>
          <cell r="AB539" t="str">
            <v>交通局３階総務課（契約担当）</v>
          </cell>
          <cell r="AD539" t="e">
            <v>#VALUE!</v>
          </cell>
          <cell r="AI539">
            <v>3</v>
          </cell>
          <cell r="AJ539" t="str">
            <v>札幌交通機械（株）</v>
          </cell>
          <cell r="AU539" t="str">
            <v>省略可</v>
          </cell>
          <cell r="AW539">
            <v>764400</v>
          </cell>
          <cell r="AX539">
            <v>1</v>
          </cell>
          <cell r="AY539" t="str">
            <v>札幌交通機械（株）</v>
          </cell>
          <cell r="AZ539">
            <v>700000</v>
          </cell>
          <cell r="BA539">
            <v>735000</v>
          </cell>
          <cell r="BB539">
            <v>35000</v>
          </cell>
          <cell r="BC539" t="str">
            <v>請書</v>
          </cell>
          <cell r="BE539">
            <v>39139</v>
          </cell>
          <cell r="BF539" t="str">
            <v>しない</v>
          </cell>
          <cell r="BG539" t="str">
            <v>見積(公開)</v>
          </cell>
          <cell r="BH539">
            <v>0.96153846153846156</v>
          </cell>
          <cell r="BK539">
            <v>728000</v>
          </cell>
          <cell r="BL539" t="str">
            <v xml:space="preserve"> </v>
          </cell>
          <cell r="BM539">
            <v>29400</v>
          </cell>
          <cell r="BN539">
            <v>0.96153846153846156</v>
          </cell>
        </row>
        <row r="540">
          <cell r="A540">
            <v>1268</v>
          </cell>
          <cell r="B540" t="str">
            <v>物品購入</v>
          </cell>
          <cell r="C540" t="str">
            <v>南車両基地排水処理装置ろ過剤</v>
          </cell>
          <cell r="D540">
            <v>39127</v>
          </cell>
          <cell r="E540" t="str">
            <v>特命</v>
          </cell>
          <cell r="G540">
            <v>748650</v>
          </cell>
          <cell r="I540">
            <v>1</v>
          </cell>
          <cell r="J540" t="str">
            <v>式</v>
          </cell>
          <cell r="K540" t="str">
            <v/>
          </cell>
          <cell r="L540">
            <v>748650</v>
          </cell>
          <cell r="M540" t="str">
            <v>特命</v>
          </cell>
          <cell r="N540" t="str">
            <v>高・営</v>
          </cell>
          <cell r="P540">
            <v>39164</v>
          </cell>
          <cell r="Q540" t="str">
            <v>壱</v>
          </cell>
          <cell r="R540" t="str">
            <v>無</v>
          </cell>
          <cell r="S540" t="str">
            <v>車両課(真駒内)</v>
          </cell>
          <cell r="T540" t="str">
            <v>鈴木　靖広</v>
          </cell>
          <cell r="U540">
            <v>8315</v>
          </cell>
          <cell r="V540" t="str">
            <v>課長</v>
          </cell>
          <cell r="W540" t="str">
            <v>なか１日</v>
          </cell>
          <cell r="X540" t="str">
            <v>特命</v>
          </cell>
          <cell r="Y540">
            <v>39132</v>
          </cell>
          <cell r="Z540">
            <v>39133</v>
          </cell>
          <cell r="AA540">
            <v>1430</v>
          </cell>
          <cell r="AB540" t="str">
            <v>交通局３階総務課（契約担当）</v>
          </cell>
          <cell r="AD540" t="str">
            <v>平成19年2月20日(火)　14時30分</v>
          </cell>
          <cell r="AI540">
            <v>1</v>
          </cell>
          <cell r="AJ540" t="str">
            <v>日本車輌洗滌機（株）北海道支店</v>
          </cell>
          <cell r="AU540" t="str">
            <v>省略可</v>
          </cell>
          <cell r="AW540">
            <v>748650</v>
          </cell>
          <cell r="AX540">
            <v>1</v>
          </cell>
          <cell r="AY540" t="str">
            <v>日本車輌洗滌機（株）北海道支店</v>
          </cell>
          <cell r="AZ540">
            <v>697400</v>
          </cell>
          <cell r="BA540">
            <v>732270</v>
          </cell>
          <cell r="BB540">
            <v>34870</v>
          </cell>
          <cell r="BC540" t="str">
            <v>請書</v>
          </cell>
          <cell r="BE540">
            <v>39135</v>
          </cell>
          <cell r="BF540" t="str">
            <v>しない</v>
          </cell>
          <cell r="BG540" t="str">
            <v>見積</v>
          </cell>
          <cell r="BH540">
            <v>0.97812061711079945</v>
          </cell>
          <cell r="BK540">
            <v>713000</v>
          </cell>
          <cell r="BL540" t="str">
            <v xml:space="preserve"> </v>
          </cell>
          <cell r="BM540">
            <v>16380</v>
          </cell>
          <cell r="BN540">
            <v>0.97812061711079945</v>
          </cell>
        </row>
        <row r="541">
          <cell r="A541">
            <v>1269</v>
          </cell>
          <cell r="B541" t="str">
            <v>物品購入</v>
          </cell>
          <cell r="C541" t="str">
            <v>自家発電装置潤滑油</v>
          </cell>
          <cell r="D541">
            <v>39128</v>
          </cell>
          <cell r="G541">
            <v>355320</v>
          </cell>
          <cell r="I541">
            <v>1</v>
          </cell>
          <cell r="J541" t="str">
            <v>式</v>
          </cell>
          <cell r="K541" t="str">
            <v/>
          </cell>
          <cell r="L541">
            <v>355320</v>
          </cell>
          <cell r="M541" t="str">
            <v>公開</v>
          </cell>
          <cell r="N541" t="str">
            <v>高・営</v>
          </cell>
          <cell r="P541">
            <v>39161</v>
          </cell>
          <cell r="Q541" t="str">
            <v>壱</v>
          </cell>
          <cell r="R541" t="str">
            <v>無</v>
          </cell>
          <cell r="S541" t="str">
            <v>電気課</v>
          </cell>
          <cell r="T541" t="str">
            <v>田中　敏雄</v>
          </cell>
          <cell r="U541">
            <v>2628</v>
          </cell>
          <cell r="V541" t="str">
            <v>課長</v>
          </cell>
          <cell r="W541" t="str">
            <v>なか１日</v>
          </cell>
          <cell r="X541" t="str">
            <v>公開</v>
          </cell>
          <cell r="Y541">
            <v>39135</v>
          </cell>
          <cell r="Z541">
            <v>39135</v>
          </cell>
          <cell r="AB541" t="str">
            <v>交通局３階総務課（契約担当）</v>
          </cell>
          <cell r="AD541" t="e">
            <v>#VALUE!</v>
          </cell>
          <cell r="AI541">
            <v>3</v>
          </cell>
          <cell r="AJ541" t="str">
            <v>（株）イザワ</v>
          </cell>
          <cell r="AK541" t="str">
            <v>向野商事（株）</v>
          </cell>
          <cell r="AL541" t="str">
            <v>ヤンマーエネルギーシステム（株）札幌支店</v>
          </cell>
          <cell r="AU541" t="str">
            <v>省略可</v>
          </cell>
          <cell r="AW541">
            <v>355320</v>
          </cell>
          <cell r="AX541">
            <v>1</v>
          </cell>
          <cell r="AY541" t="str">
            <v>ヤンマーエネルギーシステム（株）札幌支店</v>
          </cell>
          <cell r="AZ541">
            <v>230400</v>
          </cell>
          <cell r="BA541">
            <v>241920</v>
          </cell>
          <cell r="BB541">
            <v>11520</v>
          </cell>
          <cell r="BC541" t="str">
            <v>発注書</v>
          </cell>
          <cell r="BE541">
            <v>39136</v>
          </cell>
          <cell r="BF541" t="str">
            <v>しない</v>
          </cell>
          <cell r="BG541" t="str">
            <v>見積(公開)</v>
          </cell>
          <cell r="BH541">
            <v>0.68085106382978722</v>
          </cell>
          <cell r="BK541">
            <v>338400</v>
          </cell>
          <cell r="BL541" t="str">
            <v xml:space="preserve"> </v>
          </cell>
          <cell r="BM541">
            <v>113400</v>
          </cell>
          <cell r="BN541">
            <v>0.68085106382978722</v>
          </cell>
        </row>
        <row r="542">
          <cell r="A542">
            <v>2078</v>
          </cell>
          <cell r="B542" t="str">
            <v>製造請負</v>
          </cell>
          <cell r="C542" t="str">
            <v>運行管理システム改良（西基地）</v>
          </cell>
          <cell r="D542">
            <v>39129</v>
          </cell>
          <cell r="E542" t="str">
            <v>特命</v>
          </cell>
          <cell r="G542">
            <v>10647000</v>
          </cell>
          <cell r="I542">
            <v>1</v>
          </cell>
          <cell r="J542" t="str">
            <v>式</v>
          </cell>
          <cell r="K542" t="str">
            <v/>
          </cell>
          <cell r="L542">
            <v>10647000</v>
          </cell>
          <cell r="M542" t="str">
            <v>特命</v>
          </cell>
          <cell r="N542" t="str">
            <v>高・建改</v>
          </cell>
          <cell r="P542">
            <v>39416</v>
          </cell>
          <cell r="Q542" t="str">
            <v>壱</v>
          </cell>
          <cell r="R542" t="str">
            <v>無</v>
          </cell>
          <cell r="S542" t="str">
            <v>電気課</v>
          </cell>
          <cell r="T542" t="str">
            <v>伊藤　公一</v>
          </cell>
          <cell r="U542">
            <v>2652</v>
          </cell>
          <cell r="V542" t="str">
            <v>管理者</v>
          </cell>
          <cell r="W542" t="str">
            <v>なか５日</v>
          </cell>
          <cell r="X542" t="str">
            <v>特命</v>
          </cell>
          <cell r="Y542">
            <v>39139</v>
          </cell>
          <cell r="Z542">
            <v>39139</v>
          </cell>
          <cell r="AA542">
            <v>1400</v>
          </cell>
          <cell r="AB542" t="str">
            <v>交通局３階総務課（契約担当）</v>
          </cell>
          <cell r="AD542" t="str">
            <v>平成19年2月26日(月)　14時00分</v>
          </cell>
          <cell r="AI542">
            <v>1</v>
          </cell>
          <cell r="AJ542" t="str">
            <v>（株）日立製作所北海道支社</v>
          </cell>
          <cell r="AU542" t="str">
            <v>要</v>
          </cell>
          <cell r="AV542">
            <v>10000000</v>
          </cell>
          <cell r="AW542">
            <v>10500000</v>
          </cell>
          <cell r="AX542">
            <v>1.3806706114398382E-2</v>
          </cell>
          <cell r="AY542" t="str">
            <v>（株）日立製作所北海道支社</v>
          </cell>
          <cell r="AZ542">
            <v>10000000</v>
          </cell>
          <cell r="BA542">
            <v>10500000</v>
          </cell>
          <cell r="BB542">
            <v>500000</v>
          </cell>
          <cell r="BC542" t="str">
            <v>契約書</v>
          </cell>
          <cell r="BE542">
            <v>39140</v>
          </cell>
          <cell r="BF542" t="str">
            <v>する</v>
          </cell>
          <cell r="BG542" t="str">
            <v>見積</v>
          </cell>
          <cell r="BH542">
            <v>1</v>
          </cell>
          <cell r="BK542">
            <v>10140000</v>
          </cell>
          <cell r="BL542" t="str">
            <v xml:space="preserve"> </v>
          </cell>
          <cell r="BM542">
            <v>147000</v>
          </cell>
          <cell r="BN542">
            <v>0.98619329388560162</v>
          </cell>
        </row>
        <row r="543">
          <cell r="A543">
            <v>2079</v>
          </cell>
          <cell r="B543" t="str">
            <v>製造請負</v>
          </cell>
          <cell r="C543" t="str">
            <v>故障監視装置改良（信号設備更新）</v>
          </cell>
          <cell r="D543">
            <v>39129</v>
          </cell>
          <cell r="E543" t="str">
            <v>特命</v>
          </cell>
          <cell r="G543">
            <v>1858500</v>
          </cell>
          <cell r="I543">
            <v>1</v>
          </cell>
          <cell r="J543" t="str">
            <v>式</v>
          </cell>
          <cell r="K543" t="str">
            <v/>
          </cell>
          <cell r="L543">
            <v>1858500</v>
          </cell>
          <cell r="M543" t="str">
            <v>特命</v>
          </cell>
          <cell r="N543" t="str">
            <v>高・建改</v>
          </cell>
          <cell r="P543">
            <v>39437</v>
          </cell>
          <cell r="Q543" t="str">
            <v>壱</v>
          </cell>
          <cell r="R543" t="str">
            <v>無</v>
          </cell>
          <cell r="S543" t="str">
            <v>電気課</v>
          </cell>
          <cell r="T543" t="str">
            <v>伊藤　弘</v>
          </cell>
          <cell r="U543">
            <v>2646</v>
          </cell>
          <cell r="V543" t="str">
            <v>課長</v>
          </cell>
          <cell r="W543" t="str">
            <v>なか１日</v>
          </cell>
          <cell r="X543" t="str">
            <v>特命</v>
          </cell>
          <cell r="Y543">
            <v>39134</v>
          </cell>
          <cell r="Z543">
            <v>39135</v>
          </cell>
          <cell r="AA543">
            <v>1400</v>
          </cell>
          <cell r="AB543" t="str">
            <v>交通局３階総務課（契約担当）</v>
          </cell>
          <cell r="AD543" t="str">
            <v>平成19年2月22日(木)　14時00分</v>
          </cell>
          <cell r="AI543">
            <v>1</v>
          </cell>
          <cell r="AJ543" t="str">
            <v>富士通（株）北海道営業本部</v>
          </cell>
          <cell r="AU543" t="str">
            <v>省略可</v>
          </cell>
          <cell r="AW543">
            <v>1858500</v>
          </cell>
          <cell r="AX543">
            <v>1</v>
          </cell>
          <cell r="AY543" t="str">
            <v>富士通（株）北海道営業本部</v>
          </cell>
          <cell r="AZ543">
            <v>1650000</v>
          </cell>
          <cell r="BA543">
            <v>1732500</v>
          </cell>
          <cell r="BB543">
            <v>82500</v>
          </cell>
          <cell r="BC543" t="str">
            <v>契約書</v>
          </cell>
          <cell r="BE543">
            <v>39139</v>
          </cell>
          <cell r="BF543" t="str">
            <v>する</v>
          </cell>
          <cell r="BG543" t="str">
            <v>見積</v>
          </cell>
          <cell r="BH543">
            <v>0.93220338983050843</v>
          </cell>
          <cell r="BI543" t="str">
            <v>支払い限度額設定により請書ではなく契約書</v>
          </cell>
          <cell r="BK543">
            <v>1770000</v>
          </cell>
          <cell r="BL543" t="str">
            <v xml:space="preserve"> </v>
          </cell>
          <cell r="BM543">
            <v>126000</v>
          </cell>
          <cell r="BN543">
            <v>0.93220338983050843</v>
          </cell>
        </row>
        <row r="544">
          <cell r="A544">
            <v>2080</v>
          </cell>
          <cell r="B544" t="str">
            <v>製造請負</v>
          </cell>
          <cell r="C544" t="str">
            <v>現金収納袋（紙幣袋）</v>
          </cell>
          <cell r="D544">
            <v>39129</v>
          </cell>
          <cell r="G544">
            <v>288750</v>
          </cell>
          <cell r="I544">
            <v>1</v>
          </cell>
          <cell r="J544" t="str">
            <v>式</v>
          </cell>
          <cell r="K544" t="str">
            <v/>
          </cell>
          <cell r="L544">
            <v>288750</v>
          </cell>
          <cell r="M544" t="str">
            <v>公開</v>
          </cell>
          <cell r="N544" t="str">
            <v>高・営</v>
          </cell>
          <cell r="P544">
            <v>39164</v>
          </cell>
          <cell r="Q544" t="str">
            <v>壱</v>
          </cell>
          <cell r="R544" t="str">
            <v>無</v>
          </cell>
          <cell r="S544" t="str">
            <v>駅務課</v>
          </cell>
          <cell r="T544" t="str">
            <v>山本　剛</v>
          </cell>
          <cell r="U544">
            <v>5713</v>
          </cell>
          <cell r="V544" t="str">
            <v>課長</v>
          </cell>
          <cell r="W544" t="str">
            <v>なか１日</v>
          </cell>
          <cell r="X544" t="str">
            <v>公開</v>
          </cell>
          <cell r="Y544">
            <v>39135</v>
          </cell>
          <cell r="Z544">
            <v>39135</v>
          </cell>
          <cell r="AB544" t="str">
            <v>交通局３階総務課（契約担当）</v>
          </cell>
          <cell r="AD544" t="e">
            <v>#VALUE!</v>
          </cell>
          <cell r="AI544">
            <v>3</v>
          </cell>
          <cell r="AJ544" t="str">
            <v>（株）ササキ札幌営業所</v>
          </cell>
          <cell r="AU544" t="str">
            <v>省略可</v>
          </cell>
          <cell r="AW544">
            <v>288750</v>
          </cell>
          <cell r="AX544">
            <v>1</v>
          </cell>
          <cell r="AY544" t="str">
            <v>（株）ササキ札幌営業所</v>
          </cell>
          <cell r="AZ544">
            <v>250000</v>
          </cell>
          <cell r="BA544">
            <v>262500</v>
          </cell>
          <cell r="BB544">
            <v>12500</v>
          </cell>
          <cell r="BC544" t="str">
            <v>発注書</v>
          </cell>
          <cell r="BE544">
            <v>39136</v>
          </cell>
          <cell r="BF544" t="str">
            <v>しない</v>
          </cell>
          <cell r="BG544" t="str">
            <v>見積(公開)</v>
          </cell>
          <cell r="BH544">
            <v>0.90909090909090906</v>
          </cell>
          <cell r="BK544">
            <v>275000</v>
          </cell>
          <cell r="BL544" t="str">
            <v xml:space="preserve"> </v>
          </cell>
          <cell r="BM544">
            <v>26250</v>
          </cell>
          <cell r="BN544">
            <v>0.90909090909090906</v>
          </cell>
        </row>
        <row r="545">
          <cell r="A545">
            <v>2081</v>
          </cell>
          <cell r="B545" t="str">
            <v>製造請負</v>
          </cell>
          <cell r="C545" t="str">
            <v>東西線西１１丁目駅出入口案内板標識</v>
          </cell>
          <cell r="D545">
            <v>39129</v>
          </cell>
          <cell r="G545">
            <v>242550</v>
          </cell>
          <cell r="I545">
            <v>1</v>
          </cell>
          <cell r="J545" t="str">
            <v>式</v>
          </cell>
          <cell r="K545" t="str">
            <v/>
          </cell>
          <cell r="L545">
            <v>242550</v>
          </cell>
          <cell r="M545" t="str">
            <v>公開</v>
          </cell>
          <cell r="N545" t="str">
            <v>高・営</v>
          </cell>
          <cell r="P545">
            <v>39164</v>
          </cell>
          <cell r="Q545" t="str">
            <v>壱</v>
          </cell>
          <cell r="R545" t="str">
            <v>無</v>
          </cell>
          <cell r="S545" t="str">
            <v>駅務課</v>
          </cell>
          <cell r="T545" t="str">
            <v>秋葉　猛</v>
          </cell>
          <cell r="U545">
            <v>5714</v>
          </cell>
          <cell r="V545" t="str">
            <v>課長</v>
          </cell>
          <cell r="W545" t="str">
            <v>なか１日</v>
          </cell>
          <cell r="X545" t="str">
            <v>公開</v>
          </cell>
          <cell r="Y545">
            <v>39135</v>
          </cell>
          <cell r="Z545">
            <v>39135</v>
          </cell>
          <cell r="AB545" t="str">
            <v>交通局３階総務課（契約担当）</v>
          </cell>
          <cell r="AD545" t="e">
            <v>#VALUE!</v>
          </cell>
          <cell r="AI545">
            <v>3</v>
          </cell>
          <cell r="AJ545" t="str">
            <v>（株）ササキ札幌営業所</v>
          </cell>
          <cell r="AK545" t="str">
            <v>（株）日本孔版</v>
          </cell>
          <cell r="AU545" t="str">
            <v>省略可</v>
          </cell>
          <cell r="AW545">
            <v>242550</v>
          </cell>
          <cell r="AX545">
            <v>1</v>
          </cell>
          <cell r="AY545" t="str">
            <v>（株）日本孔版</v>
          </cell>
          <cell r="AZ545">
            <v>201000</v>
          </cell>
          <cell r="BA545">
            <v>211050</v>
          </cell>
          <cell r="BB545">
            <v>10050</v>
          </cell>
          <cell r="BC545" t="str">
            <v>発注書</v>
          </cell>
          <cell r="BE545">
            <v>39136</v>
          </cell>
          <cell r="BF545" t="str">
            <v>しない</v>
          </cell>
          <cell r="BG545" t="str">
            <v>見積(公開)</v>
          </cell>
          <cell r="BH545">
            <v>0.87012987012987009</v>
          </cell>
          <cell r="BK545">
            <v>231000</v>
          </cell>
          <cell r="BL545" t="str">
            <v xml:space="preserve"> </v>
          </cell>
          <cell r="BM545">
            <v>31500</v>
          </cell>
          <cell r="BN545">
            <v>0.87012987012987009</v>
          </cell>
        </row>
        <row r="546">
          <cell r="A546">
            <v>1270</v>
          </cell>
          <cell r="B546" t="str">
            <v>物品購入</v>
          </cell>
          <cell r="C546" t="str">
            <v>非常列車停止警報遠隔模擬装置（教習用）</v>
          </cell>
          <cell r="D546">
            <v>39129</v>
          </cell>
          <cell r="E546" t="str">
            <v>特命</v>
          </cell>
          <cell r="G546">
            <v>997500</v>
          </cell>
          <cell r="I546">
            <v>1</v>
          </cell>
          <cell r="J546" t="str">
            <v>式</v>
          </cell>
          <cell r="K546" t="str">
            <v/>
          </cell>
          <cell r="L546">
            <v>997500</v>
          </cell>
          <cell r="M546" t="str">
            <v>特命</v>
          </cell>
          <cell r="N546" t="str">
            <v>高・営</v>
          </cell>
          <cell r="P546">
            <v>39169</v>
          </cell>
          <cell r="Q546" t="str">
            <v>壱</v>
          </cell>
          <cell r="R546" t="str">
            <v>無</v>
          </cell>
          <cell r="S546" t="str">
            <v>電気課</v>
          </cell>
          <cell r="T546" t="str">
            <v>桜庭　常夫</v>
          </cell>
          <cell r="U546">
            <v>2643</v>
          </cell>
          <cell r="V546" t="str">
            <v>課長</v>
          </cell>
          <cell r="W546" t="str">
            <v>なか１日</v>
          </cell>
          <cell r="X546" t="str">
            <v>特命</v>
          </cell>
          <cell r="Y546">
            <v>39134</v>
          </cell>
          <cell r="Z546">
            <v>39135</v>
          </cell>
          <cell r="AA546">
            <v>1430</v>
          </cell>
          <cell r="AB546" t="str">
            <v>交通局３階総務課（契約担当）</v>
          </cell>
          <cell r="AD546" t="str">
            <v>平成19年2月22日(木)　14時30分</v>
          </cell>
          <cell r="AI546">
            <v>1</v>
          </cell>
          <cell r="AJ546" t="str">
            <v>パナソニックＳＳエンジニアリング（株）北海道ＰＳＳＥ社</v>
          </cell>
          <cell r="AU546" t="str">
            <v>省略可</v>
          </cell>
          <cell r="AW546">
            <v>997500</v>
          </cell>
          <cell r="AX546">
            <v>1</v>
          </cell>
          <cell r="AY546" t="str">
            <v>パナソニックＳＳエンジニアリング（株）北海道ＰＳＳＥ社</v>
          </cell>
          <cell r="AZ546">
            <v>940000</v>
          </cell>
          <cell r="BA546">
            <v>987000</v>
          </cell>
          <cell r="BB546">
            <v>47000</v>
          </cell>
          <cell r="BC546" t="str">
            <v>請書</v>
          </cell>
          <cell r="BE546">
            <v>39136</v>
          </cell>
          <cell r="BF546" t="str">
            <v>しない</v>
          </cell>
          <cell r="BG546" t="str">
            <v>見積</v>
          </cell>
          <cell r="BH546">
            <v>0.98947368421052628</v>
          </cell>
          <cell r="BK546">
            <v>950000</v>
          </cell>
          <cell r="BL546" t="str">
            <v xml:space="preserve"> </v>
          </cell>
          <cell r="BM546">
            <v>10500</v>
          </cell>
          <cell r="BN546">
            <v>0.98947368421052628</v>
          </cell>
        </row>
        <row r="547">
          <cell r="A547">
            <v>2082</v>
          </cell>
          <cell r="B547" t="str">
            <v>製造請負</v>
          </cell>
          <cell r="C547" t="str">
            <v>記念共通ウィズユーカード【映画「名探偵コナン」】</v>
          </cell>
          <cell r="D547">
            <v>39129</v>
          </cell>
          <cell r="E547" t="str">
            <v>特命</v>
          </cell>
          <cell r="G547">
            <v>177030</v>
          </cell>
          <cell r="I547">
            <v>3000</v>
          </cell>
          <cell r="J547" t="str">
            <v>枚</v>
          </cell>
          <cell r="K547" t="str">
            <v/>
          </cell>
          <cell r="L547">
            <v>177030</v>
          </cell>
          <cell r="M547" t="str">
            <v>特命</v>
          </cell>
          <cell r="N547" t="str">
            <v>軌・営　高・営</v>
          </cell>
          <cell r="P547">
            <v>39172</v>
          </cell>
          <cell r="Q547" t="str">
            <v>壱</v>
          </cell>
          <cell r="R547" t="str">
            <v>無</v>
          </cell>
          <cell r="S547" t="str">
            <v>経営企画課</v>
          </cell>
          <cell r="T547" t="str">
            <v>今野　吉隆</v>
          </cell>
          <cell r="U547">
            <v>2123</v>
          </cell>
          <cell r="V547" t="str">
            <v>課長</v>
          </cell>
          <cell r="W547" t="str">
            <v>なか１日</v>
          </cell>
          <cell r="X547" t="str">
            <v>特命</v>
          </cell>
          <cell r="Y547">
            <v>39134</v>
          </cell>
          <cell r="Z547">
            <v>39135</v>
          </cell>
          <cell r="AA547">
            <v>1445</v>
          </cell>
          <cell r="AB547" t="str">
            <v>交通局３階総務課（契約担当）</v>
          </cell>
          <cell r="AD547" t="str">
            <v>平成19年2月22日(木)　14時45分</v>
          </cell>
          <cell r="AI547">
            <v>1</v>
          </cell>
          <cell r="AJ547" t="str">
            <v>共同印刷（株）</v>
          </cell>
          <cell r="AU547" t="str">
            <v>省略可</v>
          </cell>
          <cell r="AW547">
            <v>177030</v>
          </cell>
          <cell r="AX547">
            <v>1</v>
          </cell>
          <cell r="AY547" t="str">
            <v>共同印刷（株）</v>
          </cell>
          <cell r="AZ547">
            <v>159000</v>
          </cell>
          <cell r="BA547">
            <v>166950</v>
          </cell>
          <cell r="BB547">
            <v>7950</v>
          </cell>
          <cell r="BC547" t="str">
            <v>発注書</v>
          </cell>
          <cell r="BE547">
            <v>39135</v>
          </cell>
          <cell r="BF547" t="str">
            <v>しない</v>
          </cell>
          <cell r="BG547" t="str">
            <v>見積</v>
          </cell>
          <cell r="BH547">
            <v>0.94306049822064053</v>
          </cell>
          <cell r="BK547">
            <v>168600</v>
          </cell>
          <cell r="BL547">
            <v>59.01</v>
          </cell>
          <cell r="BM547">
            <v>10080</v>
          </cell>
          <cell r="BN547">
            <v>0.94306049822064053</v>
          </cell>
        </row>
        <row r="548">
          <cell r="A548">
            <v>2083</v>
          </cell>
          <cell r="B548" t="str">
            <v>製造請負</v>
          </cell>
          <cell r="C548" t="str">
            <v>記念共通ウィズユーカード【映画「バベル」】</v>
          </cell>
          <cell r="D548">
            <v>39129</v>
          </cell>
          <cell r="E548" t="str">
            <v>特命</v>
          </cell>
          <cell r="G548">
            <v>177030</v>
          </cell>
          <cell r="I548">
            <v>3000</v>
          </cell>
          <cell r="J548" t="str">
            <v>枚</v>
          </cell>
          <cell r="K548" t="str">
            <v/>
          </cell>
          <cell r="L548">
            <v>177030</v>
          </cell>
          <cell r="M548" t="str">
            <v>特命</v>
          </cell>
          <cell r="N548" t="str">
            <v>軌・営　高・営</v>
          </cell>
          <cell r="P548">
            <v>39172</v>
          </cell>
          <cell r="Q548" t="str">
            <v>壱</v>
          </cell>
          <cell r="R548" t="str">
            <v>無</v>
          </cell>
          <cell r="S548" t="str">
            <v>経営企画課</v>
          </cell>
          <cell r="T548" t="str">
            <v>今野　吉隆</v>
          </cell>
          <cell r="U548">
            <v>2123</v>
          </cell>
          <cell r="V548" t="str">
            <v>課長</v>
          </cell>
          <cell r="W548" t="str">
            <v>なか１日</v>
          </cell>
          <cell r="X548" t="str">
            <v>特命</v>
          </cell>
          <cell r="Y548">
            <v>39134</v>
          </cell>
          <cell r="Z548">
            <v>39135</v>
          </cell>
          <cell r="AA548">
            <v>1450</v>
          </cell>
          <cell r="AB548" t="str">
            <v>交通局３階総務課（契約担当）</v>
          </cell>
          <cell r="AD548" t="str">
            <v>平成19年2月22日(木)　14時50分</v>
          </cell>
          <cell r="AI548">
            <v>1</v>
          </cell>
          <cell r="AJ548" t="str">
            <v>共同印刷（株）</v>
          </cell>
          <cell r="AU548" t="str">
            <v>省略可</v>
          </cell>
          <cell r="AW548">
            <v>177030</v>
          </cell>
          <cell r="AX548">
            <v>1</v>
          </cell>
          <cell r="AY548" t="str">
            <v>共同印刷（株）</v>
          </cell>
          <cell r="AZ548">
            <v>159000</v>
          </cell>
          <cell r="BA548">
            <v>166950</v>
          </cell>
          <cell r="BB548">
            <v>7950</v>
          </cell>
          <cell r="BC548" t="str">
            <v>発注書</v>
          </cell>
          <cell r="BE548">
            <v>39135</v>
          </cell>
          <cell r="BF548" t="str">
            <v>しない</v>
          </cell>
          <cell r="BG548" t="str">
            <v>見積</v>
          </cell>
          <cell r="BH548">
            <v>0.94306049822064053</v>
          </cell>
          <cell r="BK548">
            <v>168600</v>
          </cell>
          <cell r="BL548">
            <v>59.01</v>
          </cell>
          <cell r="BM548">
            <v>10080</v>
          </cell>
          <cell r="BN548">
            <v>0.94306049822064053</v>
          </cell>
        </row>
        <row r="549">
          <cell r="A549">
            <v>2084</v>
          </cell>
          <cell r="B549" t="str">
            <v>製造請負</v>
          </cell>
          <cell r="C549" t="str">
            <v>記念共通ウィズユーカード【映画「スパイダーマン３」】</v>
          </cell>
          <cell r="D549">
            <v>39129</v>
          </cell>
          <cell r="E549" t="str">
            <v>特命</v>
          </cell>
          <cell r="G549">
            <v>177030</v>
          </cell>
          <cell r="I549">
            <v>3000</v>
          </cell>
          <cell r="J549" t="str">
            <v>枚</v>
          </cell>
          <cell r="K549" t="str">
            <v/>
          </cell>
          <cell r="L549">
            <v>177030</v>
          </cell>
          <cell r="M549" t="str">
            <v>特命</v>
          </cell>
          <cell r="N549" t="str">
            <v>軌・営　高・営</v>
          </cell>
          <cell r="P549">
            <v>39172</v>
          </cell>
          <cell r="Q549" t="str">
            <v>壱</v>
          </cell>
          <cell r="R549" t="str">
            <v>無</v>
          </cell>
          <cell r="S549" t="str">
            <v>経営企画課</v>
          </cell>
          <cell r="T549" t="str">
            <v>今野　吉隆</v>
          </cell>
          <cell r="U549">
            <v>2123</v>
          </cell>
          <cell r="V549" t="str">
            <v>課長</v>
          </cell>
          <cell r="W549" t="str">
            <v>なか１日</v>
          </cell>
          <cell r="X549" t="str">
            <v>特命</v>
          </cell>
          <cell r="Y549">
            <v>39134</v>
          </cell>
          <cell r="Z549">
            <v>39135</v>
          </cell>
          <cell r="AA549">
            <v>1455</v>
          </cell>
          <cell r="AB549" t="str">
            <v>交通局３階総務課（契約担当）</v>
          </cell>
          <cell r="AD549" t="str">
            <v>平成19年2月22日(木)　14時55分</v>
          </cell>
          <cell r="AI549">
            <v>1</v>
          </cell>
          <cell r="AJ549" t="str">
            <v>共同印刷（株）</v>
          </cell>
          <cell r="AU549" t="str">
            <v>省略可</v>
          </cell>
          <cell r="AW549">
            <v>177030</v>
          </cell>
          <cell r="AX549">
            <v>1</v>
          </cell>
          <cell r="AY549" t="str">
            <v>共同印刷（株）</v>
          </cell>
          <cell r="AZ549">
            <v>159000</v>
          </cell>
          <cell r="BA549">
            <v>166950</v>
          </cell>
          <cell r="BB549">
            <v>7950</v>
          </cell>
          <cell r="BC549" t="str">
            <v>発注書</v>
          </cell>
          <cell r="BE549">
            <v>39135</v>
          </cell>
          <cell r="BF549" t="str">
            <v>しない</v>
          </cell>
          <cell r="BG549" t="str">
            <v>見積</v>
          </cell>
          <cell r="BH549">
            <v>0.94306049822064053</v>
          </cell>
          <cell r="BK549">
            <v>168600</v>
          </cell>
          <cell r="BL549">
            <v>59.01</v>
          </cell>
          <cell r="BM549">
            <v>10080</v>
          </cell>
          <cell r="BN549">
            <v>0.94306049822064053</v>
          </cell>
        </row>
        <row r="550">
          <cell r="A550">
            <v>7195</v>
          </cell>
          <cell r="B550" t="str">
            <v>業務委託</v>
          </cell>
          <cell r="C550" t="str">
            <v>南北線各駅ホーム監視用モニター等設置</v>
          </cell>
          <cell r="D550">
            <v>39132</v>
          </cell>
          <cell r="E550" t="str">
            <v>特命</v>
          </cell>
          <cell r="G550">
            <v>7166250</v>
          </cell>
          <cell r="I550">
            <v>1</v>
          </cell>
          <cell r="J550" t="str">
            <v>式</v>
          </cell>
          <cell r="K550" t="str">
            <v/>
          </cell>
          <cell r="L550">
            <v>7166250</v>
          </cell>
          <cell r="M550" t="str">
            <v>特命</v>
          </cell>
          <cell r="N550" t="str">
            <v>高・営</v>
          </cell>
          <cell r="O550">
            <v>39143</v>
          </cell>
          <cell r="P550">
            <v>39167</v>
          </cell>
          <cell r="Q550" t="str">
            <v>壱</v>
          </cell>
          <cell r="R550" t="str">
            <v>無</v>
          </cell>
          <cell r="S550" t="str">
            <v>電気課</v>
          </cell>
          <cell r="T550" t="str">
            <v>桜庭　常夫</v>
          </cell>
          <cell r="U550">
            <v>2643</v>
          </cell>
          <cell r="V550" t="str">
            <v>管理者</v>
          </cell>
          <cell r="W550" t="str">
            <v>なか５日</v>
          </cell>
          <cell r="X550" t="str">
            <v>特命</v>
          </cell>
          <cell r="Y550">
            <v>39140</v>
          </cell>
          <cell r="Z550">
            <v>39140</v>
          </cell>
          <cell r="AA550">
            <v>1400</v>
          </cell>
          <cell r="AB550" t="str">
            <v>交通局３階総務課（契約担当）</v>
          </cell>
          <cell r="AD550" t="str">
            <v>平成19年2月27日(火)　14時00分</v>
          </cell>
          <cell r="AI550">
            <v>1</v>
          </cell>
          <cell r="AJ550" t="str">
            <v>パナソニックＳＳエンジニアリング（株）北海道ＰＳＳＥ社</v>
          </cell>
          <cell r="AU550" t="str">
            <v>要</v>
          </cell>
          <cell r="AV550">
            <v>6750000</v>
          </cell>
          <cell r="AW550">
            <v>7087500</v>
          </cell>
          <cell r="AX550">
            <v>1.098901098901095E-2</v>
          </cell>
          <cell r="AY550" t="str">
            <v>パナソニックＳＳエンジニアリング（株）北海道ＰＳＳＥ社</v>
          </cell>
          <cell r="AZ550">
            <v>6750000</v>
          </cell>
          <cell r="BA550">
            <v>7087500</v>
          </cell>
          <cell r="BB550">
            <v>337500</v>
          </cell>
          <cell r="BC550" t="str">
            <v>契約書</v>
          </cell>
          <cell r="BE550">
            <v>39141</v>
          </cell>
          <cell r="BF550" t="str">
            <v>しない</v>
          </cell>
          <cell r="BG550" t="str">
            <v>見積</v>
          </cell>
          <cell r="BH550">
            <v>1</v>
          </cell>
          <cell r="BK550">
            <v>6825000</v>
          </cell>
          <cell r="BL550" t="str">
            <v xml:space="preserve"> </v>
          </cell>
          <cell r="BM550">
            <v>78750</v>
          </cell>
          <cell r="BN550">
            <v>0.98901098901098905</v>
          </cell>
        </row>
        <row r="551">
          <cell r="A551">
            <v>7196</v>
          </cell>
          <cell r="B551" t="str">
            <v>業務委託</v>
          </cell>
          <cell r="C551" t="str">
            <v>東西線換気集中制御装置改修業務</v>
          </cell>
          <cell r="D551">
            <v>39132</v>
          </cell>
          <cell r="E551" t="str">
            <v>特命</v>
          </cell>
          <cell r="G551">
            <v>1837500</v>
          </cell>
          <cell r="I551">
            <v>1</v>
          </cell>
          <cell r="J551" t="str">
            <v>式</v>
          </cell>
          <cell r="K551" t="str">
            <v/>
          </cell>
          <cell r="L551">
            <v>1837500</v>
          </cell>
          <cell r="M551" t="str">
            <v>特命</v>
          </cell>
          <cell r="N551" t="str">
            <v>高・営</v>
          </cell>
          <cell r="O551">
            <v>39141</v>
          </cell>
          <cell r="P551">
            <v>39164</v>
          </cell>
          <cell r="Q551" t="str">
            <v>壱</v>
          </cell>
          <cell r="R551" t="str">
            <v>無</v>
          </cell>
          <cell r="S551" t="str">
            <v>施設課</v>
          </cell>
          <cell r="T551" t="str">
            <v>中里　聡</v>
          </cell>
          <cell r="U551">
            <v>2527</v>
          </cell>
          <cell r="V551" t="str">
            <v>部長</v>
          </cell>
          <cell r="W551" t="str">
            <v>なか１日</v>
          </cell>
          <cell r="X551" t="str">
            <v>特命</v>
          </cell>
          <cell r="Y551">
            <v>39136</v>
          </cell>
          <cell r="Z551">
            <v>39139</v>
          </cell>
          <cell r="AA551">
            <v>1430</v>
          </cell>
          <cell r="AB551" t="str">
            <v>交通局３階総務課（契約担当）</v>
          </cell>
          <cell r="AD551" t="str">
            <v>平成19年2月26日(月)　14時30分</v>
          </cell>
          <cell r="AI551">
            <v>1</v>
          </cell>
          <cell r="AJ551" t="str">
            <v>北海道大崎電気（株）</v>
          </cell>
          <cell r="AU551" t="str">
            <v>要</v>
          </cell>
          <cell r="AV551">
            <v>1730000</v>
          </cell>
          <cell r="AW551">
            <v>1816500</v>
          </cell>
          <cell r="AX551">
            <v>1.1428571428571455E-2</v>
          </cell>
          <cell r="AY551" t="str">
            <v>北海道大崎電気（株）</v>
          </cell>
          <cell r="AZ551">
            <v>1630000</v>
          </cell>
          <cell r="BA551">
            <v>1711500</v>
          </cell>
          <cell r="BB551">
            <v>81500</v>
          </cell>
          <cell r="BC551" t="str">
            <v>契約書</v>
          </cell>
          <cell r="BE551">
            <v>39140</v>
          </cell>
          <cell r="BF551" t="str">
            <v>しない</v>
          </cell>
          <cell r="BG551" t="str">
            <v>見積</v>
          </cell>
          <cell r="BH551">
            <v>0.94219653179190754</v>
          </cell>
          <cell r="BK551">
            <v>1750000</v>
          </cell>
          <cell r="BL551" t="str">
            <v xml:space="preserve"> </v>
          </cell>
          <cell r="BM551">
            <v>126000</v>
          </cell>
          <cell r="BN551">
            <v>0.93142857142857138</v>
          </cell>
        </row>
        <row r="552">
          <cell r="A552">
            <v>2085</v>
          </cell>
          <cell r="B552" t="str">
            <v>製造請負</v>
          </cell>
          <cell r="C552" t="str">
            <v>電照広告用カラーコルトン「マタニティマーク」</v>
          </cell>
          <cell r="D552">
            <v>39134</v>
          </cell>
          <cell r="G552">
            <v>2457000</v>
          </cell>
          <cell r="I552">
            <v>1</v>
          </cell>
          <cell r="J552" t="str">
            <v>式</v>
          </cell>
          <cell r="K552" t="str">
            <v/>
          </cell>
          <cell r="L552">
            <v>2457000</v>
          </cell>
          <cell r="M552" t="str">
            <v>公開</v>
          </cell>
          <cell r="N552" t="str">
            <v>高・営</v>
          </cell>
          <cell r="P552">
            <v>39171</v>
          </cell>
          <cell r="Q552" t="str">
            <v>壱</v>
          </cell>
          <cell r="R552" t="str">
            <v>無</v>
          </cell>
          <cell r="S552" t="str">
            <v>経営企画課</v>
          </cell>
          <cell r="T552" t="str">
            <v>今野　吉隆</v>
          </cell>
          <cell r="U552">
            <v>2123</v>
          </cell>
          <cell r="V552" t="str">
            <v>課長</v>
          </cell>
          <cell r="W552" t="str">
            <v>なか１日</v>
          </cell>
          <cell r="X552" t="str">
            <v>公開</v>
          </cell>
          <cell r="Y552">
            <v>39142</v>
          </cell>
          <cell r="Z552">
            <v>39142</v>
          </cell>
          <cell r="AB552" t="str">
            <v>交通局３階総務課（契約担当）</v>
          </cell>
          <cell r="AD552" t="e">
            <v>#VALUE!</v>
          </cell>
          <cell r="AI552">
            <v>3</v>
          </cell>
          <cell r="AJ552" t="str">
            <v>松原産業（株）</v>
          </cell>
          <cell r="AU552" t="str">
            <v>省略可</v>
          </cell>
          <cell r="AW552">
            <v>2457000</v>
          </cell>
          <cell r="AX552">
            <v>1</v>
          </cell>
          <cell r="AY552" t="str">
            <v>松原産業（株）</v>
          </cell>
          <cell r="AZ552">
            <v>696000</v>
          </cell>
          <cell r="BA552">
            <v>730800</v>
          </cell>
          <cell r="BB552">
            <v>34800</v>
          </cell>
          <cell r="BC552" t="str">
            <v>請書</v>
          </cell>
          <cell r="BE552">
            <v>39146</v>
          </cell>
          <cell r="BF552" t="str">
            <v>しない</v>
          </cell>
          <cell r="BG552" t="str">
            <v>見積(公開)</v>
          </cell>
          <cell r="BH552">
            <v>0.29743589743589743</v>
          </cell>
          <cell r="BK552">
            <v>2340000</v>
          </cell>
          <cell r="BL552" t="str">
            <v xml:space="preserve"> </v>
          </cell>
          <cell r="BM552">
            <v>1726200</v>
          </cell>
          <cell r="BN552">
            <v>0.29743589743589743</v>
          </cell>
        </row>
        <row r="553">
          <cell r="A553">
            <v>1271</v>
          </cell>
          <cell r="B553" t="str">
            <v>物品購入</v>
          </cell>
          <cell r="C553" t="str">
            <v>寝具一式</v>
          </cell>
          <cell r="D553">
            <v>39134</v>
          </cell>
          <cell r="G553">
            <v>1165500</v>
          </cell>
          <cell r="I553">
            <v>1</v>
          </cell>
          <cell r="J553" t="str">
            <v>式</v>
          </cell>
          <cell r="K553" t="str">
            <v/>
          </cell>
          <cell r="L553">
            <v>1165500</v>
          </cell>
          <cell r="M553" t="str">
            <v>公開</v>
          </cell>
          <cell r="N553" t="str">
            <v>高・営</v>
          </cell>
          <cell r="P553">
            <v>39164</v>
          </cell>
          <cell r="Q553" t="str">
            <v>壱</v>
          </cell>
          <cell r="R553" t="str">
            <v>無</v>
          </cell>
          <cell r="S553" t="str">
            <v>運行管理課</v>
          </cell>
          <cell r="T553" t="str">
            <v>中谷　秀孝</v>
          </cell>
          <cell r="U553">
            <v>3763</v>
          </cell>
          <cell r="V553" t="str">
            <v>課長</v>
          </cell>
          <cell r="W553" t="str">
            <v>なか１日</v>
          </cell>
          <cell r="X553" t="str">
            <v>公開</v>
          </cell>
          <cell r="Y553">
            <v>39142</v>
          </cell>
          <cell r="Z553">
            <v>39142</v>
          </cell>
          <cell r="AB553" t="str">
            <v>交通局３階総務課（契約担当）</v>
          </cell>
          <cell r="AD553" t="e">
            <v>#VALUE!</v>
          </cell>
          <cell r="AI553">
            <v>3</v>
          </cell>
          <cell r="AJ553" t="str">
            <v>小山（株）札幌営業所</v>
          </cell>
          <cell r="AK553" t="str">
            <v>（株）小山商会札幌営業所</v>
          </cell>
          <cell r="AL553" t="str">
            <v>（株）ササキ札幌営業所</v>
          </cell>
          <cell r="AU553" t="str">
            <v>省略可</v>
          </cell>
          <cell r="AW553">
            <v>1165500</v>
          </cell>
          <cell r="AX553">
            <v>1</v>
          </cell>
          <cell r="AY553" t="str">
            <v>（株）小山商会札幌営業所</v>
          </cell>
          <cell r="AZ553">
            <v>894200</v>
          </cell>
          <cell r="BA553">
            <v>938910</v>
          </cell>
          <cell r="BB553">
            <v>44710</v>
          </cell>
          <cell r="BC553" t="str">
            <v>請書</v>
          </cell>
          <cell r="BE553">
            <v>39146</v>
          </cell>
          <cell r="BF553" t="str">
            <v>しない</v>
          </cell>
          <cell r="BG553" t="str">
            <v>見積(公開)</v>
          </cell>
          <cell r="BH553">
            <v>0.80558558558558557</v>
          </cell>
          <cell r="BK553">
            <v>1110000</v>
          </cell>
          <cell r="BL553" t="str">
            <v xml:space="preserve"> </v>
          </cell>
          <cell r="BM553">
            <v>226590</v>
          </cell>
          <cell r="BN553">
            <v>0.80558558558558557</v>
          </cell>
        </row>
        <row r="554">
          <cell r="A554">
            <v>1272</v>
          </cell>
          <cell r="B554" t="str">
            <v>物品購入</v>
          </cell>
          <cell r="C554" t="str">
            <v>電力管理システム部品その２</v>
          </cell>
          <cell r="D554">
            <v>39134</v>
          </cell>
          <cell r="E554" t="str">
            <v>特命</v>
          </cell>
          <cell r="G554">
            <v>1764000</v>
          </cell>
          <cell r="I554">
            <v>1</v>
          </cell>
          <cell r="J554" t="str">
            <v>式</v>
          </cell>
          <cell r="K554" t="str">
            <v/>
          </cell>
          <cell r="L554">
            <v>1764000</v>
          </cell>
          <cell r="M554" t="str">
            <v>特命</v>
          </cell>
          <cell r="N554" t="str">
            <v>高・営</v>
          </cell>
          <cell r="P554">
            <v>39171</v>
          </cell>
          <cell r="Q554" t="str">
            <v>壱</v>
          </cell>
          <cell r="R554" t="str">
            <v>無</v>
          </cell>
          <cell r="S554" t="str">
            <v>電気課</v>
          </cell>
          <cell r="T554" t="str">
            <v>佐々木　泰宏</v>
          </cell>
          <cell r="U554">
            <v>2624</v>
          </cell>
          <cell r="V554" t="str">
            <v>課長</v>
          </cell>
          <cell r="W554" t="str">
            <v>なか１日</v>
          </cell>
          <cell r="X554" t="str">
            <v>特命</v>
          </cell>
          <cell r="Y554">
            <v>39139</v>
          </cell>
          <cell r="Z554">
            <v>39140</v>
          </cell>
          <cell r="AA554">
            <v>1430</v>
          </cell>
          <cell r="AB554" t="str">
            <v>交通局３階総務課（契約担当）</v>
          </cell>
          <cell r="AD554" t="str">
            <v>平成19年2月27日(火)　14時30分</v>
          </cell>
          <cell r="AI554">
            <v>1</v>
          </cell>
          <cell r="AJ554" t="str">
            <v>（株）日立エンジニアリングアンドサービス北海道支店</v>
          </cell>
          <cell r="AU554" t="str">
            <v>要</v>
          </cell>
          <cell r="AV554">
            <v>1679000</v>
          </cell>
          <cell r="AW554">
            <v>1762950</v>
          </cell>
          <cell r="AX554">
            <v>5.9523809523809312E-4</v>
          </cell>
          <cell r="AY554" t="str">
            <v>（株）日立エンジニアリングアンドサービス北海道支店</v>
          </cell>
          <cell r="AZ554">
            <v>1670000</v>
          </cell>
          <cell r="BA554">
            <v>1753500</v>
          </cell>
          <cell r="BB554">
            <v>83500</v>
          </cell>
          <cell r="BC554" t="str">
            <v>契約書</v>
          </cell>
          <cell r="BE554">
            <v>39141</v>
          </cell>
          <cell r="BF554" t="str">
            <v>しない</v>
          </cell>
          <cell r="BG554" t="str">
            <v>見積</v>
          </cell>
          <cell r="BH554">
            <v>0.99463966646813584</v>
          </cell>
          <cell r="BK554">
            <v>1680000</v>
          </cell>
          <cell r="BL554" t="str">
            <v xml:space="preserve"> </v>
          </cell>
          <cell r="BM554">
            <v>10500</v>
          </cell>
          <cell r="BN554">
            <v>0.99404761904761907</v>
          </cell>
        </row>
        <row r="555">
          <cell r="A555">
            <v>2086</v>
          </cell>
          <cell r="B555" t="str">
            <v>製造請負</v>
          </cell>
          <cell r="C555" t="str">
            <v>平成１８年度定期券発行装置等改良（夏ダイヤ）</v>
          </cell>
          <cell r="D555">
            <v>39134</v>
          </cell>
          <cell r="E555" t="str">
            <v>特命</v>
          </cell>
          <cell r="G555">
            <v>4494000</v>
          </cell>
          <cell r="I555">
            <v>1</v>
          </cell>
          <cell r="J555" t="str">
            <v>式</v>
          </cell>
          <cell r="K555" t="str">
            <v/>
          </cell>
          <cell r="L555">
            <v>4494000</v>
          </cell>
          <cell r="M555" t="str">
            <v>特命</v>
          </cell>
          <cell r="N555" t="str">
            <v>高・営</v>
          </cell>
          <cell r="P555">
            <v>39171</v>
          </cell>
          <cell r="Q555" t="str">
            <v>壱</v>
          </cell>
          <cell r="R555" t="str">
            <v>無</v>
          </cell>
          <cell r="S555" t="str">
            <v>電気課</v>
          </cell>
          <cell r="T555" t="str">
            <v>樋口　徹</v>
          </cell>
          <cell r="U555">
            <v>2666</v>
          </cell>
          <cell r="V555" t="str">
            <v>部長</v>
          </cell>
          <cell r="W555" t="str">
            <v>なか１日</v>
          </cell>
          <cell r="X555" t="str">
            <v>特命</v>
          </cell>
          <cell r="Y555">
            <v>39140</v>
          </cell>
          <cell r="Z555">
            <v>39140</v>
          </cell>
          <cell r="AA555">
            <v>1500</v>
          </cell>
          <cell r="AB555" t="str">
            <v>交通局３階総務課（契約担当）</v>
          </cell>
          <cell r="AD555" t="str">
            <v>平成19年2月27日(火)　15時00分</v>
          </cell>
          <cell r="AI555">
            <v>1</v>
          </cell>
          <cell r="AJ555" t="str">
            <v>（株）東芝北海道支社</v>
          </cell>
          <cell r="AU555" t="str">
            <v>要</v>
          </cell>
          <cell r="AV555">
            <v>4230000</v>
          </cell>
          <cell r="AW555">
            <v>4441500</v>
          </cell>
          <cell r="AX555">
            <v>1.1682242990654235E-2</v>
          </cell>
          <cell r="AY555" t="str">
            <v>（株）東芝北海道支社</v>
          </cell>
          <cell r="AZ555">
            <v>4200000</v>
          </cell>
          <cell r="BA555">
            <v>4410000</v>
          </cell>
          <cell r="BB555">
            <v>210000</v>
          </cell>
          <cell r="BC555" t="str">
            <v>契約書</v>
          </cell>
          <cell r="BE555">
            <v>39141</v>
          </cell>
          <cell r="BF555" t="str">
            <v>しない</v>
          </cell>
          <cell r="BG555" t="str">
            <v>見積</v>
          </cell>
          <cell r="BH555">
            <v>0.99290780141843971</v>
          </cell>
          <cell r="BK555">
            <v>4280000</v>
          </cell>
          <cell r="BL555" t="str">
            <v xml:space="preserve"> </v>
          </cell>
          <cell r="BM555">
            <v>84000</v>
          </cell>
          <cell r="BN555">
            <v>0.98130841121495327</v>
          </cell>
        </row>
        <row r="556">
          <cell r="A556">
            <v>1273</v>
          </cell>
          <cell r="B556" t="str">
            <v>物品購入</v>
          </cell>
          <cell r="C556" t="str">
            <v>ケーブル貫通部防火措置材</v>
          </cell>
          <cell r="D556">
            <v>39135</v>
          </cell>
          <cell r="G556">
            <v>830550</v>
          </cell>
          <cell r="I556">
            <v>1</v>
          </cell>
          <cell r="J556" t="str">
            <v>式</v>
          </cell>
          <cell r="K556" t="str">
            <v/>
          </cell>
          <cell r="L556">
            <v>830550</v>
          </cell>
          <cell r="M556" t="str">
            <v>公開</v>
          </cell>
          <cell r="N556" t="str">
            <v>高・営</v>
          </cell>
          <cell r="P556">
            <v>39171</v>
          </cell>
          <cell r="Q556" t="str">
            <v>壱</v>
          </cell>
          <cell r="R556" t="str">
            <v>無</v>
          </cell>
          <cell r="S556" t="str">
            <v>電気課</v>
          </cell>
          <cell r="T556" t="str">
            <v>佐々木　泰宏</v>
          </cell>
          <cell r="U556">
            <v>2624</v>
          </cell>
          <cell r="V556" t="str">
            <v>課長</v>
          </cell>
          <cell r="W556" t="str">
            <v>なか１日</v>
          </cell>
          <cell r="X556" t="str">
            <v>公開</v>
          </cell>
          <cell r="Y556">
            <v>39142</v>
          </cell>
          <cell r="Z556">
            <v>39142</v>
          </cell>
          <cell r="AB556" t="str">
            <v>交通局３階総務課（契約担当）</v>
          </cell>
          <cell r="AD556" t="e">
            <v>#VALUE!</v>
          </cell>
          <cell r="AI556">
            <v>3</v>
          </cell>
          <cell r="AJ556" t="str">
            <v>（株）エミヤ</v>
          </cell>
          <cell r="AK556" t="str">
            <v>（株）ササキ札幌営業所</v>
          </cell>
          <cell r="AU556" t="str">
            <v>省略可</v>
          </cell>
          <cell r="AW556">
            <v>830550</v>
          </cell>
          <cell r="AX556">
            <v>1</v>
          </cell>
          <cell r="AY556" t="str">
            <v>（株）エミヤ</v>
          </cell>
          <cell r="AZ556">
            <v>657500</v>
          </cell>
          <cell r="BA556">
            <v>690375</v>
          </cell>
          <cell r="BB556">
            <v>32875</v>
          </cell>
          <cell r="BC556" t="str">
            <v>請書</v>
          </cell>
          <cell r="BE556">
            <v>39146</v>
          </cell>
          <cell r="BF556" t="str">
            <v>しない</v>
          </cell>
          <cell r="BG556" t="str">
            <v>見積(公開)</v>
          </cell>
          <cell r="BH556">
            <v>0.83122629582806573</v>
          </cell>
          <cell r="BK556">
            <v>791000</v>
          </cell>
          <cell r="BL556" t="str">
            <v xml:space="preserve"> </v>
          </cell>
          <cell r="BM556">
            <v>140175</v>
          </cell>
          <cell r="BN556">
            <v>0.83122629582806573</v>
          </cell>
        </row>
        <row r="557">
          <cell r="A557">
            <v>2087</v>
          </cell>
          <cell r="B557" t="str">
            <v>製造請負</v>
          </cell>
          <cell r="C557" t="str">
            <v>環状通東駅電照標識</v>
          </cell>
          <cell r="D557">
            <v>39135</v>
          </cell>
          <cell r="G557">
            <v>2628150</v>
          </cell>
          <cell r="I557">
            <v>1</v>
          </cell>
          <cell r="J557" t="str">
            <v>式</v>
          </cell>
          <cell r="K557" t="str">
            <v/>
          </cell>
          <cell r="L557">
            <v>2628150</v>
          </cell>
          <cell r="M557" t="str">
            <v>入札</v>
          </cell>
          <cell r="N557" t="str">
            <v>高・営</v>
          </cell>
          <cell r="P557">
            <v>39164</v>
          </cell>
          <cell r="Q557" t="str">
            <v>壱</v>
          </cell>
          <cell r="R557" t="str">
            <v>無</v>
          </cell>
          <cell r="S557" t="str">
            <v>業務課</v>
          </cell>
          <cell r="T557" t="str">
            <v>小林　辰士</v>
          </cell>
          <cell r="U557">
            <v>2413</v>
          </cell>
          <cell r="V557" t="str">
            <v>課長</v>
          </cell>
          <cell r="W557" t="str">
            <v>なか１日</v>
          </cell>
          <cell r="X557" t="str">
            <v>入札</v>
          </cell>
          <cell r="Y557">
            <v>39140</v>
          </cell>
          <cell r="Z557">
            <v>39142</v>
          </cell>
          <cell r="AA557">
            <v>1100</v>
          </cell>
          <cell r="AB557" t="str">
            <v>交通局５階入札室</v>
          </cell>
          <cell r="AD557" t="str">
            <v>平成19年3月1日(木)　11時00分</v>
          </cell>
          <cell r="AE557" t="str">
            <v>製造業</v>
          </cell>
          <cell r="AF557" t="str">
            <v>その他製造業</v>
          </cell>
          <cell r="AG557" t="str">
            <v>看板・標識</v>
          </cell>
          <cell r="AH557" t="str">
            <v>B</v>
          </cell>
          <cell r="AI557">
            <v>3</v>
          </cell>
          <cell r="AJ557" t="str">
            <v>エー・アイ・エム（株）北海道支店</v>
          </cell>
          <cell r="AK557" t="str">
            <v>㈱札幌標板製作所</v>
          </cell>
          <cell r="AL557" t="str">
            <v>（株）日本孔版</v>
          </cell>
          <cell r="AU557" t="str">
            <v>要</v>
          </cell>
          <cell r="AV557">
            <v>2500000</v>
          </cell>
          <cell r="AW557">
            <v>2625000</v>
          </cell>
          <cell r="AX557">
            <v>1.198561725928915E-3</v>
          </cell>
          <cell r="AY557" t="str">
            <v>エー・アイ・エム（株）北海道支店</v>
          </cell>
          <cell r="AZ557">
            <v>2250000</v>
          </cell>
          <cell r="BA557">
            <v>2362500</v>
          </cell>
          <cell r="BB557">
            <v>112500</v>
          </cell>
          <cell r="BC557" t="str">
            <v>請書</v>
          </cell>
          <cell r="BE557">
            <v>39142</v>
          </cell>
          <cell r="BF557" t="str">
            <v>しない</v>
          </cell>
          <cell r="BG557" t="str">
            <v>入  札</v>
          </cell>
          <cell r="BH557">
            <v>0.9</v>
          </cell>
          <cell r="BK557">
            <v>2503000</v>
          </cell>
          <cell r="BL557" t="str">
            <v xml:space="preserve"> </v>
          </cell>
          <cell r="BM557">
            <v>265650</v>
          </cell>
          <cell r="BN557">
            <v>0.89892129444666402</v>
          </cell>
        </row>
        <row r="558">
          <cell r="A558">
            <v>1274</v>
          </cell>
          <cell r="B558" t="str">
            <v>物品購入</v>
          </cell>
          <cell r="C558" t="str">
            <v>自動制御部品（山武製）</v>
          </cell>
          <cell r="D558">
            <v>39136</v>
          </cell>
          <cell r="E558" t="str">
            <v>特命</v>
          </cell>
          <cell r="G558">
            <v>164955</v>
          </cell>
          <cell r="I558">
            <v>1</v>
          </cell>
          <cell r="J558" t="str">
            <v>式</v>
          </cell>
          <cell r="K558" t="str">
            <v/>
          </cell>
          <cell r="L558">
            <v>164955</v>
          </cell>
          <cell r="M558" t="str">
            <v>特命</v>
          </cell>
          <cell r="N558" t="str">
            <v>高・営</v>
          </cell>
          <cell r="P558">
            <v>39169</v>
          </cell>
          <cell r="Q558" t="str">
            <v>壱</v>
          </cell>
          <cell r="R558" t="str">
            <v>無</v>
          </cell>
          <cell r="S558" t="str">
            <v>施設課</v>
          </cell>
          <cell r="T558" t="str">
            <v>鍔山　和宏</v>
          </cell>
          <cell r="U558">
            <v>2525</v>
          </cell>
          <cell r="V558" t="str">
            <v>課長</v>
          </cell>
          <cell r="W558" t="str">
            <v>なか１日</v>
          </cell>
          <cell r="X558" t="str">
            <v>特命</v>
          </cell>
          <cell r="Y558">
            <v>39141</v>
          </cell>
          <cell r="Z558">
            <v>39142</v>
          </cell>
          <cell r="AA558">
            <v>1400</v>
          </cell>
          <cell r="AB558" t="str">
            <v>交通局３階総務課（契約担当）</v>
          </cell>
          <cell r="AD558" t="str">
            <v>平成19年3月1日(木)　14時00分</v>
          </cell>
          <cell r="AI558">
            <v>1</v>
          </cell>
          <cell r="AJ558" t="str">
            <v>（株）山武ビルシステムカンパニー北海道支店</v>
          </cell>
          <cell r="AU558" t="str">
            <v>省略可</v>
          </cell>
          <cell r="AW558">
            <v>164955</v>
          </cell>
          <cell r="AX558">
            <v>1</v>
          </cell>
          <cell r="AY558" t="str">
            <v>（株）山武ビルシステムカンパニー北海道支店</v>
          </cell>
          <cell r="AZ558">
            <v>157000</v>
          </cell>
          <cell r="BA558">
            <v>164850</v>
          </cell>
          <cell r="BB558">
            <v>7850</v>
          </cell>
          <cell r="BC558" t="str">
            <v>発注書</v>
          </cell>
          <cell r="BE558">
            <v>39142</v>
          </cell>
          <cell r="BF558" t="str">
            <v>しない</v>
          </cell>
          <cell r="BG558" t="str">
            <v>見積</v>
          </cell>
          <cell r="BH558">
            <v>0.9993634627625716</v>
          </cell>
          <cell r="BK558">
            <v>157100</v>
          </cell>
          <cell r="BL558" t="str">
            <v xml:space="preserve"> </v>
          </cell>
          <cell r="BM558">
            <v>105</v>
          </cell>
          <cell r="BN558">
            <v>0.9993634627625716</v>
          </cell>
        </row>
        <row r="559">
          <cell r="A559">
            <v>2088</v>
          </cell>
          <cell r="B559" t="str">
            <v>製造請負</v>
          </cell>
          <cell r="C559" t="str">
            <v>設備指令システム改良（その３）</v>
          </cell>
          <cell r="D559">
            <v>39139</v>
          </cell>
          <cell r="E559" t="str">
            <v>特命</v>
          </cell>
          <cell r="G559">
            <v>7087500</v>
          </cell>
          <cell r="I559">
            <v>1</v>
          </cell>
          <cell r="J559" t="str">
            <v>式</v>
          </cell>
          <cell r="K559" t="str">
            <v/>
          </cell>
          <cell r="L559">
            <v>7087500</v>
          </cell>
          <cell r="M559" t="str">
            <v>特命</v>
          </cell>
          <cell r="N559" t="str">
            <v>高・建改</v>
          </cell>
          <cell r="P559">
            <v>39437</v>
          </cell>
          <cell r="Q559" t="str">
            <v>壱</v>
          </cell>
          <cell r="R559" t="str">
            <v>無</v>
          </cell>
          <cell r="S559" t="str">
            <v>電気課</v>
          </cell>
          <cell r="T559" t="str">
            <v>多田　国康</v>
          </cell>
          <cell r="U559">
            <v>2642</v>
          </cell>
          <cell r="V559" t="str">
            <v>部長</v>
          </cell>
          <cell r="W559" t="str">
            <v>なか５日</v>
          </cell>
          <cell r="X559" t="str">
            <v>特命</v>
          </cell>
          <cell r="Y559">
            <v>39146</v>
          </cell>
          <cell r="Z559">
            <v>39147</v>
          </cell>
          <cell r="AA559">
            <v>1400</v>
          </cell>
          <cell r="AB559" t="str">
            <v>交通局３階総務課（契約担当）</v>
          </cell>
          <cell r="AD559" t="str">
            <v>平成19年3月6日(火)　14時00分</v>
          </cell>
          <cell r="AI559">
            <v>1</v>
          </cell>
          <cell r="AJ559" t="str">
            <v>富士電機システムズ（株）東日本支社北海道事務所</v>
          </cell>
          <cell r="AU559" t="str">
            <v>要</v>
          </cell>
          <cell r="AV559">
            <v>6680000</v>
          </cell>
          <cell r="AW559">
            <v>7014000</v>
          </cell>
          <cell r="AX559">
            <v>1.0370370370370363E-2</v>
          </cell>
          <cell r="AY559" t="str">
            <v>富士電機システムズ（株）東日本支社北海道事務所</v>
          </cell>
          <cell r="AZ559">
            <v>6680000</v>
          </cell>
          <cell r="BA559">
            <v>7014000</v>
          </cell>
          <cell r="BB559">
            <v>334000</v>
          </cell>
          <cell r="BC559" t="str">
            <v>契約書</v>
          </cell>
          <cell r="BE559">
            <v>39149</v>
          </cell>
          <cell r="BF559" t="str">
            <v>する</v>
          </cell>
          <cell r="BG559" t="str">
            <v>見積</v>
          </cell>
          <cell r="BH559">
            <v>1</v>
          </cell>
          <cell r="BK559">
            <v>6750000</v>
          </cell>
          <cell r="BL559" t="str">
            <v xml:space="preserve"> </v>
          </cell>
          <cell r="BM559">
            <v>73500</v>
          </cell>
          <cell r="BN559">
            <v>0.98962962962962964</v>
          </cell>
        </row>
        <row r="560">
          <cell r="A560">
            <v>1275</v>
          </cell>
          <cell r="B560" t="str">
            <v>物品購入</v>
          </cell>
          <cell r="C560" t="str">
            <v>バスセンター施設保守部品</v>
          </cell>
          <cell r="D560">
            <v>39139</v>
          </cell>
          <cell r="G560">
            <v>971943</v>
          </cell>
          <cell r="I560">
            <v>1</v>
          </cell>
          <cell r="J560" t="str">
            <v>式</v>
          </cell>
          <cell r="K560" t="str">
            <v/>
          </cell>
          <cell r="L560">
            <v>971943</v>
          </cell>
          <cell r="M560" t="str">
            <v>公開</v>
          </cell>
          <cell r="N560" t="str">
            <v>高・営</v>
          </cell>
          <cell r="P560">
            <v>39167</v>
          </cell>
          <cell r="Q560" t="str">
            <v>壱</v>
          </cell>
          <cell r="R560" t="str">
            <v>無</v>
          </cell>
          <cell r="S560" t="str">
            <v>駅務課</v>
          </cell>
          <cell r="T560" t="str">
            <v>加登　秀雄</v>
          </cell>
          <cell r="U560">
            <v>5730</v>
          </cell>
          <cell r="V560" t="str">
            <v>課長</v>
          </cell>
          <cell r="W560" t="str">
            <v>なか１日</v>
          </cell>
          <cell r="X560" t="str">
            <v>公開</v>
          </cell>
          <cell r="Y560">
            <v>39149</v>
          </cell>
          <cell r="Z560">
            <v>39149</v>
          </cell>
          <cell r="AB560" t="str">
            <v>交通局３階総務課（契約担当）</v>
          </cell>
          <cell r="AD560" t="e">
            <v>#VALUE!</v>
          </cell>
          <cell r="AI560">
            <v>3</v>
          </cell>
          <cell r="AJ560" t="str">
            <v>（株）イザワ</v>
          </cell>
          <cell r="AK560" t="str">
            <v>向野商事（株）</v>
          </cell>
          <cell r="AL560" t="str">
            <v>理興産業（株）</v>
          </cell>
          <cell r="AM560" t="str">
            <v>（株）渡商</v>
          </cell>
          <cell r="AU560" t="str">
            <v>省略可</v>
          </cell>
          <cell r="AW560">
            <v>971943</v>
          </cell>
          <cell r="AX560">
            <v>1</v>
          </cell>
          <cell r="AY560" t="str">
            <v>理興産業（株）</v>
          </cell>
          <cell r="AZ560">
            <v>702000</v>
          </cell>
          <cell r="BA560">
            <v>737100</v>
          </cell>
          <cell r="BB560">
            <v>35100</v>
          </cell>
          <cell r="BC560" t="str">
            <v>請書</v>
          </cell>
          <cell r="BE560">
            <v>39153</v>
          </cell>
          <cell r="BF560" t="str">
            <v>しない</v>
          </cell>
          <cell r="BG560" t="str">
            <v>見積(公開)</v>
          </cell>
          <cell r="BH560">
            <v>0.75837780610591365</v>
          </cell>
          <cell r="BK560">
            <v>925660</v>
          </cell>
          <cell r="BL560" t="str">
            <v xml:space="preserve"> </v>
          </cell>
          <cell r="BM560">
            <v>234843</v>
          </cell>
          <cell r="BN560">
            <v>0.75837780610591365</v>
          </cell>
        </row>
        <row r="561">
          <cell r="A561">
            <v>1276</v>
          </cell>
          <cell r="B561" t="str">
            <v>物品購入</v>
          </cell>
          <cell r="C561" t="str">
            <v>７０００形集電器装置部品</v>
          </cell>
          <cell r="D561">
            <v>39139</v>
          </cell>
          <cell r="E561" t="str">
            <v>特命</v>
          </cell>
          <cell r="G561">
            <v>471240</v>
          </cell>
          <cell r="I561">
            <v>1</v>
          </cell>
          <cell r="J561" t="str">
            <v>式</v>
          </cell>
          <cell r="K561" t="str">
            <v/>
          </cell>
          <cell r="L561">
            <v>471240</v>
          </cell>
          <cell r="M561" t="str">
            <v>特命</v>
          </cell>
          <cell r="N561" t="str">
            <v>高・営</v>
          </cell>
          <cell r="P561">
            <v>39164</v>
          </cell>
          <cell r="Q561" t="str">
            <v>壱</v>
          </cell>
          <cell r="R561" t="str">
            <v>無</v>
          </cell>
          <cell r="S561" t="str">
            <v>車両課(二十四軒)</v>
          </cell>
          <cell r="T561" t="str">
            <v>鈴木　康至</v>
          </cell>
          <cell r="U561">
            <v>8207</v>
          </cell>
          <cell r="V561" t="str">
            <v>課長</v>
          </cell>
          <cell r="W561" t="str">
            <v>なか１日</v>
          </cell>
          <cell r="X561" t="str">
            <v>特命</v>
          </cell>
          <cell r="Y561">
            <v>39142</v>
          </cell>
          <cell r="Z561">
            <v>39143</v>
          </cell>
          <cell r="AA561">
            <v>1400</v>
          </cell>
          <cell r="AB561" t="str">
            <v>交通局３階総務課（契約担当）</v>
          </cell>
          <cell r="AD561" t="str">
            <v>平成19年3月2日(金)　14時00分</v>
          </cell>
          <cell r="AI561">
            <v>1</v>
          </cell>
          <cell r="AJ561" t="str">
            <v>富士電機システムズ（株）東日本支社北海道事務所</v>
          </cell>
          <cell r="AU561" t="str">
            <v>省略可</v>
          </cell>
          <cell r="AW561">
            <v>471240</v>
          </cell>
          <cell r="AX561">
            <v>1</v>
          </cell>
          <cell r="AY561" t="str">
            <v>富士電機システムズ（株）東日本支社北海道事務所</v>
          </cell>
          <cell r="AZ561">
            <v>445000</v>
          </cell>
          <cell r="BA561">
            <v>467250</v>
          </cell>
          <cell r="BB561">
            <v>22250</v>
          </cell>
          <cell r="BC561" t="str">
            <v>発注書</v>
          </cell>
          <cell r="BE561">
            <v>39143</v>
          </cell>
          <cell r="BF561" t="str">
            <v>しない</v>
          </cell>
          <cell r="BG561" t="str">
            <v>見積</v>
          </cell>
          <cell r="BH561">
            <v>0.99153297682709451</v>
          </cell>
          <cell r="BK561">
            <v>448800</v>
          </cell>
          <cell r="BL561" t="str">
            <v xml:space="preserve"> </v>
          </cell>
          <cell r="BM561">
            <v>3990</v>
          </cell>
          <cell r="BN561">
            <v>0.99153297682709451</v>
          </cell>
        </row>
        <row r="562">
          <cell r="A562">
            <v>1277</v>
          </cell>
          <cell r="B562" t="str">
            <v>物品購入</v>
          </cell>
          <cell r="C562" t="str">
            <v>トランジスターユニット</v>
          </cell>
          <cell r="D562">
            <v>39140</v>
          </cell>
          <cell r="E562" t="str">
            <v>特命</v>
          </cell>
          <cell r="G562">
            <v>1192968</v>
          </cell>
          <cell r="I562">
            <v>1</v>
          </cell>
          <cell r="J562" t="str">
            <v>式</v>
          </cell>
          <cell r="K562" t="str">
            <v/>
          </cell>
          <cell r="L562">
            <v>1192968</v>
          </cell>
          <cell r="M562" t="str">
            <v>特命</v>
          </cell>
          <cell r="N562" t="str">
            <v>高・営</v>
          </cell>
          <cell r="P562">
            <v>39168</v>
          </cell>
          <cell r="Q562" t="str">
            <v>壱</v>
          </cell>
          <cell r="R562" t="str">
            <v>無</v>
          </cell>
          <cell r="S562" t="str">
            <v>電気課</v>
          </cell>
          <cell r="T562" t="str">
            <v>大野　昇</v>
          </cell>
          <cell r="U562">
            <v>2623</v>
          </cell>
          <cell r="V562" t="str">
            <v>課長</v>
          </cell>
          <cell r="W562" t="str">
            <v>なか１日</v>
          </cell>
          <cell r="X562" t="str">
            <v>特命</v>
          </cell>
          <cell r="Y562">
            <v>39143</v>
          </cell>
          <cell r="Z562">
            <v>39146</v>
          </cell>
          <cell r="AA562">
            <v>1400</v>
          </cell>
          <cell r="AB562" t="str">
            <v>交通局３階総務課（契約担当）</v>
          </cell>
          <cell r="AD562" t="str">
            <v>平成19年3月5日(月)　14時00分</v>
          </cell>
          <cell r="AI562">
            <v>1</v>
          </cell>
          <cell r="AJ562" t="str">
            <v>三菱電機（株）北海道支社</v>
          </cell>
          <cell r="AU562" t="str">
            <v>省略可</v>
          </cell>
          <cell r="AW562">
            <v>1192968</v>
          </cell>
          <cell r="AX562">
            <v>1</v>
          </cell>
          <cell r="AY562" t="str">
            <v>三菱電機（株）北海道支社</v>
          </cell>
          <cell r="AZ562">
            <v>1104000</v>
          </cell>
          <cell r="BA562">
            <v>1159200</v>
          </cell>
          <cell r="BB562">
            <v>55200</v>
          </cell>
          <cell r="BC562" t="str">
            <v>請書</v>
          </cell>
          <cell r="BE562">
            <v>39147</v>
          </cell>
          <cell r="BF562" t="str">
            <v>しない</v>
          </cell>
          <cell r="BG562" t="str">
            <v>見積</v>
          </cell>
          <cell r="BH562">
            <v>0.97169412758766371</v>
          </cell>
          <cell r="BK562">
            <v>1136160</v>
          </cell>
          <cell r="BL562" t="str">
            <v xml:space="preserve"> </v>
          </cell>
          <cell r="BM562">
            <v>33768</v>
          </cell>
          <cell r="BN562">
            <v>0.97169412758766371</v>
          </cell>
        </row>
        <row r="563">
          <cell r="A563">
            <v>1278</v>
          </cell>
          <cell r="B563" t="str">
            <v>物品購入</v>
          </cell>
          <cell r="C563" t="str">
            <v>作業台他</v>
          </cell>
          <cell r="D563">
            <v>39140</v>
          </cell>
          <cell r="G563">
            <v>400386</v>
          </cell>
          <cell r="I563">
            <v>1</v>
          </cell>
          <cell r="J563" t="str">
            <v>式</v>
          </cell>
          <cell r="K563" t="str">
            <v/>
          </cell>
          <cell r="L563">
            <v>400386</v>
          </cell>
          <cell r="M563" t="str">
            <v>公開</v>
          </cell>
          <cell r="N563" t="str">
            <v>高・営</v>
          </cell>
          <cell r="P563">
            <v>39169</v>
          </cell>
          <cell r="Q563" t="str">
            <v>壱</v>
          </cell>
          <cell r="R563" t="str">
            <v>無</v>
          </cell>
          <cell r="S563" t="str">
            <v>電気課</v>
          </cell>
          <cell r="T563" t="str">
            <v>大野　昇</v>
          </cell>
          <cell r="U563">
            <v>2623</v>
          </cell>
          <cell r="V563" t="str">
            <v>課長</v>
          </cell>
          <cell r="W563" t="str">
            <v>なか１日</v>
          </cell>
          <cell r="X563" t="str">
            <v>公開</v>
          </cell>
          <cell r="Y563">
            <v>39156</v>
          </cell>
          <cell r="Z563">
            <v>39156</v>
          </cell>
          <cell r="AB563" t="str">
            <v>交通局３階総務課（契約担当）</v>
          </cell>
          <cell r="AD563" t="e">
            <v>#VALUE!</v>
          </cell>
          <cell r="AI563">
            <v>3</v>
          </cell>
          <cell r="AJ563" t="str">
            <v>（株）大興商事</v>
          </cell>
          <cell r="AK563" t="str">
            <v>理興産業（株）</v>
          </cell>
          <cell r="AL563" t="str">
            <v>（株）渡商</v>
          </cell>
          <cell r="AU563" t="str">
            <v>省略可</v>
          </cell>
          <cell r="AW563">
            <v>400386</v>
          </cell>
          <cell r="AX563">
            <v>1</v>
          </cell>
          <cell r="AY563" t="str">
            <v>理興産業（株）</v>
          </cell>
          <cell r="AZ563">
            <v>246150</v>
          </cell>
          <cell r="BA563">
            <v>258457</v>
          </cell>
          <cell r="BB563">
            <v>12307</v>
          </cell>
          <cell r="BC563" t="str">
            <v>発注書</v>
          </cell>
          <cell r="BE563">
            <v>39157</v>
          </cell>
          <cell r="BF563" t="str">
            <v>しない</v>
          </cell>
          <cell r="BG563" t="str">
            <v>見積(公開)</v>
          </cell>
          <cell r="BH563">
            <v>0.64551957361146495</v>
          </cell>
          <cell r="BK563">
            <v>381320</v>
          </cell>
          <cell r="BL563" t="str">
            <v xml:space="preserve"> </v>
          </cell>
          <cell r="BM563">
            <v>141929</v>
          </cell>
          <cell r="BN563">
            <v>0.64551957361146495</v>
          </cell>
        </row>
        <row r="564">
          <cell r="A564">
            <v>2089</v>
          </cell>
          <cell r="B564" t="str">
            <v>製造請負</v>
          </cell>
          <cell r="C564" t="str">
            <v>８０００形車両用信号保安装置付属品</v>
          </cell>
          <cell r="D564">
            <v>39141</v>
          </cell>
          <cell r="E564" t="str">
            <v>特命</v>
          </cell>
          <cell r="G564">
            <v>10783500</v>
          </cell>
          <cell r="I564">
            <v>1</v>
          </cell>
          <cell r="J564" t="str">
            <v>式</v>
          </cell>
          <cell r="K564" t="str">
            <v/>
          </cell>
          <cell r="L564">
            <v>10783500</v>
          </cell>
          <cell r="M564" t="str">
            <v>特命</v>
          </cell>
          <cell r="N564" t="str">
            <v>高・建改</v>
          </cell>
          <cell r="P564">
            <v>39386</v>
          </cell>
          <cell r="Q564" t="str">
            <v>参</v>
          </cell>
          <cell r="R564" t="str">
            <v>無</v>
          </cell>
          <cell r="S564" t="str">
            <v>車両課</v>
          </cell>
          <cell r="T564" t="str">
            <v>大畠　克利</v>
          </cell>
          <cell r="U564">
            <v>2583</v>
          </cell>
          <cell r="V564" t="str">
            <v>管理者</v>
          </cell>
          <cell r="W564" t="str">
            <v>なか５日</v>
          </cell>
          <cell r="X564" t="str">
            <v>特命</v>
          </cell>
          <cell r="Y564">
            <v>39149</v>
          </cell>
          <cell r="Z564">
            <v>39149</v>
          </cell>
          <cell r="AA564">
            <v>1400</v>
          </cell>
          <cell r="AB564" t="str">
            <v>交通局３階総務課（契約担当）</v>
          </cell>
          <cell r="AD564" t="str">
            <v>平成19年3月8日(木)　14時00分</v>
          </cell>
          <cell r="AI564">
            <v>1</v>
          </cell>
          <cell r="AJ564" t="str">
            <v>日本信号（株）北海道支店</v>
          </cell>
          <cell r="AU564" t="str">
            <v>要</v>
          </cell>
          <cell r="AV564">
            <v>10200000</v>
          </cell>
          <cell r="AW564">
            <v>10710000</v>
          </cell>
          <cell r="AX564">
            <v>6.8159688412853248E-3</v>
          </cell>
          <cell r="AY564" t="str">
            <v>日本信号（株）北海道支店</v>
          </cell>
          <cell r="AZ564">
            <v>10200000</v>
          </cell>
          <cell r="BA564">
            <v>10710000</v>
          </cell>
          <cell r="BB564">
            <v>510000</v>
          </cell>
          <cell r="BC564" t="str">
            <v>契約書</v>
          </cell>
          <cell r="BE564">
            <v>39150</v>
          </cell>
          <cell r="BF564" t="str">
            <v>する</v>
          </cell>
          <cell r="BG564" t="str">
            <v>見積</v>
          </cell>
          <cell r="BH564">
            <v>1</v>
          </cell>
          <cell r="BK564">
            <v>10270000</v>
          </cell>
          <cell r="BL564" t="str">
            <v xml:space="preserve"> </v>
          </cell>
          <cell r="BM564">
            <v>73500</v>
          </cell>
          <cell r="BN564">
            <v>0.99318403115871468</v>
          </cell>
        </row>
        <row r="565">
          <cell r="A565">
            <v>2090</v>
          </cell>
          <cell r="B565" t="str">
            <v>製造請負</v>
          </cell>
          <cell r="C565" t="str">
            <v>８０００形車両用ＶＶＶＦインバータ制御装置付属品</v>
          </cell>
          <cell r="D565">
            <v>39141</v>
          </cell>
          <cell r="E565" t="str">
            <v>特命</v>
          </cell>
          <cell r="G565">
            <v>1129800</v>
          </cell>
          <cell r="I565">
            <v>1</v>
          </cell>
          <cell r="J565" t="str">
            <v>式</v>
          </cell>
          <cell r="K565" t="str">
            <v/>
          </cell>
          <cell r="L565">
            <v>1129800</v>
          </cell>
          <cell r="M565" t="str">
            <v>特命</v>
          </cell>
          <cell r="N565" t="str">
            <v>高・建改</v>
          </cell>
          <cell r="P565">
            <v>39386</v>
          </cell>
          <cell r="Q565" t="str">
            <v>参</v>
          </cell>
          <cell r="R565" t="str">
            <v>無</v>
          </cell>
          <cell r="S565" t="str">
            <v>車両課</v>
          </cell>
          <cell r="T565" t="str">
            <v>柴田　博文</v>
          </cell>
          <cell r="U565">
            <v>2582</v>
          </cell>
          <cell r="V565" t="str">
            <v>課長</v>
          </cell>
          <cell r="W565" t="str">
            <v>なか１日</v>
          </cell>
          <cell r="X565" t="str">
            <v>特命</v>
          </cell>
          <cell r="Y565">
            <v>39146</v>
          </cell>
          <cell r="Z565">
            <v>39148</v>
          </cell>
          <cell r="AA565">
            <v>1400</v>
          </cell>
          <cell r="AB565" t="str">
            <v>交通局３階総務課（契約担当）</v>
          </cell>
          <cell r="AD565" t="str">
            <v>平成19年3月7日(水)　14時00分</v>
          </cell>
          <cell r="AI565">
            <v>1</v>
          </cell>
          <cell r="AJ565" t="str">
            <v>三菱電機（株）北海道支社</v>
          </cell>
          <cell r="AU565" t="str">
            <v>省略可</v>
          </cell>
          <cell r="AW565">
            <v>1129800</v>
          </cell>
          <cell r="AX565">
            <v>1</v>
          </cell>
          <cell r="AY565" t="str">
            <v>三菱電機（株）北海道支社</v>
          </cell>
          <cell r="AZ565">
            <v>968000</v>
          </cell>
          <cell r="BA565">
            <v>1016400</v>
          </cell>
          <cell r="BB565">
            <v>48400</v>
          </cell>
          <cell r="BC565" t="str">
            <v>契約書</v>
          </cell>
          <cell r="BE565">
            <v>39149</v>
          </cell>
          <cell r="BF565" t="str">
            <v>する</v>
          </cell>
          <cell r="BG565" t="str">
            <v>見積</v>
          </cell>
          <cell r="BH565">
            <v>0.8996282527881041</v>
          </cell>
          <cell r="BI565" t="str">
            <v>支払い限度額設定により請書ではなく契約書</v>
          </cell>
          <cell r="BK565">
            <v>1076000</v>
          </cell>
          <cell r="BL565" t="str">
            <v xml:space="preserve"> </v>
          </cell>
          <cell r="BM565">
            <v>113400</v>
          </cell>
          <cell r="BN565">
            <v>0.8996282527881041</v>
          </cell>
        </row>
        <row r="566">
          <cell r="A566">
            <v>2091</v>
          </cell>
          <cell r="B566" t="str">
            <v>製造請負</v>
          </cell>
          <cell r="C566" t="str">
            <v>旅客配布用時刻表</v>
          </cell>
          <cell r="D566">
            <v>39141</v>
          </cell>
          <cell r="G566">
            <v>621810</v>
          </cell>
          <cell r="I566">
            <v>94000</v>
          </cell>
          <cell r="J566" t="str">
            <v>枚</v>
          </cell>
          <cell r="K566" t="str">
            <v/>
          </cell>
          <cell r="L566">
            <v>621810</v>
          </cell>
          <cell r="M566" t="str">
            <v>公開</v>
          </cell>
          <cell r="N566" t="str">
            <v>高・営</v>
          </cell>
          <cell r="P566">
            <v>39167</v>
          </cell>
          <cell r="Q566" t="str">
            <v>壱</v>
          </cell>
          <cell r="R566" t="str">
            <v>無</v>
          </cell>
          <cell r="S566" t="str">
            <v>業務課</v>
          </cell>
          <cell r="T566" t="str">
            <v>桜庭　一昭</v>
          </cell>
          <cell r="U566">
            <v>2417</v>
          </cell>
          <cell r="V566" t="str">
            <v>課長</v>
          </cell>
          <cell r="W566" t="str">
            <v>なか１日</v>
          </cell>
          <cell r="X566" t="str">
            <v>公開</v>
          </cell>
          <cell r="Y566">
            <v>39149</v>
          </cell>
          <cell r="Z566">
            <v>39149</v>
          </cell>
          <cell r="AB566" t="str">
            <v>交通局３階総務課（契約担当）</v>
          </cell>
          <cell r="AD566" t="e">
            <v>#VALUE!</v>
          </cell>
          <cell r="AI566">
            <v>3</v>
          </cell>
          <cell r="AJ566" t="str">
            <v>ひまわり印刷（株）</v>
          </cell>
          <cell r="AK566" t="str">
            <v>（株）須田製版</v>
          </cell>
          <cell r="AL566" t="str">
            <v>（株）富士コンテム</v>
          </cell>
          <cell r="AU566" t="str">
            <v>省略可</v>
          </cell>
          <cell r="AW566">
            <v>621810</v>
          </cell>
          <cell r="AX566">
            <v>1</v>
          </cell>
          <cell r="AY566" t="str">
            <v>ひまわり印刷（株）</v>
          </cell>
          <cell r="AZ566">
            <v>145700</v>
          </cell>
          <cell r="BA566">
            <v>152985</v>
          </cell>
          <cell r="BB566">
            <v>7285</v>
          </cell>
          <cell r="BC566" t="str">
            <v>発注書</v>
          </cell>
          <cell r="BE566">
            <v>39150</v>
          </cell>
          <cell r="BF566" t="str">
            <v>しない</v>
          </cell>
          <cell r="BG566" t="str">
            <v>見積(公開)</v>
          </cell>
          <cell r="BH566">
            <v>0.24603174603174602</v>
          </cell>
          <cell r="BK566">
            <v>592200</v>
          </cell>
          <cell r="BL566">
            <v>6.6150000000000002</v>
          </cell>
          <cell r="BM566">
            <v>468825</v>
          </cell>
          <cell r="BN566">
            <v>0.24603174603174602</v>
          </cell>
        </row>
        <row r="567">
          <cell r="A567">
            <v>7197</v>
          </cell>
          <cell r="B567" t="str">
            <v>業務委託</v>
          </cell>
          <cell r="C567" t="str">
            <v>７０００形車両用ＳＩＶ装置コンデンサ交換</v>
          </cell>
          <cell r="D567">
            <v>39141</v>
          </cell>
          <cell r="E567" t="str">
            <v>特命</v>
          </cell>
          <cell r="G567">
            <v>176400</v>
          </cell>
          <cell r="I567">
            <v>1</v>
          </cell>
          <cell r="J567" t="str">
            <v>式</v>
          </cell>
          <cell r="K567" t="str">
            <v/>
          </cell>
          <cell r="L567">
            <v>176400</v>
          </cell>
          <cell r="M567" t="str">
            <v>特命</v>
          </cell>
          <cell r="N567" t="str">
            <v>高・営</v>
          </cell>
          <cell r="O567">
            <v>39149</v>
          </cell>
          <cell r="P567">
            <v>39164</v>
          </cell>
          <cell r="Q567" t="str">
            <v>壱</v>
          </cell>
          <cell r="R567" t="str">
            <v>無</v>
          </cell>
          <cell r="S567" t="str">
            <v>車両課(二十四軒)</v>
          </cell>
          <cell r="T567" t="str">
            <v>工藤　清</v>
          </cell>
          <cell r="U567">
            <v>8204</v>
          </cell>
          <cell r="V567" t="str">
            <v>課長</v>
          </cell>
          <cell r="W567" t="str">
            <v>なか１日</v>
          </cell>
          <cell r="X567" t="str">
            <v>特命</v>
          </cell>
          <cell r="Y567">
            <v>39146</v>
          </cell>
          <cell r="Z567">
            <v>39147</v>
          </cell>
          <cell r="AA567">
            <v>1430</v>
          </cell>
          <cell r="AB567" t="str">
            <v>交通局３階総務課（契約担当）</v>
          </cell>
          <cell r="AD567" t="str">
            <v>平成19年3月6日(火)　14時30分</v>
          </cell>
          <cell r="AI567">
            <v>1</v>
          </cell>
          <cell r="AJ567" t="str">
            <v>北都電機（株）</v>
          </cell>
          <cell r="AU567" t="str">
            <v>省略可</v>
          </cell>
          <cell r="AW567">
            <v>176400</v>
          </cell>
          <cell r="AX567">
            <v>1</v>
          </cell>
          <cell r="AY567" t="str">
            <v>北都電機（株）</v>
          </cell>
          <cell r="AZ567">
            <v>168000</v>
          </cell>
          <cell r="BA567">
            <v>176400</v>
          </cell>
          <cell r="BB567">
            <v>8400</v>
          </cell>
          <cell r="BC567" t="str">
            <v>請書</v>
          </cell>
          <cell r="BE567">
            <v>39148</v>
          </cell>
          <cell r="BF567" t="str">
            <v>しない</v>
          </cell>
          <cell r="BG567" t="str">
            <v>見積</v>
          </cell>
          <cell r="BH567">
            <v>1</v>
          </cell>
          <cell r="BK567">
            <v>168000</v>
          </cell>
          <cell r="BL567" t="str">
            <v xml:space="preserve"> </v>
          </cell>
          <cell r="BM567">
            <v>0</v>
          </cell>
          <cell r="BN567">
            <v>1</v>
          </cell>
        </row>
        <row r="568">
          <cell r="A568">
            <v>7198</v>
          </cell>
          <cell r="B568" t="str">
            <v>業務委託</v>
          </cell>
          <cell r="C568" t="str">
            <v>産業廃棄物処理業務</v>
          </cell>
          <cell r="D568">
            <v>39141</v>
          </cell>
          <cell r="G568">
            <v>330298</v>
          </cell>
          <cell r="I568">
            <v>1</v>
          </cell>
          <cell r="J568" t="str">
            <v>式</v>
          </cell>
          <cell r="K568" t="str">
            <v/>
          </cell>
          <cell r="L568">
            <v>330298</v>
          </cell>
          <cell r="M568" t="str">
            <v>見積</v>
          </cell>
          <cell r="N568" t="str">
            <v>高・営</v>
          </cell>
          <cell r="O568">
            <v>39155</v>
          </cell>
          <cell r="P568">
            <v>39169</v>
          </cell>
          <cell r="Q568" t="str">
            <v>壱</v>
          </cell>
          <cell r="R568" t="str">
            <v>無</v>
          </cell>
          <cell r="S568" t="str">
            <v>電気課</v>
          </cell>
          <cell r="T568" t="str">
            <v>桜庭　常夫</v>
          </cell>
          <cell r="U568">
            <v>2643</v>
          </cell>
          <cell r="V568" t="str">
            <v>部長</v>
          </cell>
          <cell r="W568" t="str">
            <v>なか１日</v>
          </cell>
          <cell r="X568" t="str">
            <v>見積</v>
          </cell>
          <cell r="Y568">
            <v>39147</v>
          </cell>
          <cell r="Z568">
            <v>39149</v>
          </cell>
          <cell r="AA568">
            <v>1100</v>
          </cell>
          <cell r="AB568" t="str">
            <v>交通局５階入札室</v>
          </cell>
          <cell r="AD568" t="str">
            <v>平成19年3月8日(木)　11時00分</v>
          </cell>
          <cell r="AI568">
            <v>3</v>
          </cell>
          <cell r="AJ568" t="str">
            <v>角山開発（株）</v>
          </cell>
          <cell r="AK568" t="str">
            <v>環境開発工業（株）</v>
          </cell>
          <cell r="AL568" t="str">
            <v>（協業）公清企業</v>
          </cell>
          <cell r="AM568" t="str">
            <v>北清企業（株）</v>
          </cell>
          <cell r="AU568" t="str">
            <v>省略可</v>
          </cell>
          <cell r="AW568">
            <v>330298</v>
          </cell>
          <cell r="AX568">
            <v>1</v>
          </cell>
          <cell r="AY568" t="str">
            <v>環境開発工業（株）</v>
          </cell>
          <cell r="AZ568">
            <v>310000</v>
          </cell>
          <cell r="BA568">
            <v>325500</v>
          </cell>
          <cell r="BB568">
            <v>15500</v>
          </cell>
          <cell r="BC568" t="str">
            <v>契約書</v>
          </cell>
          <cell r="BE568">
            <v>39154</v>
          </cell>
          <cell r="BF568" t="str">
            <v>しない</v>
          </cell>
          <cell r="BG568" t="str">
            <v>見積</v>
          </cell>
          <cell r="BH568">
            <v>0.98547372372826958</v>
          </cell>
          <cell r="BI568" t="str">
            <v>産業廃棄物処理のため契約書</v>
          </cell>
          <cell r="BK568">
            <v>314569.52380952379</v>
          </cell>
          <cell r="BL568" t="str">
            <v xml:space="preserve"> </v>
          </cell>
          <cell r="BM568">
            <v>4798</v>
          </cell>
          <cell r="BN568">
            <v>0.98547372372826958</v>
          </cell>
        </row>
        <row r="569">
          <cell r="A569">
            <v>2092</v>
          </cell>
          <cell r="B569" t="str">
            <v>製造請負</v>
          </cell>
          <cell r="C569" t="str">
            <v>電車停留場方面表示ステッカー</v>
          </cell>
          <cell r="D569">
            <v>39142</v>
          </cell>
          <cell r="G569">
            <v>449820</v>
          </cell>
          <cell r="I569">
            <v>84</v>
          </cell>
          <cell r="J569" t="str">
            <v>枚</v>
          </cell>
          <cell r="K569" t="str">
            <v/>
          </cell>
          <cell r="L569">
            <v>449820</v>
          </cell>
          <cell r="M569" t="str">
            <v>公開</v>
          </cell>
          <cell r="N569" t="str">
            <v>軌・営</v>
          </cell>
          <cell r="P569">
            <v>39169</v>
          </cell>
          <cell r="Q569" t="str">
            <v>壱</v>
          </cell>
          <cell r="R569" t="str">
            <v>無</v>
          </cell>
          <cell r="S569" t="str">
            <v>電車事業所</v>
          </cell>
          <cell r="T569" t="str">
            <v>片岡　伯介</v>
          </cell>
          <cell r="U569">
            <v>2931</v>
          </cell>
          <cell r="V569" t="str">
            <v>課長</v>
          </cell>
          <cell r="W569" t="str">
            <v>なか１日</v>
          </cell>
          <cell r="X569" t="str">
            <v>公開</v>
          </cell>
          <cell r="Y569">
            <v>39149</v>
          </cell>
          <cell r="Z569">
            <v>39149</v>
          </cell>
          <cell r="AB569" t="str">
            <v>交通局３階総務課（契約担当）</v>
          </cell>
          <cell r="AD569" t="e">
            <v>#VALUE!</v>
          </cell>
          <cell r="AI569">
            <v>3</v>
          </cell>
          <cell r="AJ569" t="str">
            <v>七欧産業（株）</v>
          </cell>
          <cell r="AU569" t="str">
            <v>省略可</v>
          </cell>
          <cell r="AW569">
            <v>449820</v>
          </cell>
          <cell r="AX569">
            <v>1</v>
          </cell>
          <cell r="AY569" t="str">
            <v>七欧産業（株）</v>
          </cell>
          <cell r="AZ569">
            <v>420000</v>
          </cell>
          <cell r="BA569">
            <v>441000</v>
          </cell>
          <cell r="BB569">
            <v>21000</v>
          </cell>
          <cell r="BC569" t="str">
            <v>発注書</v>
          </cell>
          <cell r="BE569">
            <v>39150</v>
          </cell>
          <cell r="BF569" t="str">
            <v>しない</v>
          </cell>
          <cell r="BG569" t="str">
            <v>見積(公開)</v>
          </cell>
          <cell r="BH569">
            <v>0.98039215686274506</v>
          </cell>
          <cell r="BK569">
            <v>428400</v>
          </cell>
          <cell r="BL569">
            <v>5355</v>
          </cell>
          <cell r="BM569">
            <v>8820</v>
          </cell>
          <cell r="BN569">
            <v>0.98039215686274506</v>
          </cell>
        </row>
        <row r="570">
          <cell r="A570">
            <v>1279</v>
          </cell>
          <cell r="B570" t="str">
            <v>物品購入</v>
          </cell>
          <cell r="C570" t="str">
            <v>自動体外式除細動器他一式</v>
          </cell>
          <cell r="D570">
            <v>39142</v>
          </cell>
          <cell r="G570">
            <v>299250</v>
          </cell>
          <cell r="I570">
            <v>1</v>
          </cell>
          <cell r="J570" t="str">
            <v>式</v>
          </cell>
          <cell r="K570" t="str">
            <v/>
          </cell>
          <cell r="L570">
            <v>299250</v>
          </cell>
          <cell r="M570" t="str">
            <v>公開</v>
          </cell>
          <cell r="N570" t="str">
            <v>軌・建改</v>
          </cell>
          <cell r="P570">
            <v>39171</v>
          </cell>
          <cell r="Q570" t="str">
            <v>壱</v>
          </cell>
          <cell r="R570" t="str">
            <v>無</v>
          </cell>
          <cell r="S570" t="str">
            <v>電車事業所</v>
          </cell>
          <cell r="T570" t="str">
            <v>片岡　伯介</v>
          </cell>
          <cell r="U570">
            <v>2931</v>
          </cell>
          <cell r="V570" t="str">
            <v>課長</v>
          </cell>
          <cell r="W570" t="str">
            <v>なか１日</v>
          </cell>
          <cell r="X570" t="str">
            <v>公開</v>
          </cell>
          <cell r="Y570">
            <v>39149</v>
          </cell>
          <cell r="Z570">
            <v>39149</v>
          </cell>
          <cell r="AB570" t="str">
            <v>交通局３階総務課（契約担当）</v>
          </cell>
          <cell r="AD570" t="e">
            <v>#VALUE!</v>
          </cell>
          <cell r="AI570">
            <v>3</v>
          </cell>
          <cell r="AJ570" t="str">
            <v>（株）北海道ウチダシステム</v>
          </cell>
          <cell r="AK570" t="str">
            <v>（株）ムトウ</v>
          </cell>
          <cell r="AU570" t="str">
            <v>省略可</v>
          </cell>
          <cell r="AW570">
            <v>299250</v>
          </cell>
          <cell r="AX570">
            <v>1</v>
          </cell>
          <cell r="AY570" t="str">
            <v>（株）北海道ウチダシステム</v>
          </cell>
          <cell r="AZ570">
            <v>170000</v>
          </cell>
          <cell r="BA570">
            <v>178500</v>
          </cell>
          <cell r="BB570">
            <v>8500</v>
          </cell>
          <cell r="BC570" t="str">
            <v>発注書</v>
          </cell>
          <cell r="BE570">
            <v>39150</v>
          </cell>
          <cell r="BF570" t="str">
            <v>する</v>
          </cell>
          <cell r="BG570" t="str">
            <v>見積(公開)</v>
          </cell>
          <cell r="BH570">
            <v>0.59649122807017541</v>
          </cell>
          <cell r="BK570">
            <v>285000</v>
          </cell>
          <cell r="BL570" t="str">
            <v xml:space="preserve"> </v>
          </cell>
          <cell r="BM570">
            <v>120750</v>
          </cell>
          <cell r="BN570">
            <v>0.59649122807017541</v>
          </cell>
        </row>
        <row r="571">
          <cell r="A571">
            <v>2093</v>
          </cell>
          <cell r="B571" t="str">
            <v>製造請負</v>
          </cell>
          <cell r="C571" t="str">
            <v>事業概要パンフレット「さっぽろの市営交通２００７」</v>
          </cell>
          <cell r="D571">
            <v>39143</v>
          </cell>
          <cell r="G571">
            <v>499800</v>
          </cell>
          <cell r="I571">
            <v>1</v>
          </cell>
          <cell r="J571" t="str">
            <v>式</v>
          </cell>
          <cell r="K571" t="str">
            <v/>
          </cell>
          <cell r="L571">
            <v>499800</v>
          </cell>
          <cell r="M571" t="str">
            <v>公開</v>
          </cell>
          <cell r="N571" t="str">
            <v>高・営</v>
          </cell>
          <cell r="P571">
            <v>39172</v>
          </cell>
          <cell r="Q571" t="str">
            <v>壱</v>
          </cell>
          <cell r="R571" t="str">
            <v>無</v>
          </cell>
          <cell r="S571" t="str">
            <v>総務課</v>
          </cell>
          <cell r="T571" t="str">
            <v>松井　淳</v>
          </cell>
          <cell r="U571">
            <v>2216</v>
          </cell>
          <cell r="V571" t="str">
            <v>課長</v>
          </cell>
          <cell r="W571" t="str">
            <v>なか１日</v>
          </cell>
          <cell r="X571" t="str">
            <v>公開</v>
          </cell>
          <cell r="Y571">
            <v>39149</v>
          </cell>
          <cell r="Z571">
            <v>39149</v>
          </cell>
          <cell r="AB571" t="str">
            <v>交通局３階総務課（契約担当）</v>
          </cell>
          <cell r="AD571" t="e">
            <v>#VALUE!</v>
          </cell>
          <cell r="AI571">
            <v>3</v>
          </cell>
          <cell r="AJ571" t="str">
            <v>（株）須田製版</v>
          </cell>
          <cell r="AU571" t="str">
            <v>省略可</v>
          </cell>
          <cell r="AW571">
            <v>499800</v>
          </cell>
          <cell r="AX571">
            <v>1</v>
          </cell>
          <cell r="AY571" t="str">
            <v>（株）須田製版</v>
          </cell>
          <cell r="AZ571">
            <v>320000</v>
          </cell>
          <cell r="BA571">
            <v>336000</v>
          </cell>
          <cell r="BB571">
            <v>16000</v>
          </cell>
          <cell r="BC571" t="str">
            <v>発注書</v>
          </cell>
          <cell r="BE571">
            <v>39150</v>
          </cell>
          <cell r="BF571" t="str">
            <v>しない</v>
          </cell>
          <cell r="BG571" t="str">
            <v>見積(公開)</v>
          </cell>
          <cell r="BH571">
            <v>0.67226890756302526</v>
          </cell>
          <cell r="BK571">
            <v>476000</v>
          </cell>
          <cell r="BL571" t="str">
            <v xml:space="preserve"> </v>
          </cell>
          <cell r="BM571">
            <v>163800</v>
          </cell>
          <cell r="BN571">
            <v>0.67226890756302526</v>
          </cell>
        </row>
        <row r="572">
          <cell r="A572">
            <v>2094</v>
          </cell>
          <cell r="B572" t="str">
            <v>製造請負</v>
          </cell>
          <cell r="C572" t="str">
            <v>設備指令システム改良（その２）</v>
          </cell>
          <cell r="D572">
            <v>39146</v>
          </cell>
          <cell r="E572" t="str">
            <v>特命</v>
          </cell>
          <cell r="G572">
            <v>5502000</v>
          </cell>
          <cell r="I572">
            <v>1</v>
          </cell>
          <cell r="J572" t="str">
            <v>式</v>
          </cell>
          <cell r="K572" t="str">
            <v/>
          </cell>
          <cell r="L572">
            <v>5502000</v>
          </cell>
          <cell r="M572" t="str">
            <v>特命</v>
          </cell>
          <cell r="N572" t="str">
            <v>高・建改</v>
          </cell>
          <cell r="P572">
            <v>39437</v>
          </cell>
          <cell r="Q572" t="str">
            <v>壱</v>
          </cell>
          <cell r="R572" t="str">
            <v>無</v>
          </cell>
          <cell r="S572" t="str">
            <v>電気課</v>
          </cell>
          <cell r="T572" t="str">
            <v>多田　国康</v>
          </cell>
          <cell r="U572">
            <v>2642</v>
          </cell>
          <cell r="V572" t="str">
            <v>部長</v>
          </cell>
          <cell r="W572" t="str">
            <v>なか５日</v>
          </cell>
          <cell r="X572" t="str">
            <v>特命</v>
          </cell>
          <cell r="Y572">
            <v>39153</v>
          </cell>
          <cell r="Z572">
            <v>39153</v>
          </cell>
          <cell r="AA572">
            <v>1400</v>
          </cell>
          <cell r="AB572" t="str">
            <v>交通局３階総務課（契約担当）</v>
          </cell>
          <cell r="AD572" t="str">
            <v>平成19年3月12日(月)　14時00分</v>
          </cell>
          <cell r="AI572">
            <v>1</v>
          </cell>
          <cell r="AJ572" t="str">
            <v>富士電機システムズ（株）東日本支社北海道事務所</v>
          </cell>
          <cell r="AU572" t="str">
            <v>要</v>
          </cell>
          <cell r="AV572">
            <v>5180000</v>
          </cell>
          <cell r="AW572">
            <v>5439000</v>
          </cell>
          <cell r="AX572">
            <v>1.1450381679389277E-2</v>
          </cell>
          <cell r="AY572" t="str">
            <v>富士電機システムズ（株）東日本支社北海道事務所</v>
          </cell>
          <cell r="AZ572">
            <v>5180000</v>
          </cell>
          <cell r="BA572">
            <v>5439000</v>
          </cell>
          <cell r="BB572">
            <v>259000</v>
          </cell>
          <cell r="BC572" t="str">
            <v>契約書</v>
          </cell>
          <cell r="BE572">
            <v>39154</v>
          </cell>
          <cell r="BF572" t="str">
            <v>する</v>
          </cell>
          <cell r="BG572" t="str">
            <v>見積</v>
          </cell>
          <cell r="BH572">
            <v>1</v>
          </cell>
          <cell r="BK572">
            <v>5240000</v>
          </cell>
          <cell r="BL572" t="str">
            <v xml:space="preserve"> </v>
          </cell>
          <cell r="BM572">
            <v>63000</v>
          </cell>
          <cell r="BN572">
            <v>0.98854961832061072</v>
          </cell>
        </row>
        <row r="573">
          <cell r="A573">
            <v>1280</v>
          </cell>
          <cell r="B573" t="str">
            <v>物品購入</v>
          </cell>
          <cell r="C573" t="str">
            <v>紙幣計算機</v>
          </cell>
          <cell r="D573">
            <v>39146</v>
          </cell>
          <cell r="G573">
            <v>172200</v>
          </cell>
          <cell r="I573">
            <v>1</v>
          </cell>
          <cell r="J573" t="str">
            <v>式</v>
          </cell>
          <cell r="K573" t="str">
            <v/>
          </cell>
          <cell r="L573">
            <v>172200</v>
          </cell>
          <cell r="M573" t="str">
            <v>公開</v>
          </cell>
          <cell r="N573" t="str">
            <v>高・営</v>
          </cell>
          <cell r="P573">
            <v>39171</v>
          </cell>
          <cell r="Q573" t="str">
            <v>壱</v>
          </cell>
          <cell r="R573" t="str">
            <v>無</v>
          </cell>
          <cell r="S573" t="str">
            <v>駅務課</v>
          </cell>
          <cell r="T573" t="str">
            <v>山本　剛</v>
          </cell>
          <cell r="U573">
            <v>5713</v>
          </cell>
          <cell r="V573" t="str">
            <v>課長</v>
          </cell>
          <cell r="W573" t="str">
            <v>なか１日</v>
          </cell>
          <cell r="X573" t="str">
            <v>公開</v>
          </cell>
          <cell r="Y573">
            <v>39156</v>
          </cell>
          <cell r="Z573">
            <v>39156</v>
          </cell>
          <cell r="AB573" t="str">
            <v>交通局３階総務課（契約担当）</v>
          </cell>
          <cell r="AD573" t="e">
            <v>#VALUE!</v>
          </cell>
          <cell r="AI573">
            <v>3</v>
          </cell>
          <cell r="AJ573" t="str">
            <v>ローレルバンクマシン（株）札幌支店</v>
          </cell>
          <cell r="AU573" t="str">
            <v>省略可</v>
          </cell>
          <cell r="AW573">
            <v>172200</v>
          </cell>
          <cell r="AX573">
            <v>1</v>
          </cell>
          <cell r="AY573" t="str">
            <v>ローレルバンクマシン（株）札幌支店</v>
          </cell>
          <cell r="AZ573">
            <v>160000</v>
          </cell>
          <cell r="BA573">
            <v>168000</v>
          </cell>
          <cell r="BB573">
            <v>8000</v>
          </cell>
          <cell r="BC573" t="str">
            <v>発注書</v>
          </cell>
          <cell r="BE573">
            <v>39157</v>
          </cell>
          <cell r="BF573" t="str">
            <v>しない</v>
          </cell>
          <cell r="BG573" t="str">
            <v>見積(公開)</v>
          </cell>
          <cell r="BH573">
            <v>0.97560975609756095</v>
          </cell>
          <cell r="BK573">
            <v>164000</v>
          </cell>
          <cell r="BL573" t="str">
            <v xml:space="preserve"> </v>
          </cell>
          <cell r="BM573">
            <v>4200</v>
          </cell>
          <cell r="BN573">
            <v>0.97560975609756095</v>
          </cell>
        </row>
        <row r="574">
          <cell r="A574">
            <v>7199</v>
          </cell>
          <cell r="B574" t="str">
            <v>業務委託</v>
          </cell>
          <cell r="C574" t="str">
            <v>油水分離装置保守点検業務</v>
          </cell>
          <cell r="D574">
            <v>39146</v>
          </cell>
          <cell r="E574" t="str">
            <v>特命</v>
          </cell>
          <cell r="G574">
            <v>463050</v>
          </cell>
          <cell r="I574">
            <v>1</v>
          </cell>
          <cell r="J574" t="str">
            <v>式</v>
          </cell>
          <cell r="K574" t="str">
            <v/>
          </cell>
          <cell r="L574">
            <v>463050</v>
          </cell>
          <cell r="M574" t="str">
            <v>特命</v>
          </cell>
          <cell r="N574" t="str">
            <v>軌・営</v>
          </cell>
          <cell r="O574">
            <v>39153</v>
          </cell>
          <cell r="P574">
            <v>39170</v>
          </cell>
          <cell r="Q574" t="str">
            <v>壱</v>
          </cell>
          <cell r="R574" t="str">
            <v>無</v>
          </cell>
          <cell r="S574" t="str">
            <v>電車事業所</v>
          </cell>
          <cell r="T574" t="str">
            <v>内山　晃良</v>
          </cell>
          <cell r="U574">
            <v>2933</v>
          </cell>
          <cell r="V574" t="str">
            <v>部長</v>
          </cell>
          <cell r="W574" t="str">
            <v>なか１日</v>
          </cell>
          <cell r="X574" t="str">
            <v>特命</v>
          </cell>
          <cell r="Y574">
            <v>39150</v>
          </cell>
          <cell r="Z574">
            <v>39150</v>
          </cell>
          <cell r="AA574">
            <v>1400</v>
          </cell>
          <cell r="AB574" t="str">
            <v>交通局３階総務課（契約担当）</v>
          </cell>
          <cell r="AD574" t="str">
            <v>平成19年3月9日(金)　14時00分</v>
          </cell>
          <cell r="AI574">
            <v>1</v>
          </cell>
          <cell r="AJ574" t="str">
            <v>札幌日信電子（株）</v>
          </cell>
          <cell r="AU574" t="str">
            <v>省略可</v>
          </cell>
          <cell r="AW574">
            <v>463050</v>
          </cell>
          <cell r="AX574">
            <v>1</v>
          </cell>
          <cell r="AY574" t="str">
            <v>札幌日信電子（株）</v>
          </cell>
          <cell r="AZ574">
            <v>441000</v>
          </cell>
          <cell r="BA574">
            <v>463050</v>
          </cell>
          <cell r="BB574">
            <v>22050</v>
          </cell>
          <cell r="BC574" t="str">
            <v>請書</v>
          </cell>
          <cell r="BE574">
            <v>39153</v>
          </cell>
          <cell r="BF574" t="str">
            <v>しない</v>
          </cell>
          <cell r="BG574" t="str">
            <v>見積</v>
          </cell>
          <cell r="BH574">
            <v>1</v>
          </cell>
          <cell r="BK574">
            <v>441000</v>
          </cell>
          <cell r="BL574" t="str">
            <v xml:space="preserve"> </v>
          </cell>
          <cell r="BM574">
            <v>0</v>
          </cell>
          <cell r="BN574">
            <v>1</v>
          </cell>
        </row>
        <row r="575">
          <cell r="A575">
            <v>7200</v>
          </cell>
          <cell r="B575" t="str">
            <v>業務委託</v>
          </cell>
          <cell r="C575" t="str">
            <v>東車両基地自動回送関連装置修繕業務</v>
          </cell>
          <cell r="D575">
            <v>39147</v>
          </cell>
          <cell r="E575" t="str">
            <v>特命</v>
          </cell>
          <cell r="G575">
            <v>319200</v>
          </cell>
          <cell r="I575">
            <v>1</v>
          </cell>
          <cell r="J575" t="str">
            <v>式</v>
          </cell>
          <cell r="K575" t="str">
            <v/>
          </cell>
          <cell r="L575">
            <v>319200</v>
          </cell>
          <cell r="M575" t="str">
            <v>特命</v>
          </cell>
          <cell r="N575" t="str">
            <v>高・営</v>
          </cell>
          <cell r="O575">
            <v>39155</v>
          </cell>
          <cell r="P575">
            <v>39169</v>
          </cell>
          <cell r="Q575" t="str">
            <v>壱</v>
          </cell>
          <cell r="R575" t="str">
            <v>無</v>
          </cell>
          <cell r="S575" t="str">
            <v>施設課</v>
          </cell>
          <cell r="T575" t="str">
            <v>中里　聡</v>
          </cell>
          <cell r="U575">
            <v>2527</v>
          </cell>
          <cell r="V575" t="str">
            <v>部長</v>
          </cell>
          <cell r="W575" t="str">
            <v>なか１日</v>
          </cell>
          <cell r="X575" t="str">
            <v>特命</v>
          </cell>
          <cell r="Y575">
            <v>39153</v>
          </cell>
          <cell r="Z575">
            <v>39153</v>
          </cell>
          <cell r="AA575">
            <v>1430</v>
          </cell>
          <cell r="AB575" t="str">
            <v>交通局３階総務課（契約担当）</v>
          </cell>
          <cell r="AD575" t="str">
            <v>平成19年3月12日(月)　14時30分</v>
          </cell>
          <cell r="AI575">
            <v>1</v>
          </cell>
          <cell r="AJ575" t="str">
            <v>ホーチキ（株）北海道支社</v>
          </cell>
          <cell r="AU575" t="str">
            <v>省略可</v>
          </cell>
          <cell r="AW575">
            <v>319200</v>
          </cell>
          <cell r="AX575">
            <v>1</v>
          </cell>
          <cell r="AY575" t="str">
            <v>ホーチキ（株）北海道支社</v>
          </cell>
          <cell r="AZ575">
            <v>278000</v>
          </cell>
          <cell r="BA575">
            <v>291900</v>
          </cell>
          <cell r="BB575">
            <v>13900</v>
          </cell>
          <cell r="BC575" t="str">
            <v>請書</v>
          </cell>
          <cell r="BE575">
            <v>39154</v>
          </cell>
          <cell r="BF575" t="str">
            <v>しない</v>
          </cell>
          <cell r="BG575" t="str">
            <v>見積</v>
          </cell>
          <cell r="BH575">
            <v>0.91447368421052633</v>
          </cell>
          <cell r="BK575">
            <v>304000</v>
          </cell>
          <cell r="BL575" t="str">
            <v xml:space="preserve"> </v>
          </cell>
          <cell r="BM575">
            <v>27300</v>
          </cell>
          <cell r="BN575">
            <v>0.91447368421052633</v>
          </cell>
        </row>
        <row r="576">
          <cell r="A576">
            <v>1281</v>
          </cell>
          <cell r="B576" t="str">
            <v>物品購入</v>
          </cell>
          <cell r="C576" t="str">
            <v>業務端末専用アプリケーション等一式</v>
          </cell>
          <cell r="D576">
            <v>39147</v>
          </cell>
          <cell r="G576">
            <v>2676450</v>
          </cell>
          <cell r="I576">
            <v>1</v>
          </cell>
          <cell r="J576" t="str">
            <v>式</v>
          </cell>
          <cell r="K576" t="str">
            <v/>
          </cell>
          <cell r="L576">
            <v>2676450</v>
          </cell>
          <cell r="M576" t="str">
            <v>入札</v>
          </cell>
          <cell r="N576" t="str">
            <v>高・営</v>
          </cell>
          <cell r="P576">
            <v>39171</v>
          </cell>
          <cell r="Q576" t="str">
            <v>壱</v>
          </cell>
          <cell r="R576" t="str">
            <v>無</v>
          </cell>
          <cell r="S576" t="str">
            <v>総務課</v>
          </cell>
          <cell r="T576" t="str">
            <v>橋本　直実輝</v>
          </cell>
          <cell r="U576">
            <v>2215</v>
          </cell>
          <cell r="V576" t="str">
            <v>課長</v>
          </cell>
          <cell r="W576" t="str">
            <v>なか１日</v>
          </cell>
          <cell r="X576" t="str">
            <v>入札</v>
          </cell>
          <cell r="Y576">
            <v>39150</v>
          </cell>
          <cell r="Z576">
            <v>39153</v>
          </cell>
          <cell r="AA576">
            <v>1110</v>
          </cell>
          <cell r="AB576" t="str">
            <v>交通局５階入札室</v>
          </cell>
          <cell r="AD576" t="str">
            <v>平成19年3月12日(月)　11時10分</v>
          </cell>
          <cell r="AE576" t="str">
            <v>卸小売業</v>
          </cell>
          <cell r="AF576" t="str">
            <v>電気機械器具卸小売業</v>
          </cell>
          <cell r="AG576" t="str">
            <v>その他電気機械器具</v>
          </cell>
          <cell r="AH576" t="str">
            <v>A</v>
          </cell>
          <cell r="AI576">
            <v>3</v>
          </cell>
          <cell r="AJ576" t="str">
            <v>（株）エミヤ</v>
          </cell>
          <cell r="AK576" t="str">
            <v>大丸藤井（株）</v>
          </cell>
          <cell r="AL576" t="str">
            <v>北海道オフイス・マシン（株）</v>
          </cell>
          <cell r="AU576" t="str">
            <v>要</v>
          </cell>
          <cell r="AV576">
            <v>2540000</v>
          </cell>
          <cell r="AW576">
            <v>2667000</v>
          </cell>
          <cell r="AX576">
            <v>3.5307963907414974E-3</v>
          </cell>
          <cell r="AY576" t="str">
            <v>（株）エミヤ</v>
          </cell>
          <cell r="AZ576">
            <v>1895000</v>
          </cell>
          <cell r="BA576">
            <v>1989750</v>
          </cell>
          <cell r="BB576">
            <v>94750</v>
          </cell>
          <cell r="BC576" t="str">
            <v>契約書</v>
          </cell>
          <cell r="BE576">
            <v>39154</v>
          </cell>
          <cell r="BF576" t="str">
            <v>しない</v>
          </cell>
          <cell r="BG576" t="str">
            <v>入  札</v>
          </cell>
          <cell r="BH576">
            <v>0.74606299212598426</v>
          </cell>
          <cell r="BK576">
            <v>2549000</v>
          </cell>
          <cell r="BL576" t="str">
            <v xml:space="preserve"> </v>
          </cell>
          <cell r="BM576">
            <v>686700</v>
          </cell>
          <cell r="BN576">
            <v>0.74342879560612007</v>
          </cell>
        </row>
        <row r="577">
          <cell r="A577">
            <v>7201</v>
          </cell>
          <cell r="B577" t="str">
            <v>業務委託</v>
          </cell>
          <cell r="C577" t="str">
            <v>空調機修理（三菱製その２）</v>
          </cell>
          <cell r="D577">
            <v>39148</v>
          </cell>
          <cell r="E577" t="str">
            <v>特命</v>
          </cell>
          <cell r="G577">
            <v>2404500</v>
          </cell>
          <cell r="I577">
            <v>1</v>
          </cell>
          <cell r="J577" t="str">
            <v>式</v>
          </cell>
          <cell r="K577" t="str">
            <v/>
          </cell>
          <cell r="L577">
            <v>2404500</v>
          </cell>
          <cell r="M577" t="str">
            <v>特命</v>
          </cell>
          <cell r="N577" t="str">
            <v>高・営</v>
          </cell>
          <cell r="O577">
            <v>39155</v>
          </cell>
          <cell r="P577">
            <v>39170</v>
          </cell>
          <cell r="Q577" t="str">
            <v>壱</v>
          </cell>
          <cell r="R577" t="str">
            <v>無</v>
          </cell>
          <cell r="S577" t="str">
            <v>施設課</v>
          </cell>
          <cell r="T577" t="str">
            <v>北川　博教</v>
          </cell>
          <cell r="U577">
            <v>2528</v>
          </cell>
          <cell r="V577" t="str">
            <v>管理者</v>
          </cell>
          <cell r="W577" t="str">
            <v>なか１日</v>
          </cell>
          <cell r="X577" t="str">
            <v>特命</v>
          </cell>
          <cell r="Y577">
            <v>39155</v>
          </cell>
          <cell r="Z577">
            <v>39154</v>
          </cell>
          <cell r="AA577">
            <v>1030</v>
          </cell>
          <cell r="AB577" t="str">
            <v>交通局３階総務課（契約担当）</v>
          </cell>
          <cell r="AD577" t="str">
            <v>平成19年3月13日(火)　10時30分</v>
          </cell>
          <cell r="AI577">
            <v>1</v>
          </cell>
          <cell r="AJ577" t="str">
            <v>三菱電機ビルテクノサービス（株）北海道支社</v>
          </cell>
          <cell r="AU577" t="str">
            <v>要</v>
          </cell>
          <cell r="AV577">
            <v>2260000</v>
          </cell>
          <cell r="AW577">
            <v>2373000</v>
          </cell>
          <cell r="AX577">
            <v>1.3100436681222738E-2</v>
          </cell>
          <cell r="AY577" t="str">
            <v>三菱電機ビルテクノサービス（株）北海道支社</v>
          </cell>
          <cell r="AZ577">
            <v>2260000</v>
          </cell>
          <cell r="BA577">
            <v>2373000</v>
          </cell>
          <cell r="BB577">
            <v>113000</v>
          </cell>
          <cell r="BC577" t="str">
            <v>契約書</v>
          </cell>
          <cell r="BE577">
            <v>39155</v>
          </cell>
          <cell r="BF577" t="str">
            <v>しない</v>
          </cell>
          <cell r="BG577" t="str">
            <v>見積</v>
          </cell>
          <cell r="BH577">
            <v>1</v>
          </cell>
          <cell r="BK577">
            <v>2290000</v>
          </cell>
          <cell r="BL577" t="str">
            <v xml:space="preserve"> </v>
          </cell>
          <cell r="BM577">
            <v>31500</v>
          </cell>
          <cell r="BN577">
            <v>0.98689956331877726</v>
          </cell>
        </row>
        <row r="578">
          <cell r="A578">
            <v>1282</v>
          </cell>
          <cell r="B578" t="str">
            <v>物品購入</v>
          </cell>
          <cell r="C578" t="str">
            <v>ＡＥＤトレーニングシステム</v>
          </cell>
          <cell r="D578">
            <v>39148</v>
          </cell>
          <cell r="G578">
            <v>177450</v>
          </cell>
          <cell r="I578">
            <v>1</v>
          </cell>
          <cell r="J578" t="str">
            <v>式</v>
          </cell>
          <cell r="K578" t="str">
            <v/>
          </cell>
          <cell r="L578">
            <v>177450</v>
          </cell>
          <cell r="M578" t="str">
            <v>公開</v>
          </cell>
          <cell r="N578" t="str">
            <v>高・営</v>
          </cell>
          <cell r="P578">
            <v>39168</v>
          </cell>
          <cell r="Q578" t="str">
            <v>壱</v>
          </cell>
          <cell r="R578" t="str">
            <v>無</v>
          </cell>
          <cell r="S578" t="str">
            <v>教習所</v>
          </cell>
          <cell r="T578" t="str">
            <v>大橋　克則</v>
          </cell>
          <cell r="U578">
            <v>2912</v>
          </cell>
          <cell r="V578" t="str">
            <v>課長</v>
          </cell>
          <cell r="W578" t="str">
            <v>なか１日</v>
          </cell>
          <cell r="X578" t="str">
            <v>公開</v>
          </cell>
          <cell r="Y578">
            <v>39156</v>
          </cell>
          <cell r="Z578">
            <v>39156</v>
          </cell>
          <cell r="AB578" t="str">
            <v>交通局３階総務課（契約担当）</v>
          </cell>
          <cell r="AD578" t="e">
            <v>#VALUE!</v>
          </cell>
          <cell r="AI578">
            <v>3</v>
          </cell>
          <cell r="AJ578" t="str">
            <v>（株）ムトウ</v>
          </cell>
          <cell r="AU578" t="str">
            <v>省略可</v>
          </cell>
          <cell r="AW578">
            <v>177450</v>
          </cell>
          <cell r="AX578">
            <v>1</v>
          </cell>
          <cell r="AY578" t="str">
            <v>（株）ムトウ</v>
          </cell>
          <cell r="AZ578">
            <v>159200</v>
          </cell>
          <cell r="BA578">
            <v>167160</v>
          </cell>
          <cell r="BB578">
            <v>7960</v>
          </cell>
          <cell r="BC578" t="str">
            <v>発注書</v>
          </cell>
          <cell r="BE578">
            <v>39157</v>
          </cell>
          <cell r="BF578" t="str">
            <v>しない</v>
          </cell>
          <cell r="BG578" t="str">
            <v>見積(公開)</v>
          </cell>
          <cell r="BH578">
            <v>0.94201183431952662</v>
          </cell>
          <cell r="BK578">
            <v>169000</v>
          </cell>
          <cell r="BL578" t="str">
            <v xml:space="preserve"> </v>
          </cell>
          <cell r="BM578">
            <v>10290</v>
          </cell>
          <cell r="BN578">
            <v>0.94201183431952662</v>
          </cell>
        </row>
        <row r="579">
          <cell r="A579">
            <v>7202</v>
          </cell>
          <cell r="B579" t="str">
            <v>業務委託</v>
          </cell>
          <cell r="C579" t="str">
            <v>地下鉄乗継料金表修正業務</v>
          </cell>
          <cell r="D579">
            <v>39149</v>
          </cell>
          <cell r="G579">
            <v>283500</v>
          </cell>
          <cell r="I579">
            <v>1</v>
          </cell>
          <cell r="J579" t="str">
            <v>式</v>
          </cell>
          <cell r="K579" t="str">
            <v/>
          </cell>
          <cell r="L579">
            <v>283500</v>
          </cell>
          <cell r="M579" t="str">
            <v>見積</v>
          </cell>
          <cell r="N579" t="str">
            <v>高・営</v>
          </cell>
          <cell r="O579">
            <v>39157</v>
          </cell>
          <cell r="P579">
            <v>39171</v>
          </cell>
          <cell r="Q579" t="str">
            <v>壱</v>
          </cell>
          <cell r="R579" t="str">
            <v>無</v>
          </cell>
          <cell r="S579" t="str">
            <v>業務課</v>
          </cell>
          <cell r="T579" t="str">
            <v>桜庭　一昭</v>
          </cell>
          <cell r="U579">
            <v>2417</v>
          </cell>
          <cell r="V579" t="str">
            <v>課長</v>
          </cell>
          <cell r="W579" t="str">
            <v>なか１日</v>
          </cell>
          <cell r="X579" t="str">
            <v>見積</v>
          </cell>
          <cell r="Y579">
            <v>39154</v>
          </cell>
          <cell r="Z579">
            <v>39156</v>
          </cell>
          <cell r="AA579">
            <v>1100</v>
          </cell>
          <cell r="AB579" t="str">
            <v>交通局５階入札室</v>
          </cell>
          <cell r="AD579" t="str">
            <v>平成19年3月15日(木)　11時00分</v>
          </cell>
          <cell r="AI579">
            <v>3</v>
          </cell>
          <cell r="AJ579" t="str">
            <v>（株）ゴーセイ</v>
          </cell>
          <cell r="AK579" t="str">
            <v>（株）第一エンヂニアリング</v>
          </cell>
          <cell r="AL579" t="str">
            <v>七欧産業（株）</v>
          </cell>
          <cell r="AU579" t="str">
            <v>省略可</v>
          </cell>
          <cell r="AW579">
            <v>283500</v>
          </cell>
          <cell r="AX579">
            <v>1</v>
          </cell>
          <cell r="AY579" t="str">
            <v>七欧産業（株）</v>
          </cell>
          <cell r="AZ579">
            <v>235000</v>
          </cell>
          <cell r="BA579">
            <v>246750</v>
          </cell>
          <cell r="BB579">
            <v>11750</v>
          </cell>
          <cell r="BC579" t="str">
            <v>請書</v>
          </cell>
          <cell r="BE579">
            <v>39157</v>
          </cell>
          <cell r="BF579" t="str">
            <v>しない</v>
          </cell>
          <cell r="BG579" t="str">
            <v>見積</v>
          </cell>
          <cell r="BH579">
            <v>0.87037037037037035</v>
          </cell>
          <cell r="BK579">
            <v>270000</v>
          </cell>
          <cell r="BL579" t="str">
            <v xml:space="preserve"> </v>
          </cell>
          <cell r="BM579">
            <v>36750</v>
          </cell>
          <cell r="BN579">
            <v>0.87037037037037035</v>
          </cell>
        </row>
        <row r="580">
          <cell r="A580">
            <v>7203</v>
          </cell>
          <cell r="B580" t="str">
            <v>業務委託</v>
          </cell>
          <cell r="C580" t="str">
            <v>麻生・真駒内留置線車体接地板改修</v>
          </cell>
          <cell r="D580">
            <v>39153</v>
          </cell>
          <cell r="E580" t="str">
            <v>特命</v>
          </cell>
          <cell r="G580">
            <v>769650</v>
          </cell>
          <cell r="I580">
            <v>1</v>
          </cell>
          <cell r="J580" t="str">
            <v>式</v>
          </cell>
          <cell r="K580" t="str">
            <v/>
          </cell>
          <cell r="L580">
            <v>769650</v>
          </cell>
          <cell r="M580" t="str">
            <v>特命</v>
          </cell>
          <cell r="N580" t="str">
            <v>高・営</v>
          </cell>
          <cell r="O580">
            <v>39160</v>
          </cell>
          <cell r="P580">
            <v>39171</v>
          </cell>
          <cell r="Q580" t="str">
            <v>壱</v>
          </cell>
          <cell r="R580" t="str">
            <v>無</v>
          </cell>
          <cell r="S580" t="str">
            <v>電気課</v>
          </cell>
          <cell r="T580" t="str">
            <v>佐久間　正</v>
          </cell>
          <cell r="U580">
            <v>2627</v>
          </cell>
          <cell r="V580" t="str">
            <v>部長</v>
          </cell>
          <cell r="W580" t="str">
            <v>なか１日</v>
          </cell>
          <cell r="X580" t="str">
            <v>特命</v>
          </cell>
          <cell r="Y580">
            <v>39157</v>
          </cell>
          <cell r="Z580">
            <v>39157</v>
          </cell>
          <cell r="AA580">
            <v>1400</v>
          </cell>
          <cell r="AB580" t="str">
            <v>交通局３階総務課（契約担当）</v>
          </cell>
          <cell r="AD580" t="str">
            <v>平成19年3月16日(金)　14時00分</v>
          </cell>
          <cell r="AI580">
            <v>1</v>
          </cell>
          <cell r="AJ580" t="str">
            <v>日本電設工業（株）北海道支店</v>
          </cell>
          <cell r="AU580" t="str">
            <v>省略可</v>
          </cell>
          <cell r="AW580">
            <v>769650</v>
          </cell>
          <cell r="AX580">
            <v>1</v>
          </cell>
          <cell r="AY580" t="str">
            <v>日本電設工業（株）北海道支店</v>
          </cell>
          <cell r="AZ580">
            <v>700000</v>
          </cell>
          <cell r="BA580">
            <v>735000</v>
          </cell>
          <cell r="BB580">
            <v>35000</v>
          </cell>
          <cell r="BC580" t="str">
            <v>契約書</v>
          </cell>
          <cell r="BE580">
            <v>39160</v>
          </cell>
          <cell r="BF580" t="str">
            <v>しない</v>
          </cell>
          <cell r="BG580" t="str">
            <v>見積</v>
          </cell>
          <cell r="BH580">
            <v>0.95497953615279674</v>
          </cell>
          <cell r="BK580">
            <v>733000</v>
          </cell>
          <cell r="BL580" t="str">
            <v xml:space="preserve"> </v>
          </cell>
          <cell r="BM580">
            <v>34650</v>
          </cell>
          <cell r="BN580">
            <v>0.95497953615279674</v>
          </cell>
        </row>
        <row r="581">
          <cell r="A581">
            <v>7204</v>
          </cell>
          <cell r="B581" t="str">
            <v>業務委託</v>
          </cell>
          <cell r="C581" t="str">
            <v>東基地区分用シーケンサ交換</v>
          </cell>
          <cell r="D581">
            <v>39153</v>
          </cell>
          <cell r="E581" t="str">
            <v>特命</v>
          </cell>
          <cell r="G581">
            <v>953400</v>
          </cell>
          <cell r="I581">
            <v>1</v>
          </cell>
          <cell r="J581" t="str">
            <v>式</v>
          </cell>
          <cell r="K581" t="str">
            <v/>
          </cell>
          <cell r="L581">
            <v>953400</v>
          </cell>
          <cell r="M581" t="str">
            <v>特命</v>
          </cell>
          <cell r="N581" t="str">
            <v>高・営</v>
          </cell>
          <cell r="O581">
            <v>39157</v>
          </cell>
          <cell r="P581">
            <v>39167</v>
          </cell>
          <cell r="Q581" t="str">
            <v>壱</v>
          </cell>
          <cell r="R581" t="str">
            <v>無</v>
          </cell>
          <cell r="S581" t="str">
            <v>電気課</v>
          </cell>
          <cell r="T581" t="str">
            <v>佐久間　正</v>
          </cell>
          <cell r="U581">
            <v>2627</v>
          </cell>
          <cell r="V581" t="str">
            <v>部長</v>
          </cell>
          <cell r="W581" t="str">
            <v>なか１日</v>
          </cell>
          <cell r="X581" t="str">
            <v>特命</v>
          </cell>
          <cell r="Y581">
            <v>39157</v>
          </cell>
          <cell r="Z581">
            <v>39157</v>
          </cell>
          <cell r="AA581">
            <v>1430</v>
          </cell>
          <cell r="AB581" t="str">
            <v>交通局３階総務課（契約担当）</v>
          </cell>
          <cell r="AD581" t="str">
            <v>平成19年3月16日(金)　14時30分</v>
          </cell>
          <cell r="AI581">
            <v>1</v>
          </cell>
          <cell r="AJ581" t="str">
            <v>三菱電機（株）北海道支社</v>
          </cell>
          <cell r="AU581" t="str">
            <v>省略可</v>
          </cell>
          <cell r="AW581">
            <v>953400</v>
          </cell>
          <cell r="AX581">
            <v>1</v>
          </cell>
          <cell r="AY581" t="str">
            <v>三菱電機（株）北海道支社</v>
          </cell>
          <cell r="AZ581">
            <v>900000</v>
          </cell>
          <cell r="BA581">
            <v>945000</v>
          </cell>
          <cell r="BB581">
            <v>45000</v>
          </cell>
          <cell r="BC581" t="str">
            <v>契約書</v>
          </cell>
          <cell r="BE581">
            <v>39157</v>
          </cell>
          <cell r="BF581" t="str">
            <v>しない</v>
          </cell>
          <cell r="BG581" t="str">
            <v>見積</v>
          </cell>
          <cell r="BH581">
            <v>0.99118942731277537</v>
          </cell>
          <cell r="BK581">
            <v>908000</v>
          </cell>
          <cell r="BL581" t="str">
            <v xml:space="preserve"> </v>
          </cell>
          <cell r="BM581">
            <v>8400</v>
          </cell>
          <cell r="BN581">
            <v>0.99118942731277537</v>
          </cell>
        </row>
        <row r="582">
          <cell r="A582">
            <v>7205</v>
          </cell>
          <cell r="B582" t="str">
            <v>業務委託</v>
          </cell>
          <cell r="C582" t="str">
            <v>７０００形車両ガスケット等交換</v>
          </cell>
          <cell r="D582">
            <v>39154</v>
          </cell>
          <cell r="G582">
            <v>511350</v>
          </cell>
          <cell r="I582">
            <v>1</v>
          </cell>
          <cell r="J582" t="str">
            <v>式</v>
          </cell>
          <cell r="K582" t="str">
            <v/>
          </cell>
          <cell r="L582">
            <v>511350</v>
          </cell>
          <cell r="M582" t="str">
            <v>見積</v>
          </cell>
          <cell r="N582" t="str">
            <v>高・営</v>
          </cell>
          <cell r="O582">
            <v>39160</v>
          </cell>
          <cell r="P582">
            <v>39171</v>
          </cell>
          <cell r="Q582" t="str">
            <v>壱</v>
          </cell>
          <cell r="R582" t="str">
            <v>無</v>
          </cell>
          <cell r="S582" t="str">
            <v>車両課(二十四軒)</v>
          </cell>
          <cell r="T582" t="str">
            <v>津谷　謙一</v>
          </cell>
          <cell r="U582">
            <v>8211</v>
          </cell>
          <cell r="V582" t="str">
            <v>部長</v>
          </cell>
          <cell r="W582" t="str">
            <v>なか１日</v>
          </cell>
          <cell r="X582" t="str">
            <v>見積</v>
          </cell>
          <cell r="Y582">
            <v>39160</v>
          </cell>
          <cell r="Z582">
            <v>39157</v>
          </cell>
          <cell r="AA582">
            <v>1300</v>
          </cell>
          <cell r="AB582" t="str">
            <v>交通局３階総務課（契約担当）</v>
          </cell>
          <cell r="AD582" t="str">
            <v>平成19年3月16日(金)　13時00分</v>
          </cell>
          <cell r="AI582">
            <v>3</v>
          </cell>
          <cell r="AJ582" t="str">
            <v>札幌交通機械（株）</v>
          </cell>
          <cell r="AU582" t="str">
            <v>省略可</v>
          </cell>
          <cell r="AW582">
            <v>511350</v>
          </cell>
          <cell r="AX582">
            <v>1</v>
          </cell>
          <cell r="AY582" t="str">
            <v>札幌交通機械（株）</v>
          </cell>
          <cell r="AZ582">
            <v>485000</v>
          </cell>
          <cell r="BA582">
            <v>509250</v>
          </cell>
          <cell r="BB582">
            <v>24250</v>
          </cell>
          <cell r="BC582" t="str">
            <v>契約書</v>
          </cell>
          <cell r="BE582">
            <v>39157</v>
          </cell>
          <cell r="BF582" t="str">
            <v>しない</v>
          </cell>
          <cell r="BG582" t="str">
            <v>見積</v>
          </cell>
          <cell r="BH582">
            <v>0.9958932238193019</v>
          </cell>
          <cell r="BK582">
            <v>487000</v>
          </cell>
          <cell r="BL582" t="str">
            <v xml:space="preserve"> </v>
          </cell>
          <cell r="BM582">
            <v>2100</v>
          </cell>
          <cell r="BN582">
            <v>0.9958932238193019</v>
          </cell>
        </row>
        <row r="583">
          <cell r="A583">
            <v>1283</v>
          </cell>
          <cell r="B583" t="str">
            <v>物品購入</v>
          </cell>
          <cell r="C583" t="str">
            <v>本局庁舎自動制御部品（ジョンソン製）</v>
          </cell>
          <cell r="D583">
            <v>39154</v>
          </cell>
          <cell r="E583" t="str">
            <v>特命</v>
          </cell>
          <cell r="G583">
            <v>473492</v>
          </cell>
          <cell r="I583">
            <v>1</v>
          </cell>
          <cell r="J583" t="str">
            <v>式</v>
          </cell>
          <cell r="K583" t="str">
            <v/>
          </cell>
          <cell r="L583">
            <v>473492</v>
          </cell>
          <cell r="M583" t="str">
            <v>特命</v>
          </cell>
          <cell r="N583" t="str">
            <v>高・営</v>
          </cell>
          <cell r="P583">
            <v>39171</v>
          </cell>
          <cell r="Q583" t="str">
            <v>壱</v>
          </cell>
          <cell r="R583" t="str">
            <v>無</v>
          </cell>
          <cell r="S583" t="str">
            <v>施設課</v>
          </cell>
          <cell r="T583" t="str">
            <v>鍔山　和宏</v>
          </cell>
          <cell r="U583">
            <v>2525</v>
          </cell>
          <cell r="V583" t="str">
            <v>課長</v>
          </cell>
          <cell r="W583" t="str">
            <v>なか１日</v>
          </cell>
          <cell r="X583" t="str">
            <v>特命</v>
          </cell>
          <cell r="Y583">
            <v>39157</v>
          </cell>
          <cell r="Z583">
            <v>39157</v>
          </cell>
          <cell r="AA583">
            <v>1500</v>
          </cell>
          <cell r="AB583" t="str">
            <v>交通局３階総務課（契約担当）</v>
          </cell>
          <cell r="AD583" t="str">
            <v>平成19年3月16日(金)　15時00分</v>
          </cell>
          <cell r="AI583">
            <v>1</v>
          </cell>
          <cell r="AJ583" t="str">
            <v>ジョンソンコントロールズ（株）北海道支店</v>
          </cell>
          <cell r="AU583" t="str">
            <v>省略可</v>
          </cell>
          <cell r="AW583">
            <v>473492</v>
          </cell>
          <cell r="AX583">
            <v>1</v>
          </cell>
          <cell r="AY583" t="str">
            <v>ジョンソンコントロールズ（株）北海道支店</v>
          </cell>
          <cell r="AZ583">
            <v>450000</v>
          </cell>
          <cell r="BA583">
            <v>472500</v>
          </cell>
          <cell r="BB583">
            <v>22500</v>
          </cell>
          <cell r="BC583" t="str">
            <v>発注書</v>
          </cell>
          <cell r="BE583">
            <v>39157</v>
          </cell>
          <cell r="BF583" t="str">
            <v>しない</v>
          </cell>
          <cell r="BG583" t="str">
            <v>見積</v>
          </cell>
          <cell r="BH583">
            <v>0.99790492764397287</v>
          </cell>
          <cell r="BK583">
            <v>450944.76190476189</v>
          </cell>
          <cell r="BL583" t="str">
            <v xml:space="preserve"> </v>
          </cell>
          <cell r="BM583">
            <v>992</v>
          </cell>
          <cell r="BN583">
            <v>0.99790492764397287</v>
          </cell>
        </row>
        <row r="584">
          <cell r="A584">
            <v>7206</v>
          </cell>
          <cell r="B584" t="str">
            <v>業務委託</v>
          </cell>
          <cell r="C584" t="str">
            <v>西基地通信設備改修</v>
          </cell>
          <cell r="D584">
            <v>39156</v>
          </cell>
          <cell r="E584" t="str">
            <v>特命</v>
          </cell>
          <cell r="G584">
            <v>946050</v>
          </cell>
          <cell r="I584">
            <v>1</v>
          </cell>
          <cell r="J584" t="str">
            <v>式</v>
          </cell>
          <cell r="K584" t="str">
            <v/>
          </cell>
          <cell r="L584">
            <v>946050</v>
          </cell>
          <cell r="M584" t="str">
            <v>特命</v>
          </cell>
          <cell r="N584" t="str">
            <v>高・建改</v>
          </cell>
          <cell r="O584">
            <v>39167</v>
          </cell>
          <cell r="P584">
            <v>39233</v>
          </cell>
          <cell r="Q584" t="str">
            <v>壱</v>
          </cell>
          <cell r="R584" t="str">
            <v>無</v>
          </cell>
          <cell r="S584" t="str">
            <v>電気課</v>
          </cell>
          <cell r="T584" t="str">
            <v>赤地　修市</v>
          </cell>
          <cell r="U584">
            <v>2647</v>
          </cell>
          <cell r="V584" t="str">
            <v>部長</v>
          </cell>
          <cell r="W584" t="str">
            <v>なか１日</v>
          </cell>
          <cell r="X584" t="str">
            <v>特命</v>
          </cell>
          <cell r="Y584">
            <v>39163</v>
          </cell>
          <cell r="Z584">
            <v>39163</v>
          </cell>
          <cell r="AA584">
            <v>1030</v>
          </cell>
          <cell r="AB584" t="str">
            <v>交通局３階総務課（契約担当）</v>
          </cell>
          <cell r="AD584" t="str">
            <v>平成19年3月22日(木)　10時30分</v>
          </cell>
          <cell r="AI584">
            <v>1</v>
          </cell>
          <cell r="AJ584" t="str">
            <v>ＮＥＣネッツエスアイ（株）北海道支店</v>
          </cell>
          <cell r="AU584" t="str">
            <v>省略可</v>
          </cell>
          <cell r="AW584">
            <v>946050</v>
          </cell>
          <cell r="AX584">
            <v>1</v>
          </cell>
          <cell r="AY584" t="str">
            <v>ＮＥＣネッツエスアイ（株）北海道支店</v>
          </cell>
          <cell r="AZ584">
            <v>898000</v>
          </cell>
          <cell r="BA584">
            <v>942900</v>
          </cell>
          <cell r="BB584">
            <v>44900</v>
          </cell>
          <cell r="BC584" t="str">
            <v>契約書</v>
          </cell>
          <cell r="BE584">
            <v>39164</v>
          </cell>
          <cell r="BF584" t="str">
            <v>する</v>
          </cell>
          <cell r="BG584" t="str">
            <v>見積</v>
          </cell>
          <cell r="BH584">
            <v>0.99667036625971139</v>
          </cell>
          <cell r="BK584">
            <v>901000</v>
          </cell>
          <cell r="BL584" t="str">
            <v xml:space="preserve"> </v>
          </cell>
          <cell r="BM584">
            <v>3150</v>
          </cell>
          <cell r="BN584">
            <v>0.99667036625971139</v>
          </cell>
        </row>
        <row r="585">
          <cell r="A585">
            <v>7207</v>
          </cell>
          <cell r="B585" t="str">
            <v>業務委託</v>
          </cell>
          <cell r="C585" t="str">
            <v>７０００形車両ガスケット等交換その２</v>
          </cell>
          <cell r="D585">
            <v>39156</v>
          </cell>
          <cell r="E585" t="str">
            <v>特命</v>
          </cell>
          <cell r="G585">
            <v>1538250</v>
          </cell>
          <cell r="I585">
            <v>1</v>
          </cell>
          <cell r="J585" t="str">
            <v>式</v>
          </cell>
          <cell r="K585" t="str">
            <v/>
          </cell>
          <cell r="L585">
            <v>1538250</v>
          </cell>
          <cell r="M585" t="str">
            <v>特命</v>
          </cell>
          <cell r="N585" t="str">
            <v>高・営</v>
          </cell>
          <cell r="O585">
            <v>39164</v>
          </cell>
          <cell r="P585">
            <v>39172</v>
          </cell>
          <cell r="Q585" t="str">
            <v>壱</v>
          </cell>
          <cell r="R585" t="str">
            <v>無</v>
          </cell>
          <cell r="S585" t="str">
            <v>車両課(二十四軒)</v>
          </cell>
          <cell r="T585" t="str">
            <v>津谷　謙一</v>
          </cell>
          <cell r="U585">
            <v>8211</v>
          </cell>
          <cell r="V585" t="str">
            <v>部長</v>
          </cell>
          <cell r="W585" t="str">
            <v>なか１日</v>
          </cell>
          <cell r="X585" t="str">
            <v>特命</v>
          </cell>
          <cell r="Y585">
            <v>39163</v>
          </cell>
          <cell r="Z585">
            <v>39163</v>
          </cell>
          <cell r="AA585">
            <v>1430</v>
          </cell>
          <cell r="AB585" t="str">
            <v>交通局３階総務課（契約担当）</v>
          </cell>
          <cell r="AD585" t="str">
            <v>平成19年3月22日(木)　14時30分</v>
          </cell>
          <cell r="AI585">
            <v>1</v>
          </cell>
          <cell r="AJ585" t="str">
            <v>札幌交通機械（株）</v>
          </cell>
          <cell r="AU585" t="str">
            <v>要</v>
          </cell>
          <cell r="AV585">
            <v>1455000</v>
          </cell>
          <cell r="AW585">
            <v>1527750</v>
          </cell>
          <cell r="AX585">
            <v>6.8259385665528916E-3</v>
          </cell>
          <cell r="AY585" t="str">
            <v>札幌交通機械（株）</v>
          </cell>
          <cell r="AZ585">
            <v>1455000</v>
          </cell>
          <cell r="BA585">
            <v>1527750</v>
          </cell>
          <cell r="BB585">
            <v>72750</v>
          </cell>
          <cell r="BC585" t="str">
            <v>契約書</v>
          </cell>
          <cell r="BE585">
            <v>39164</v>
          </cell>
          <cell r="BF585" t="str">
            <v>しない</v>
          </cell>
          <cell r="BG585" t="str">
            <v>見積</v>
          </cell>
          <cell r="BH585">
            <v>1</v>
          </cell>
          <cell r="BK585">
            <v>1465000</v>
          </cell>
          <cell r="BL585" t="str">
            <v xml:space="preserve"> </v>
          </cell>
          <cell r="BM585">
            <v>10500</v>
          </cell>
          <cell r="BN585">
            <v>0.99317406143344711</v>
          </cell>
        </row>
        <row r="586">
          <cell r="A586">
            <v>7208</v>
          </cell>
          <cell r="B586" t="str">
            <v>業務委託</v>
          </cell>
          <cell r="C586" t="str">
            <v>札幌市交通局本庁舎等建築設備定期点検業務</v>
          </cell>
          <cell r="D586">
            <v>39156</v>
          </cell>
          <cell r="G586">
            <v>339150</v>
          </cell>
          <cell r="I586">
            <v>1</v>
          </cell>
          <cell r="J586" t="str">
            <v>式</v>
          </cell>
          <cell r="K586" t="str">
            <v/>
          </cell>
          <cell r="L586">
            <v>339150</v>
          </cell>
          <cell r="M586" t="str">
            <v>見積</v>
          </cell>
          <cell r="N586" t="str">
            <v>高・営</v>
          </cell>
          <cell r="O586">
            <v>39164</v>
          </cell>
          <cell r="P586">
            <v>39171</v>
          </cell>
          <cell r="Q586" t="str">
            <v>壱</v>
          </cell>
          <cell r="R586" t="str">
            <v>無</v>
          </cell>
          <cell r="S586" t="str">
            <v>総務課</v>
          </cell>
          <cell r="T586" t="str">
            <v>木下　健二</v>
          </cell>
          <cell r="U586">
            <v>2216</v>
          </cell>
          <cell r="V586" t="str">
            <v>部長</v>
          </cell>
          <cell r="W586" t="str">
            <v>なか１日</v>
          </cell>
          <cell r="X586" t="str">
            <v>見積</v>
          </cell>
          <cell r="Y586">
            <v>39163</v>
          </cell>
          <cell r="Z586">
            <v>39163</v>
          </cell>
          <cell r="AA586">
            <v>1310</v>
          </cell>
          <cell r="AB586" t="str">
            <v>交通局３階総務課（契約担当）</v>
          </cell>
          <cell r="AD586" t="str">
            <v>平成19年3月22日(木)　13時10分</v>
          </cell>
          <cell r="AI586">
            <v>3</v>
          </cell>
          <cell r="AJ586" t="str">
            <v>北日本ビル管理（株）</v>
          </cell>
          <cell r="AK586" t="str">
            <v>北菱産業埠頭（株）</v>
          </cell>
          <cell r="AL586" t="str">
            <v>（株）北海道ビル代行</v>
          </cell>
          <cell r="AU586" t="str">
            <v>省略可</v>
          </cell>
          <cell r="AW586">
            <v>339150</v>
          </cell>
          <cell r="AX586">
            <v>1</v>
          </cell>
          <cell r="AY586" t="str">
            <v>北菱産業埠頭（株）</v>
          </cell>
          <cell r="AZ586">
            <v>300000</v>
          </cell>
          <cell r="BA586">
            <v>315000</v>
          </cell>
          <cell r="BB586">
            <v>15000</v>
          </cell>
          <cell r="BC586" t="str">
            <v>請書</v>
          </cell>
          <cell r="BE586">
            <v>39164</v>
          </cell>
          <cell r="BF586" t="str">
            <v>しない</v>
          </cell>
          <cell r="BG586" t="str">
            <v>見積</v>
          </cell>
          <cell r="BH586">
            <v>0.92879256965944268</v>
          </cell>
          <cell r="BK586">
            <v>323000</v>
          </cell>
          <cell r="BL586" t="str">
            <v xml:space="preserve"> </v>
          </cell>
          <cell r="BM586">
            <v>24150</v>
          </cell>
          <cell r="BN586">
            <v>0.92879256965944268</v>
          </cell>
        </row>
        <row r="587">
          <cell r="A587">
            <v>7209</v>
          </cell>
          <cell r="B587" t="str">
            <v>業務委託</v>
          </cell>
          <cell r="C587" t="str">
            <v>輸送管理システムＩＣカード対応化改修業務</v>
          </cell>
          <cell r="D587">
            <v>39160</v>
          </cell>
          <cell r="E587" t="str">
            <v>特命</v>
          </cell>
          <cell r="G587">
            <v>174195000</v>
          </cell>
          <cell r="I587">
            <v>1</v>
          </cell>
          <cell r="J587" t="str">
            <v>式</v>
          </cell>
          <cell r="K587" t="str">
            <v/>
          </cell>
          <cell r="L587">
            <v>174195000</v>
          </cell>
          <cell r="M587" t="str">
            <v>特命</v>
          </cell>
          <cell r="N587" t="str">
            <v>高・建改</v>
          </cell>
          <cell r="O587">
            <v>39170</v>
          </cell>
          <cell r="P587">
            <v>39903</v>
          </cell>
          <cell r="Q587" t="str">
            <v>壱</v>
          </cell>
          <cell r="R587" t="str">
            <v>無</v>
          </cell>
          <cell r="S587" t="str">
            <v>経営企画課</v>
          </cell>
          <cell r="T587" t="str">
            <v>小川　修司</v>
          </cell>
          <cell r="U587">
            <v>2292</v>
          </cell>
          <cell r="V587" t="str">
            <v>管理者</v>
          </cell>
          <cell r="W587" t="str">
            <v>なか１０日</v>
          </cell>
          <cell r="X587" t="str">
            <v>特命</v>
          </cell>
          <cell r="Y587">
            <v>39170</v>
          </cell>
          <cell r="Z587">
            <v>39169</v>
          </cell>
          <cell r="AA587">
            <v>1500</v>
          </cell>
          <cell r="AB587" t="str">
            <v>交通局３階総務課（契約担当）</v>
          </cell>
          <cell r="AD587" t="str">
            <v>平成19年3月28日(水)　15時00分</v>
          </cell>
          <cell r="AI587">
            <v>1</v>
          </cell>
          <cell r="AJ587" t="str">
            <v>（株）日立製作所北海道支社</v>
          </cell>
          <cell r="AU587" t="str">
            <v>要</v>
          </cell>
          <cell r="AV587">
            <v>165000000</v>
          </cell>
          <cell r="AW587">
            <v>173250000</v>
          </cell>
          <cell r="AX587">
            <v>5.4249547920434127E-3</v>
          </cell>
          <cell r="AY587" t="str">
            <v>（株）日立製作所北海道支社</v>
          </cell>
          <cell r="AZ587">
            <v>165000000</v>
          </cell>
          <cell r="BA587">
            <v>173250000</v>
          </cell>
          <cell r="BB587">
            <v>8250000</v>
          </cell>
          <cell r="BC587" t="str">
            <v>契約書</v>
          </cell>
          <cell r="BE587">
            <v>39170</v>
          </cell>
          <cell r="BF587" t="str">
            <v>する</v>
          </cell>
          <cell r="BG587" t="str">
            <v>見積</v>
          </cell>
          <cell r="BH587">
            <v>1</v>
          </cell>
          <cell r="BK587">
            <v>165900000</v>
          </cell>
          <cell r="BL587" t="str">
            <v xml:space="preserve"> </v>
          </cell>
          <cell r="BM587">
            <v>945000</v>
          </cell>
          <cell r="BN587">
            <v>0.99457504520795659</v>
          </cell>
        </row>
        <row r="588">
          <cell r="A588">
            <v>2095</v>
          </cell>
          <cell r="B588" t="str">
            <v>製造請負</v>
          </cell>
          <cell r="C588" t="str">
            <v>自動出改札装置改良</v>
          </cell>
          <cell r="D588">
            <v>39160</v>
          </cell>
          <cell r="E588" t="str">
            <v>特命</v>
          </cell>
          <cell r="G588">
            <v>559755000</v>
          </cell>
          <cell r="I588">
            <v>1</v>
          </cell>
          <cell r="J588" t="str">
            <v>式</v>
          </cell>
          <cell r="K588" t="str">
            <v/>
          </cell>
          <cell r="L588">
            <v>559755000</v>
          </cell>
          <cell r="M588" t="str">
            <v>特命</v>
          </cell>
          <cell r="N588" t="str">
            <v>高・建改</v>
          </cell>
          <cell r="P588">
            <v>39588</v>
          </cell>
          <cell r="Q588" t="str">
            <v>壱</v>
          </cell>
          <cell r="R588" t="str">
            <v>無</v>
          </cell>
          <cell r="S588" t="str">
            <v>電気課</v>
          </cell>
          <cell r="T588" t="str">
            <v>村川　勇</v>
          </cell>
          <cell r="U588">
            <v>2663</v>
          </cell>
          <cell r="V588" t="str">
            <v>副市長</v>
          </cell>
          <cell r="W588" t="str">
            <v>なか１０日</v>
          </cell>
          <cell r="X588" t="str">
            <v>特命</v>
          </cell>
          <cell r="Y588">
            <v>39168</v>
          </cell>
          <cell r="Z588">
            <v>39170</v>
          </cell>
          <cell r="AA588">
            <v>1530</v>
          </cell>
          <cell r="AB588" t="str">
            <v>交通局３階総務課（契約担当）</v>
          </cell>
          <cell r="AD588" t="str">
            <v>平成19年3月29日(木)　15時30分</v>
          </cell>
          <cell r="AI588">
            <v>1</v>
          </cell>
          <cell r="AJ588" t="str">
            <v>日本信号（株）北海道支店</v>
          </cell>
          <cell r="AU588" t="str">
            <v>要</v>
          </cell>
          <cell r="AV588">
            <v>530000000</v>
          </cell>
          <cell r="AW588">
            <v>556500000</v>
          </cell>
          <cell r="AX588">
            <v>5.8150440817857918E-3</v>
          </cell>
          <cell r="AY588" t="str">
            <v>日本信号（株）北海道支店</v>
          </cell>
          <cell r="AZ588">
            <v>530000000</v>
          </cell>
          <cell r="BA588">
            <v>556500000</v>
          </cell>
          <cell r="BB588">
            <v>26500000</v>
          </cell>
          <cell r="BC588" t="str">
            <v>契約書</v>
          </cell>
          <cell r="BE588">
            <v>39171</v>
          </cell>
          <cell r="BF588" t="str">
            <v>する</v>
          </cell>
          <cell r="BG588" t="str">
            <v>見積</v>
          </cell>
          <cell r="BH588">
            <v>1</v>
          </cell>
          <cell r="BK588">
            <v>533100000</v>
          </cell>
          <cell r="BL588" t="str">
            <v xml:space="preserve"> </v>
          </cell>
          <cell r="BM588">
            <v>3255000</v>
          </cell>
          <cell r="BN588">
            <v>0.99418495591821421</v>
          </cell>
        </row>
        <row r="589">
          <cell r="A589" t="str">
            <v/>
          </cell>
          <cell r="I589">
            <v>1</v>
          </cell>
          <cell r="J589" t="str">
            <v>式</v>
          </cell>
          <cell r="K589" t="str">
            <v/>
          </cell>
          <cell r="L589">
            <v>0</v>
          </cell>
          <cell r="M589" t="e">
            <v>#N/A</v>
          </cell>
          <cell r="Q589" t="str">
            <v>壱</v>
          </cell>
          <cell r="R589" t="str">
            <v>無</v>
          </cell>
          <cell r="V589" t="e">
            <v>#N/A</v>
          </cell>
          <cell r="W589" t="str">
            <v xml:space="preserve"> </v>
          </cell>
          <cell r="X589" t="e">
            <v>#N/A</v>
          </cell>
          <cell r="Y589" t="e">
            <v>#N/A</v>
          </cell>
          <cell r="AD589" t="e">
            <v>#VALUE!</v>
          </cell>
          <cell r="AI589" t="e">
            <v>#N/A</v>
          </cell>
          <cell r="AU589" t="e">
            <v>#N/A</v>
          </cell>
          <cell r="AW589" t="e">
            <v>#N/A</v>
          </cell>
          <cell r="AX589" t="e">
            <v>#DIV/0!</v>
          </cell>
          <cell r="BA589">
            <v>0</v>
          </cell>
          <cell r="BB589">
            <v>0</v>
          </cell>
          <cell r="BC589" t="str">
            <v/>
          </cell>
          <cell r="BF589" t="str">
            <v/>
          </cell>
          <cell r="BG589" t="e">
            <v>#N/A</v>
          </cell>
          <cell r="BH589" t="e">
            <v>#N/A</v>
          </cell>
          <cell r="BK589">
            <v>0</v>
          </cell>
          <cell r="BL589" t="str">
            <v xml:space="preserve"> </v>
          </cell>
          <cell r="BM589">
            <v>0</v>
          </cell>
          <cell r="BN589" t="e">
            <v>#DIV/0!</v>
          </cell>
        </row>
        <row r="590">
          <cell r="A590" t="str">
            <v/>
          </cell>
          <cell r="I590">
            <v>1</v>
          </cell>
          <cell r="J590" t="str">
            <v>式</v>
          </cell>
          <cell r="K590" t="str">
            <v/>
          </cell>
          <cell r="L590">
            <v>0</v>
          </cell>
          <cell r="M590" t="e">
            <v>#N/A</v>
          </cell>
          <cell r="Q590" t="str">
            <v>壱</v>
          </cell>
          <cell r="R590" t="str">
            <v>無</v>
          </cell>
          <cell r="V590" t="e">
            <v>#N/A</v>
          </cell>
          <cell r="W590" t="str">
            <v xml:space="preserve"> </v>
          </cell>
          <cell r="X590" t="e">
            <v>#N/A</v>
          </cell>
          <cell r="Y590" t="e">
            <v>#N/A</v>
          </cell>
          <cell r="AD590" t="e">
            <v>#VALUE!</v>
          </cell>
          <cell r="AI590" t="e">
            <v>#N/A</v>
          </cell>
          <cell r="AU590" t="e">
            <v>#N/A</v>
          </cell>
          <cell r="AW590" t="e">
            <v>#N/A</v>
          </cell>
          <cell r="AX590" t="e">
            <v>#DIV/0!</v>
          </cell>
          <cell r="BA590">
            <v>0</v>
          </cell>
          <cell r="BB590">
            <v>0</v>
          </cell>
          <cell r="BC590" t="str">
            <v/>
          </cell>
          <cell r="BF590" t="str">
            <v/>
          </cell>
          <cell r="BG590" t="e">
            <v>#N/A</v>
          </cell>
          <cell r="BH590" t="e">
            <v>#N/A</v>
          </cell>
          <cell r="BK590">
            <v>0</v>
          </cell>
          <cell r="BL590" t="str">
            <v xml:space="preserve"> </v>
          </cell>
          <cell r="BM590">
            <v>0</v>
          </cell>
          <cell r="BN590" t="e">
            <v>#DIV/0!</v>
          </cell>
        </row>
        <row r="591">
          <cell r="A591" t="str">
            <v/>
          </cell>
          <cell r="I591">
            <v>1</v>
          </cell>
          <cell r="J591" t="str">
            <v>式</v>
          </cell>
          <cell r="K591" t="str">
            <v/>
          </cell>
          <cell r="L591">
            <v>0</v>
          </cell>
          <cell r="M591" t="e">
            <v>#N/A</v>
          </cell>
          <cell r="Q591" t="str">
            <v>壱</v>
          </cell>
          <cell r="R591" t="str">
            <v>無</v>
          </cell>
          <cell r="V591" t="e">
            <v>#N/A</v>
          </cell>
          <cell r="W591" t="str">
            <v xml:space="preserve"> </v>
          </cell>
          <cell r="X591" t="e">
            <v>#N/A</v>
          </cell>
          <cell r="Y591" t="e">
            <v>#N/A</v>
          </cell>
          <cell r="AD591" t="e">
            <v>#VALUE!</v>
          </cell>
          <cell r="AI591" t="e">
            <v>#N/A</v>
          </cell>
          <cell r="AU591" t="e">
            <v>#N/A</v>
          </cell>
          <cell r="AW591" t="e">
            <v>#N/A</v>
          </cell>
          <cell r="AX591" t="e">
            <v>#DIV/0!</v>
          </cell>
          <cell r="BA591">
            <v>0</v>
          </cell>
          <cell r="BB591">
            <v>0</v>
          </cell>
          <cell r="BC591" t="str">
            <v/>
          </cell>
          <cell r="BF591" t="str">
            <v/>
          </cell>
          <cell r="BG591" t="e">
            <v>#N/A</v>
          </cell>
          <cell r="BH591" t="e">
            <v>#N/A</v>
          </cell>
          <cell r="BK591">
            <v>0</v>
          </cell>
          <cell r="BL591" t="str">
            <v xml:space="preserve"> </v>
          </cell>
          <cell r="BM591">
            <v>0</v>
          </cell>
          <cell r="BN591" t="e">
            <v>#DIV/0!</v>
          </cell>
        </row>
        <row r="592">
          <cell r="A592" t="str">
            <v/>
          </cell>
          <cell r="I592">
            <v>1</v>
          </cell>
          <cell r="J592" t="str">
            <v>式</v>
          </cell>
          <cell r="K592" t="str">
            <v/>
          </cell>
          <cell r="L592">
            <v>0</v>
          </cell>
          <cell r="M592" t="e">
            <v>#N/A</v>
          </cell>
          <cell r="Q592" t="str">
            <v>壱</v>
          </cell>
          <cell r="R592" t="str">
            <v>無</v>
          </cell>
          <cell r="V592" t="e">
            <v>#N/A</v>
          </cell>
          <cell r="W592" t="str">
            <v xml:space="preserve"> </v>
          </cell>
          <cell r="X592" t="e">
            <v>#N/A</v>
          </cell>
          <cell r="Y592" t="e">
            <v>#N/A</v>
          </cell>
          <cell r="AD592" t="e">
            <v>#VALUE!</v>
          </cell>
          <cell r="AI592" t="e">
            <v>#N/A</v>
          </cell>
          <cell r="AU592" t="e">
            <v>#N/A</v>
          </cell>
          <cell r="AW592" t="e">
            <v>#N/A</v>
          </cell>
          <cell r="AX592" t="e">
            <v>#DIV/0!</v>
          </cell>
          <cell r="BA592">
            <v>0</v>
          </cell>
          <cell r="BB592">
            <v>0</v>
          </cell>
          <cell r="BC592" t="str">
            <v/>
          </cell>
          <cell r="BF592" t="str">
            <v/>
          </cell>
          <cell r="BG592" t="e">
            <v>#N/A</v>
          </cell>
          <cell r="BH592" t="e">
            <v>#N/A</v>
          </cell>
          <cell r="BK592">
            <v>0</v>
          </cell>
          <cell r="BL592" t="str">
            <v xml:space="preserve"> </v>
          </cell>
          <cell r="BM592">
            <v>0</v>
          </cell>
          <cell r="BN592" t="e">
            <v>#DIV/0!</v>
          </cell>
        </row>
        <row r="593">
          <cell r="A593" t="str">
            <v/>
          </cell>
          <cell r="I593">
            <v>1</v>
          </cell>
          <cell r="J593" t="str">
            <v>式</v>
          </cell>
          <cell r="K593" t="str">
            <v/>
          </cell>
          <cell r="L593">
            <v>0</v>
          </cell>
          <cell r="M593" t="e">
            <v>#N/A</v>
          </cell>
          <cell r="Q593" t="str">
            <v>壱</v>
          </cell>
          <cell r="R593" t="str">
            <v>無</v>
          </cell>
          <cell r="V593" t="e">
            <v>#N/A</v>
          </cell>
          <cell r="W593" t="str">
            <v xml:space="preserve"> </v>
          </cell>
          <cell r="X593" t="e">
            <v>#N/A</v>
          </cell>
          <cell r="Y593" t="e">
            <v>#N/A</v>
          </cell>
          <cell r="AD593" t="e">
            <v>#VALUE!</v>
          </cell>
          <cell r="AI593" t="e">
            <v>#N/A</v>
          </cell>
          <cell r="AU593" t="e">
            <v>#N/A</v>
          </cell>
          <cell r="AW593" t="e">
            <v>#N/A</v>
          </cell>
          <cell r="AX593" t="e">
            <v>#DIV/0!</v>
          </cell>
          <cell r="BA593">
            <v>0</v>
          </cell>
          <cell r="BB593">
            <v>0</v>
          </cell>
          <cell r="BC593" t="str">
            <v/>
          </cell>
          <cell r="BF593" t="str">
            <v/>
          </cell>
          <cell r="BG593" t="e">
            <v>#N/A</v>
          </cell>
          <cell r="BH593" t="e">
            <v>#N/A</v>
          </cell>
          <cell r="BK593">
            <v>0</v>
          </cell>
          <cell r="BL593" t="str">
            <v xml:space="preserve"> </v>
          </cell>
          <cell r="BM593">
            <v>0</v>
          </cell>
          <cell r="BN593" t="e">
            <v>#DIV/0!</v>
          </cell>
        </row>
        <row r="594">
          <cell r="A594" t="str">
            <v/>
          </cell>
          <cell r="I594">
            <v>1</v>
          </cell>
          <cell r="J594" t="str">
            <v>式</v>
          </cell>
          <cell r="K594" t="str">
            <v/>
          </cell>
          <cell r="L594">
            <v>0</v>
          </cell>
          <cell r="M594" t="e">
            <v>#N/A</v>
          </cell>
          <cell r="Q594" t="str">
            <v>壱</v>
          </cell>
          <cell r="R594" t="str">
            <v>無</v>
          </cell>
          <cell r="V594" t="e">
            <v>#N/A</v>
          </cell>
          <cell r="W594" t="str">
            <v xml:space="preserve"> </v>
          </cell>
          <cell r="X594" t="e">
            <v>#N/A</v>
          </cell>
          <cell r="Y594" t="e">
            <v>#N/A</v>
          </cell>
          <cell r="AD594" t="e">
            <v>#VALUE!</v>
          </cell>
          <cell r="AI594" t="e">
            <v>#N/A</v>
          </cell>
          <cell r="AU594" t="e">
            <v>#N/A</v>
          </cell>
          <cell r="AW594" t="e">
            <v>#N/A</v>
          </cell>
          <cell r="AX594" t="e">
            <v>#DIV/0!</v>
          </cell>
          <cell r="BA594">
            <v>0</v>
          </cell>
          <cell r="BB594">
            <v>0</v>
          </cell>
          <cell r="BC594" t="str">
            <v/>
          </cell>
          <cell r="BF594" t="str">
            <v/>
          </cell>
          <cell r="BG594" t="e">
            <v>#N/A</v>
          </cell>
          <cell r="BH594" t="e">
            <v>#N/A</v>
          </cell>
          <cell r="BK594">
            <v>0</v>
          </cell>
          <cell r="BL594" t="str">
            <v xml:space="preserve"> </v>
          </cell>
          <cell r="BM594">
            <v>0</v>
          </cell>
          <cell r="BN594" t="e">
            <v>#DIV/0!</v>
          </cell>
        </row>
        <row r="595">
          <cell r="A595" t="str">
            <v/>
          </cell>
          <cell r="I595">
            <v>1</v>
          </cell>
          <cell r="J595" t="str">
            <v>式</v>
          </cell>
          <cell r="K595" t="str">
            <v/>
          </cell>
          <cell r="L595">
            <v>0</v>
          </cell>
          <cell r="M595" t="e">
            <v>#N/A</v>
          </cell>
          <cell r="Q595" t="str">
            <v>壱</v>
          </cell>
          <cell r="R595" t="str">
            <v>無</v>
          </cell>
          <cell r="V595" t="e">
            <v>#N/A</v>
          </cell>
          <cell r="W595" t="str">
            <v xml:space="preserve"> </v>
          </cell>
          <cell r="X595" t="e">
            <v>#N/A</v>
          </cell>
          <cell r="Y595" t="e">
            <v>#N/A</v>
          </cell>
          <cell r="AD595" t="e">
            <v>#VALUE!</v>
          </cell>
          <cell r="AI595" t="e">
            <v>#N/A</v>
          </cell>
          <cell r="AU595" t="e">
            <v>#N/A</v>
          </cell>
          <cell r="AW595" t="e">
            <v>#N/A</v>
          </cell>
          <cell r="AX595" t="e">
            <v>#DIV/0!</v>
          </cell>
          <cell r="BA595">
            <v>0</v>
          </cell>
          <cell r="BB595">
            <v>0</v>
          </cell>
          <cell r="BC595" t="str">
            <v/>
          </cell>
          <cell r="BF595" t="str">
            <v/>
          </cell>
          <cell r="BG595" t="e">
            <v>#N/A</v>
          </cell>
          <cell r="BH595" t="e">
            <v>#N/A</v>
          </cell>
          <cell r="BK595">
            <v>0</v>
          </cell>
          <cell r="BL595" t="str">
            <v xml:space="preserve"> </v>
          </cell>
          <cell r="BM595">
            <v>0</v>
          </cell>
          <cell r="BN595" t="e">
            <v>#DIV/0!</v>
          </cell>
        </row>
        <row r="596">
          <cell r="A596" t="str">
            <v/>
          </cell>
          <cell r="I596">
            <v>1</v>
          </cell>
          <cell r="J596" t="str">
            <v>式</v>
          </cell>
          <cell r="K596" t="str">
            <v/>
          </cell>
          <cell r="L596">
            <v>0</v>
          </cell>
          <cell r="M596" t="e">
            <v>#N/A</v>
          </cell>
          <cell r="Q596" t="str">
            <v>壱</v>
          </cell>
          <cell r="R596" t="str">
            <v>無</v>
          </cell>
          <cell r="V596" t="e">
            <v>#N/A</v>
          </cell>
          <cell r="W596" t="str">
            <v xml:space="preserve"> </v>
          </cell>
          <cell r="X596" t="e">
            <v>#N/A</v>
          </cell>
          <cell r="Y596" t="e">
            <v>#N/A</v>
          </cell>
          <cell r="AD596" t="e">
            <v>#VALUE!</v>
          </cell>
          <cell r="AI596" t="e">
            <v>#N/A</v>
          </cell>
          <cell r="AU596" t="e">
            <v>#N/A</v>
          </cell>
          <cell r="AW596" t="e">
            <v>#N/A</v>
          </cell>
          <cell r="AX596" t="e">
            <v>#DIV/0!</v>
          </cell>
          <cell r="BA596">
            <v>0</v>
          </cell>
          <cell r="BB596">
            <v>0</v>
          </cell>
          <cell r="BC596" t="str">
            <v/>
          </cell>
          <cell r="BF596" t="str">
            <v/>
          </cell>
          <cell r="BG596" t="e">
            <v>#N/A</v>
          </cell>
          <cell r="BH596" t="e">
            <v>#N/A</v>
          </cell>
          <cell r="BK596">
            <v>0</v>
          </cell>
          <cell r="BL596" t="str">
            <v xml:space="preserve"> </v>
          </cell>
          <cell r="BM596">
            <v>0</v>
          </cell>
          <cell r="BN596" t="e">
            <v>#DIV/0!</v>
          </cell>
        </row>
        <row r="597">
          <cell r="A597" t="str">
            <v/>
          </cell>
          <cell r="I597">
            <v>1</v>
          </cell>
          <cell r="J597" t="str">
            <v>式</v>
          </cell>
          <cell r="K597" t="str">
            <v/>
          </cell>
          <cell r="L597">
            <v>0</v>
          </cell>
          <cell r="M597" t="e">
            <v>#N/A</v>
          </cell>
          <cell r="Q597" t="str">
            <v>壱</v>
          </cell>
          <cell r="R597" t="str">
            <v>無</v>
          </cell>
          <cell r="V597" t="e">
            <v>#N/A</v>
          </cell>
          <cell r="W597" t="str">
            <v xml:space="preserve"> </v>
          </cell>
          <cell r="X597" t="e">
            <v>#N/A</v>
          </cell>
          <cell r="Y597" t="e">
            <v>#N/A</v>
          </cell>
          <cell r="AD597" t="e">
            <v>#VALUE!</v>
          </cell>
          <cell r="AI597" t="e">
            <v>#N/A</v>
          </cell>
          <cell r="AU597" t="e">
            <v>#N/A</v>
          </cell>
          <cell r="AW597" t="e">
            <v>#N/A</v>
          </cell>
          <cell r="AX597" t="e">
            <v>#DIV/0!</v>
          </cell>
          <cell r="BA597">
            <v>0</v>
          </cell>
          <cell r="BB597">
            <v>0</v>
          </cell>
          <cell r="BC597" t="str">
            <v/>
          </cell>
          <cell r="BF597" t="str">
            <v/>
          </cell>
          <cell r="BG597" t="e">
            <v>#N/A</v>
          </cell>
          <cell r="BH597" t="e">
            <v>#N/A</v>
          </cell>
          <cell r="BK597">
            <v>0</v>
          </cell>
          <cell r="BL597" t="str">
            <v xml:space="preserve"> </v>
          </cell>
          <cell r="BM597">
            <v>0</v>
          </cell>
          <cell r="BN597" t="e">
            <v>#DIV/0!</v>
          </cell>
        </row>
        <row r="598">
          <cell r="A598" t="str">
            <v/>
          </cell>
          <cell r="I598">
            <v>1</v>
          </cell>
          <cell r="J598" t="str">
            <v>式</v>
          </cell>
          <cell r="K598" t="str">
            <v/>
          </cell>
          <cell r="L598">
            <v>0</v>
          </cell>
          <cell r="M598" t="e">
            <v>#N/A</v>
          </cell>
          <cell r="Q598" t="str">
            <v>壱</v>
          </cell>
          <cell r="R598" t="str">
            <v>無</v>
          </cell>
          <cell r="V598" t="e">
            <v>#N/A</v>
          </cell>
          <cell r="W598" t="str">
            <v xml:space="preserve"> </v>
          </cell>
          <cell r="X598" t="e">
            <v>#N/A</v>
          </cell>
          <cell r="Y598" t="e">
            <v>#N/A</v>
          </cell>
          <cell r="AD598" t="e">
            <v>#VALUE!</v>
          </cell>
          <cell r="AI598" t="e">
            <v>#N/A</v>
          </cell>
          <cell r="AU598" t="e">
            <v>#N/A</v>
          </cell>
          <cell r="AW598" t="e">
            <v>#N/A</v>
          </cell>
          <cell r="AX598" t="e">
            <v>#DIV/0!</v>
          </cell>
          <cell r="BA598">
            <v>0</v>
          </cell>
          <cell r="BB598">
            <v>0</v>
          </cell>
          <cell r="BC598" t="str">
            <v/>
          </cell>
          <cell r="BF598" t="str">
            <v/>
          </cell>
          <cell r="BG598" t="e">
            <v>#N/A</v>
          </cell>
          <cell r="BH598" t="e">
            <v>#N/A</v>
          </cell>
          <cell r="BK598">
            <v>0</v>
          </cell>
          <cell r="BL598" t="str">
            <v xml:space="preserve"> </v>
          </cell>
          <cell r="BM598">
            <v>0</v>
          </cell>
          <cell r="BN598" t="e">
            <v>#DIV/0!</v>
          </cell>
        </row>
      </sheetData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21C338C2-8F91-426B-9FAF-12B6C89A4864}">
  <sheetPr>
    <tabColor indexed="57"/>
  </sheetPr>
  <dimension ref="A1:K57"/>
  <sheetViews>
    <sheetView showZeros="0" tabSelected="1" view="pageBreakPreview" zoomScale="85" zoomScaleNormal="100" zoomScaleSheetLayoutView="85" workbookViewId="0">
      <selection activeCell="I13" sqref="I13"/>
    </sheetView>
  </sheetViews>
  <sheetFormatPr defaultRowHeight="14.25" x14ac:dyDescent="0.15"/>
  <cols>
    <col min="1" max="1" width="4" style="6" customWidth="1"/>
    <col min="2" max="2" width="30.625" style="5" customWidth="1"/>
    <col min="3" max="3" width="3.75" style="5" customWidth="1"/>
    <col min="4" max="4" width="30.625" style="5" customWidth="1"/>
    <col min="5" max="5" width="4.375" style="5" customWidth="1"/>
    <col min="6" max="6" width="11.25" style="20" customWidth="1"/>
    <col min="7" max="7" width="14.625" style="5" customWidth="1"/>
    <col min="8" max="8" width="18.25" style="5" customWidth="1"/>
    <col min="9" max="16384" width="9" style="5"/>
  </cols>
  <sheetData>
    <row r="1" spans="1:11" ht="24" customHeight="1" x14ac:dyDescent="0.15">
      <c r="A1" s="1"/>
      <c r="B1" s="2"/>
      <c r="C1" s="2"/>
      <c r="D1" s="2"/>
      <c r="E1" s="3"/>
      <c r="F1" s="4"/>
      <c r="G1" s="3"/>
      <c r="H1" s="3" t="s">
        <v>0</v>
      </c>
    </row>
    <row r="2" spans="1:11" ht="6.75" customHeight="1" x14ac:dyDescent="0.15">
      <c r="B2" s="7"/>
      <c r="C2" s="7"/>
      <c r="D2" s="8"/>
      <c r="E2" s="8"/>
      <c r="F2" s="9"/>
      <c r="G2" s="8"/>
      <c r="H2" s="8"/>
    </row>
    <row r="3" spans="1:11" ht="38.25" customHeight="1" x14ac:dyDescent="0.15">
      <c r="A3" s="10" t="s">
        <v>1</v>
      </c>
      <c r="B3" s="10"/>
      <c r="C3" s="10"/>
      <c r="D3" s="10"/>
      <c r="E3" s="10"/>
      <c r="F3" s="10"/>
      <c r="G3" s="10"/>
      <c r="H3" s="10"/>
    </row>
    <row r="4" spans="1:11" ht="12.75" customHeight="1" thickBot="1" x14ac:dyDescent="0.2">
      <c r="A4" s="11"/>
      <c r="B4" s="11"/>
      <c r="C4" s="11"/>
      <c r="D4" s="11"/>
      <c r="E4" s="11"/>
      <c r="F4" s="11"/>
      <c r="G4" s="11"/>
      <c r="H4" s="11"/>
    </row>
    <row r="5" spans="1:11" ht="38.25" customHeight="1" thickBot="1" x14ac:dyDescent="0.2">
      <c r="A5" s="12"/>
      <c r="B5" s="13" t="s">
        <v>2</v>
      </c>
      <c r="C5" s="14"/>
      <c r="D5" s="14"/>
      <c r="E5" s="14"/>
      <c r="F5" s="14"/>
      <c r="G5" s="15" t="s">
        <v>3</v>
      </c>
      <c r="H5" s="11"/>
      <c r="J5" s="16" t="s">
        <v>4</v>
      </c>
      <c r="K5" s="16"/>
    </row>
    <row r="6" spans="1:11" ht="12.75" customHeight="1" x14ac:dyDescent="0.15">
      <c r="A6" s="17"/>
      <c r="B6" s="17"/>
      <c r="C6" s="17"/>
      <c r="D6" s="17"/>
      <c r="E6" s="17"/>
      <c r="F6" s="17"/>
      <c r="G6" s="17"/>
      <c r="H6" s="11"/>
    </row>
    <row r="7" spans="1:11" ht="36.75" customHeight="1" x14ac:dyDescent="0.15">
      <c r="A7" s="18"/>
      <c r="B7" s="19" t="s">
        <v>5</v>
      </c>
      <c r="C7" s="19"/>
      <c r="D7" s="19"/>
    </row>
    <row r="8" spans="1:11" ht="24.95" customHeight="1" x14ac:dyDescent="0.15">
      <c r="A8" s="21" t="s">
        <v>6</v>
      </c>
      <c r="B8" s="22"/>
      <c r="C8" s="21" t="s">
        <v>7</v>
      </c>
      <c r="D8" s="22"/>
      <c r="E8" s="23" t="s">
        <v>8</v>
      </c>
      <c r="F8" s="24" t="s">
        <v>9</v>
      </c>
      <c r="G8" s="25" t="s">
        <v>10</v>
      </c>
      <c r="H8" s="24" t="s">
        <v>11</v>
      </c>
    </row>
    <row r="9" spans="1:11" ht="24.95" customHeight="1" x14ac:dyDescent="0.15">
      <c r="A9" s="26">
        <v>1</v>
      </c>
      <c r="B9" s="27" t="s">
        <v>12</v>
      </c>
      <c r="C9" s="28">
        <v>1</v>
      </c>
      <c r="D9" s="29" t="s">
        <v>13</v>
      </c>
      <c r="E9" s="30" t="s">
        <v>14</v>
      </c>
      <c r="F9" s="31">
        <v>22600</v>
      </c>
      <c r="G9" s="32"/>
      <c r="H9" s="33"/>
    </row>
    <row r="10" spans="1:11" ht="24.95" customHeight="1" x14ac:dyDescent="0.15">
      <c r="A10" s="26">
        <v>2</v>
      </c>
      <c r="B10" s="34" t="s">
        <v>15</v>
      </c>
      <c r="C10" s="35">
        <v>1</v>
      </c>
      <c r="D10" s="36" t="s">
        <v>13</v>
      </c>
      <c r="E10" s="37" t="s">
        <v>14</v>
      </c>
      <c r="F10" s="31">
        <v>2360</v>
      </c>
      <c r="G10" s="38"/>
      <c r="H10" s="33"/>
    </row>
    <row r="11" spans="1:11" ht="24.95" customHeight="1" x14ac:dyDescent="0.15">
      <c r="A11" s="26">
        <v>3</v>
      </c>
      <c r="B11" s="34" t="s">
        <v>16</v>
      </c>
      <c r="C11" s="35">
        <v>1</v>
      </c>
      <c r="D11" s="36" t="s">
        <v>13</v>
      </c>
      <c r="E11" s="37" t="s">
        <v>14</v>
      </c>
      <c r="F11" s="31">
        <v>160</v>
      </c>
      <c r="G11" s="38"/>
      <c r="H11" s="33"/>
    </row>
    <row r="12" spans="1:11" ht="24.95" customHeight="1" x14ac:dyDescent="0.15">
      <c r="A12" s="26">
        <v>4</v>
      </c>
      <c r="B12" s="34" t="s">
        <v>17</v>
      </c>
      <c r="C12" s="35">
        <v>1</v>
      </c>
      <c r="D12" s="36" t="s">
        <v>13</v>
      </c>
      <c r="E12" s="37" t="s">
        <v>14</v>
      </c>
      <c r="F12" s="31">
        <v>6600</v>
      </c>
      <c r="G12" s="38"/>
      <c r="H12" s="33"/>
    </row>
    <row r="13" spans="1:11" ht="24.95" customHeight="1" x14ac:dyDescent="0.15">
      <c r="A13" s="39">
        <v>5</v>
      </c>
      <c r="B13" s="40" t="s">
        <v>18</v>
      </c>
      <c r="C13" s="39">
        <v>1</v>
      </c>
      <c r="D13" s="41" t="s">
        <v>13</v>
      </c>
      <c r="E13" s="42" t="s">
        <v>14</v>
      </c>
      <c r="F13" s="43">
        <v>18400</v>
      </c>
      <c r="G13" s="44"/>
      <c r="H13" s="45"/>
    </row>
    <row r="14" spans="1:11" ht="24.95" customHeight="1" x14ac:dyDescent="0.15">
      <c r="A14" s="26"/>
      <c r="B14" s="46"/>
      <c r="C14" s="26"/>
      <c r="D14" s="47"/>
      <c r="E14" s="48"/>
      <c r="F14" s="49"/>
      <c r="G14" s="50"/>
      <c r="H14" s="51"/>
    </row>
    <row r="15" spans="1:11" ht="24.95" customHeight="1" x14ac:dyDescent="0.15">
      <c r="A15" s="26"/>
      <c r="B15" s="34"/>
      <c r="C15" s="35"/>
      <c r="D15" s="36"/>
      <c r="E15" s="37"/>
      <c r="F15" s="31"/>
      <c r="G15" s="52"/>
      <c r="H15" s="33"/>
    </row>
    <row r="16" spans="1:11" ht="24.95" customHeight="1" x14ac:dyDescent="0.15">
      <c r="A16" s="26"/>
      <c r="B16" s="34"/>
      <c r="C16" s="35"/>
      <c r="D16" s="36"/>
      <c r="E16" s="37"/>
      <c r="F16" s="31"/>
      <c r="G16" s="38"/>
      <c r="H16" s="33"/>
    </row>
    <row r="17" spans="1:8" ht="24.95" customHeight="1" x14ac:dyDescent="0.15">
      <c r="A17" s="26"/>
      <c r="B17" s="34"/>
      <c r="C17" s="35"/>
      <c r="D17" s="36"/>
      <c r="E17" s="37"/>
      <c r="F17" s="31"/>
      <c r="G17" s="38"/>
      <c r="H17" s="33"/>
    </row>
    <row r="18" spans="1:8" ht="24.95" customHeight="1" x14ac:dyDescent="0.15">
      <c r="A18" s="39"/>
      <c r="B18" s="40"/>
      <c r="C18" s="39"/>
      <c r="D18" s="41"/>
      <c r="E18" s="42"/>
      <c r="F18" s="43"/>
      <c r="G18" s="53"/>
      <c r="H18" s="45"/>
    </row>
    <row r="19" spans="1:8" ht="24.95" customHeight="1" x14ac:dyDescent="0.15">
      <c r="A19" s="26"/>
      <c r="B19" s="46"/>
      <c r="C19" s="26"/>
      <c r="D19" s="47"/>
      <c r="E19" s="48"/>
      <c r="F19" s="49"/>
      <c r="G19" s="52"/>
      <c r="H19" s="51"/>
    </row>
    <row r="20" spans="1:8" ht="24.95" customHeight="1" x14ac:dyDescent="0.15">
      <c r="A20" s="26"/>
      <c r="B20" s="34"/>
      <c r="C20" s="35"/>
      <c r="D20" s="36"/>
      <c r="E20" s="37"/>
      <c r="F20" s="31"/>
      <c r="G20" s="38"/>
      <c r="H20" s="33"/>
    </row>
    <row r="21" spans="1:8" ht="24.95" customHeight="1" x14ac:dyDescent="0.15">
      <c r="A21" s="26"/>
      <c r="B21" s="34"/>
      <c r="C21" s="35"/>
      <c r="D21" s="36"/>
      <c r="E21" s="37"/>
      <c r="F21" s="31"/>
      <c r="G21" s="38"/>
      <c r="H21" s="33"/>
    </row>
    <row r="22" spans="1:8" ht="24.95" customHeight="1" x14ac:dyDescent="0.15">
      <c r="A22" s="26"/>
      <c r="B22" s="34"/>
      <c r="C22" s="35"/>
      <c r="D22" s="36"/>
      <c r="E22" s="37"/>
      <c r="F22" s="31"/>
      <c r="G22" s="38"/>
      <c r="H22" s="33"/>
    </row>
    <row r="23" spans="1:8" ht="24.95" customHeight="1" x14ac:dyDescent="0.15">
      <c r="A23" s="39"/>
      <c r="B23" s="40"/>
      <c r="C23" s="39"/>
      <c r="D23" s="41"/>
      <c r="E23" s="42"/>
      <c r="F23" s="43"/>
      <c r="G23" s="44"/>
      <c r="H23" s="45"/>
    </row>
    <row r="24" spans="1:8" ht="24.95" customHeight="1" x14ac:dyDescent="0.15">
      <c r="A24" s="26"/>
      <c r="B24" s="46"/>
      <c r="C24" s="26"/>
      <c r="D24" s="47"/>
      <c r="E24" s="54"/>
      <c r="F24" s="49"/>
      <c r="G24" s="55"/>
      <c r="H24" s="51"/>
    </row>
    <row r="25" spans="1:8" ht="24.95" customHeight="1" x14ac:dyDescent="0.15">
      <c r="A25" s="26"/>
      <c r="B25" s="34"/>
      <c r="C25" s="35"/>
      <c r="D25" s="56"/>
      <c r="E25" s="48"/>
      <c r="F25" s="31"/>
      <c r="G25" s="38"/>
      <c r="H25" s="33"/>
    </row>
    <row r="26" spans="1:8" ht="24.95" customHeight="1" x14ac:dyDescent="0.15">
      <c r="A26" s="26"/>
      <c r="B26" s="34"/>
      <c r="C26" s="35"/>
      <c r="D26" s="36"/>
      <c r="E26" s="35"/>
      <c r="F26" s="31"/>
      <c r="G26" s="38"/>
      <c r="H26" s="33"/>
    </row>
    <row r="27" spans="1:8" ht="24.95" customHeight="1" x14ac:dyDescent="0.15">
      <c r="A27" s="26"/>
      <c r="B27" s="34"/>
      <c r="C27" s="35"/>
      <c r="D27" s="36"/>
      <c r="E27" s="35"/>
      <c r="F27" s="31"/>
      <c r="G27" s="38"/>
      <c r="H27" s="33"/>
    </row>
    <row r="28" spans="1:8" ht="24.95" customHeight="1" x14ac:dyDescent="0.15">
      <c r="A28" s="39"/>
      <c r="B28" s="40"/>
      <c r="C28" s="39"/>
      <c r="D28" s="57"/>
      <c r="E28" s="39"/>
      <c r="F28" s="43"/>
      <c r="G28" s="53"/>
      <c r="H28" s="58"/>
    </row>
    <row r="29" spans="1:8" ht="24.95" customHeight="1" x14ac:dyDescent="0.15">
      <c r="A29" s="26"/>
      <c r="B29" s="46"/>
      <c r="C29" s="26"/>
      <c r="D29" s="47"/>
      <c r="E29" s="26"/>
      <c r="F29" s="49"/>
      <c r="G29" s="52"/>
      <c r="H29" s="51"/>
    </row>
    <row r="30" spans="1:8" ht="24.95" customHeight="1" x14ac:dyDescent="0.15">
      <c r="A30" s="26"/>
      <c r="B30" s="34"/>
      <c r="C30" s="35"/>
      <c r="D30" s="36"/>
      <c r="E30" s="35"/>
      <c r="F30" s="31"/>
      <c r="G30" s="38"/>
      <c r="H30" s="33"/>
    </row>
    <row r="31" spans="1:8" ht="24.95" customHeight="1" x14ac:dyDescent="0.15">
      <c r="A31" s="26"/>
      <c r="B31" s="34"/>
      <c r="C31" s="35"/>
      <c r="D31" s="36"/>
      <c r="E31" s="35"/>
      <c r="F31" s="31"/>
      <c r="G31" s="38"/>
      <c r="H31" s="33"/>
    </row>
    <row r="32" spans="1:8" ht="24.95" customHeight="1" x14ac:dyDescent="0.15">
      <c r="A32" s="26"/>
      <c r="B32" s="34"/>
      <c r="C32" s="35"/>
      <c r="D32" s="36"/>
      <c r="E32" s="35"/>
      <c r="F32" s="31"/>
      <c r="G32" s="38"/>
      <c r="H32" s="33"/>
    </row>
    <row r="33" spans="1:8" ht="24.95" customHeight="1" x14ac:dyDescent="0.15">
      <c r="A33" s="39"/>
      <c r="B33" s="40"/>
      <c r="C33" s="39"/>
      <c r="D33" s="41"/>
      <c r="E33" s="59"/>
      <c r="F33" s="43"/>
      <c r="G33" s="44"/>
      <c r="H33" s="45"/>
    </row>
    <row r="34" spans="1:8" ht="24.95" customHeight="1" x14ac:dyDescent="0.15">
      <c r="A34" s="26"/>
      <c r="B34" s="46"/>
      <c r="C34" s="26"/>
      <c r="D34" s="47"/>
      <c r="E34" s="28"/>
      <c r="F34" s="49"/>
      <c r="G34" s="55"/>
      <c r="H34" s="51"/>
    </row>
    <row r="35" spans="1:8" ht="24.95" customHeight="1" x14ac:dyDescent="0.15">
      <c r="A35" s="26"/>
      <c r="B35" s="34"/>
      <c r="C35" s="35"/>
      <c r="D35" s="36"/>
      <c r="E35" s="35"/>
      <c r="F35" s="31"/>
      <c r="G35" s="38"/>
      <c r="H35" s="33"/>
    </row>
    <row r="36" spans="1:8" ht="24.95" customHeight="1" x14ac:dyDescent="0.15">
      <c r="A36" s="26"/>
      <c r="B36" s="34"/>
      <c r="C36" s="35"/>
      <c r="D36" s="36"/>
      <c r="E36" s="35"/>
      <c r="F36" s="31"/>
      <c r="G36" s="38"/>
      <c r="H36" s="33"/>
    </row>
    <row r="37" spans="1:8" ht="24.95" customHeight="1" x14ac:dyDescent="0.15">
      <c r="A37" s="26"/>
      <c r="B37" s="34"/>
      <c r="C37" s="35"/>
      <c r="D37" s="36"/>
      <c r="E37" s="35"/>
      <c r="F37" s="31"/>
      <c r="G37" s="38"/>
      <c r="H37" s="33"/>
    </row>
    <row r="38" spans="1:8" ht="24.95" customHeight="1" thickBot="1" x14ac:dyDescent="0.2">
      <c r="A38" s="39"/>
      <c r="B38" s="40"/>
      <c r="C38" s="39"/>
      <c r="D38" s="40"/>
      <c r="E38" s="39"/>
      <c r="F38" s="43"/>
      <c r="G38" s="53"/>
      <c r="H38" s="33"/>
    </row>
    <row r="39" spans="1:8" ht="24.95" customHeight="1" thickBot="1" x14ac:dyDescent="0.2">
      <c r="A39" s="60" t="s">
        <v>19</v>
      </c>
      <c r="B39" s="61"/>
      <c r="C39" s="61"/>
      <c r="D39" s="61"/>
      <c r="E39" s="61"/>
      <c r="F39" s="61"/>
      <c r="G39" s="61"/>
      <c r="H39" s="62"/>
    </row>
    <row r="40" spans="1:8" ht="12" customHeight="1" x14ac:dyDescent="0.15">
      <c r="A40" s="63"/>
      <c r="B40" s="63"/>
      <c r="C40" s="63"/>
      <c r="D40" s="63"/>
      <c r="E40" s="63"/>
      <c r="F40" s="63"/>
      <c r="G40" s="63"/>
      <c r="H40" s="63"/>
    </row>
    <row r="41" spans="1:8" ht="40.5" customHeight="1" x14ac:dyDescent="0.15">
      <c r="A41" s="64" t="s">
        <v>20</v>
      </c>
      <c r="B41" s="64"/>
      <c r="C41" s="64"/>
      <c r="D41" s="64"/>
      <c r="E41" s="64"/>
      <c r="F41" s="64"/>
      <c r="G41" s="64"/>
      <c r="H41" s="64"/>
    </row>
    <row r="42" spans="1:8" ht="20.100000000000001" customHeight="1" x14ac:dyDescent="0.15">
      <c r="A42" s="65"/>
      <c r="B42" s="65"/>
      <c r="C42" s="65"/>
      <c r="D42" s="65"/>
      <c r="E42" s="65"/>
      <c r="F42" s="65"/>
      <c r="G42" s="66" t="s">
        <v>21</v>
      </c>
      <c r="H42" s="65"/>
    </row>
    <row r="43" spans="1:8" ht="20.100000000000001" customHeight="1" x14ac:dyDescent="0.15">
      <c r="A43" s="65"/>
      <c r="B43" s="65" t="s">
        <v>22</v>
      </c>
      <c r="C43" s="65"/>
      <c r="D43" s="65"/>
      <c r="E43" s="65"/>
      <c r="F43" s="65"/>
      <c r="G43" s="65"/>
      <c r="H43" s="65"/>
    </row>
    <row r="44" spans="1:8" ht="20.100000000000001" customHeight="1" x14ac:dyDescent="0.15">
      <c r="A44" s="65"/>
      <c r="B44" s="67" t="s">
        <v>23</v>
      </c>
      <c r="C44" s="65"/>
      <c r="D44" s="65"/>
      <c r="E44" s="65"/>
      <c r="F44" s="65"/>
      <c r="G44" s="65"/>
      <c r="H44" s="65"/>
    </row>
    <row r="45" spans="1:8" ht="20.100000000000001" customHeight="1" x14ac:dyDescent="0.15">
      <c r="A45" s="65"/>
      <c r="B45" s="65"/>
      <c r="C45" s="65"/>
      <c r="D45" s="66" t="s">
        <v>24</v>
      </c>
      <c r="E45" s="65"/>
      <c r="F45" s="65"/>
      <c r="G45" s="65"/>
      <c r="H45" s="65"/>
    </row>
    <row r="46" spans="1:8" ht="20.100000000000001" customHeight="1" x14ac:dyDescent="0.15">
      <c r="A46" s="65"/>
      <c r="B46" s="65"/>
      <c r="C46" s="65"/>
      <c r="D46" s="66" t="s">
        <v>25</v>
      </c>
      <c r="E46" s="65"/>
      <c r="F46" s="65"/>
      <c r="G46" s="65"/>
      <c r="H46" s="66" t="s">
        <v>26</v>
      </c>
    </row>
    <row r="47" spans="1:8" ht="20.100000000000001" customHeight="1" x14ac:dyDescent="0.15">
      <c r="A47" s="65"/>
      <c r="B47" s="65"/>
      <c r="C47" s="65"/>
      <c r="D47" s="66" t="s">
        <v>27</v>
      </c>
      <c r="E47" s="65"/>
      <c r="F47" s="65"/>
      <c r="G47" s="65"/>
      <c r="H47" s="65"/>
    </row>
    <row r="48" spans="1:8" ht="20.100000000000001" customHeight="1" x14ac:dyDescent="0.15">
      <c r="A48" s="65"/>
      <c r="B48" s="65"/>
      <c r="C48" s="65"/>
      <c r="D48" s="65"/>
      <c r="E48" s="65"/>
      <c r="F48" s="68"/>
      <c r="G48" s="65"/>
      <c r="H48" s="65"/>
    </row>
    <row r="49" spans="1:8" ht="20.100000000000001" customHeight="1" x14ac:dyDescent="0.15">
      <c r="A49" s="65"/>
      <c r="B49" s="65"/>
      <c r="C49" s="65"/>
      <c r="D49" s="66" t="s">
        <v>28</v>
      </c>
      <c r="E49" s="65"/>
      <c r="F49" s="68"/>
      <c r="G49" s="65"/>
      <c r="H49" s="66" t="s">
        <v>26</v>
      </c>
    </row>
    <row r="50" spans="1:8" ht="20.100000000000001" customHeight="1" x14ac:dyDescent="0.15">
      <c r="A50" s="18"/>
      <c r="B50" s="65"/>
      <c r="C50" s="65"/>
      <c r="D50" s="65"/>
      <c r="E50" s="65"/>
      <c r="F50" s="68"/>
      <c r="G50" s="65"/>
      <c r="H50" s="65"/>
    </row>
    <row r="51" spans="1:8" ht="20.100000000000001" customHeight="1" x14ac:dyDescent="0.15"/>
    <row r="52" spans="1:8" ht="20.100000000000001" customHeight="1" x14ac:dyDescent="0.15">
      <c r="A52" s="69" t="s">
        <v>29</v>
      </c>
      <c r="B52" s="69"/>
      <c r="C52" s="69"/>
      <c r="D52" s="69"/>
      <c r="E52" s="69"/>
      <c r="F52" s="69"/>
      <c r="G52" s="69"/>
      <c r="H52" s="69"/>
    </row>
    <row r="53" spans="1:8" ht="20.100000000000001" customHeight="1" x14ac:dyDescent="0.15">
      <c r="A53" s="69" t="s">
        <v>30</v>
      </c>
      <c r="B53" s="69"/>
      <c r="C53" s="69"/>
      <c r="D53" s="69"/>
      <c r="E53" s="69"/>
      <c r="F53" s="69"/>
      <c r="G53" s="69"/>
      <c r="H53" s="69"/>
    </row>
    <row r="54" spans="1:8" ht="20.100000000000001" customHeight="1" x14ac:dyDescent="0.15"/>
    <row r="55" spans="1:8" ht="20.100000000000001" customHeight="1" x14ac:dyDescent="0.15"/>
    <row r="56" spans="1:8" ht="20.100000000000001" customHeight="1" x14ac:dyDescent="0.15"/>
    <row r="57" spans="1:8" ht="20.100000000000001" customHeight="1" x14ac:dyDescent="0.15"/>
  </sheetData>
  <mergeCells count="10">
    <mergeCell ref="A39:G39"/>
    <mergeCell ref="A41:H41"/>
    <mergeCell ref="A52:H52"/>
    <mergeCell ref="A53:H53"/>
    <mergeCell ref="B1:D1"/>
    <mergeCell ref="A3:H3"/>
    <mergeCell ref="C5:F5"/>
    <mergeCell ref="B7:D7"/>
    <mergeCell ref="A8:B8"/>
    <mergeCell ref="C8:D8"/>
  </mergeCells>
  <phoneticPr fontId="3"/>
  <conditionalFormatting sqref="A9:A38 A40">
    <cfRule type="expression" dxfId="5" priority="6" stopIfTrue="1">
      <formula>ISERROR(B9)</formula>
    </cfRule>
  </conditionalFormatting>
  <conditionalFormatting sqref="B14:G38 B9:E13 G9:G13">
    <cfRule type="expression" dxfId="4" priority="5" stopIfTrue="1">
      <formula>ISERROR(B9)</formula>
    </cfRule>
  </conditionalFormatting>
  <conditionalFormatting sqref="A39">
    <cfRule type="expression" dxfId="3" priority="4" stopIfTrue="1">
      <formula>ISERROR(B39)</formula>
    </cfRule>
  </conditionalFormatting>
  <conditionalFormatting sqref="H9:H38">
    <cfRule type="expression" dxfId="2" priority="3" stopIfTrue="1">
      <formula>ISERROR(H9)</formula>
    </cfRule>
  </conditionalFormatting>
  <conditionalFormatting sqref="H39">
    <cfRule type="expression" dxfId="1" priority="2" stopIfTrue="1">
      <formula>ISERROR(H39)</formula>
    </cfRule>
  </conditionalFormatting>
  <conditionalFormatting sqref="F9:F13">
    <cfRule type="expression" dxfId="0" priority="1" stopIfTrue="1">
      <formula>ISERROR(F9)</formula>
    </cfRule>
  </conditionalFormatting>
  <pageMargins left="0.98425196850393704" right="0.19685039370078741" top="0.35433070866141736" bottom="0.19685039370078741" header="0.35433070866141736" footer="0.19685039370078741"/>
  <pageSetup paperSize="9" scale="70" orientation="portrait" verticalDpi="400" r:id="rId1"/>
  <headerFooter alignWithMargins="0"/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230</vt:lpstr>
      <vt:lpstr>'230'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田中 健一</dc:creator>
  <cp:lastModifiedBy>田中 健一</cp:lastModifiedBy>
  <dcterms:created xsi:type="dcterms:W3CDTF">2024-02-14T04:59:38Z</dcterms:created>
  <dcterms:modified xsi:type="dcterms:W3CDTF">2024-02-14T04:59:47Z</dcterms:modified>
</cp:coreProperties>
</file>